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queryTables/queryTable1.xml" ContentType="application/vnd.openxmlformats-officedocument.spreadsheetml.queryTable+xml"/>
  <Override PartName="/xl/queryTables/queryTable2.xml" ContentType="application/vnd.openxmlformats-officedocument.spreadsheetml.queryTable+xml"/>
  <Override PartName="/xl/queryTables/queryTable3.xml" ContentType="application/vnd.openxmlformats-officedocument.spreadsheetml.queryTable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codeName="ThisWorkbook" defaultThemeVersion="124226"/>
  <bookViews>
    <workbookView xWindow="120" yWindow="165" windowWidth="15195" windowHeight="7875"/>
  </bookViews>
  <sheets>
    <sheet name="Data" sheetId="4" r:id="rId1"/>
  </sheets>
  <definedNames>
    <definedName name="January_exhaustive_search" localSheetId="0">Data!$A$3:$F$17904</definedName>
    <definedName name="January_exhaustive_search_1" localSheetId="0">Data!$A$3:$F$18502</definedName>
    <definedName name="recovered_latest_4" localSheetId="0">Data!$A$18482:$F$19009</definedName>
  </definedNames>
  <calcPr calcId="125725"/>
</workbook>
</file>

<file path=xl/connections.xml><?xml version="1.0" encoding="utf-8"?>
<connections xmlns="http://schemas.openxmlformats.org/spreadsheetml/2006/main">
  <connection id="1" name="January_exhaustive_search" type="6" refreshedVersion="4" background="1" saveData="1">
    <textPr codePage="850" sourceFile="C:\Users\s150573\Desktop\January_exhaustive_search.txt">
      <textFields count="6">
        <textField/>
        <textField/>
        <textField/>
        <textField/>
        <textField/>
        <textField/>
      </textFields>
    </textPr>
  </connection>
  <connection id="2" name="January_exhaustive_search1" type="6" refreshedVersion="4" background="1" saveData="1">
    <textPr codePage="850" sourceFile="C:\Users\s150573\Desktop\January_exhaustive_search.txt">
      <textFields count="6">
        <textField/>
        <textField/>
        <textField/>
        <textField/>
        <textField/>
        <textField/>
      </textFields>
    </textPr>
  </connection>
  <connection id="3" name="recovered_latest_03" type="6" refreshedVersion="4" deleted="1" background="1" saveData="1">
    <textPr codePage="850" sourceFile="C:\Users\s150573\Desktop\recovered_latest_03.txt">
      <textFields count="6">
        <textField/>
        <textField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8" uniqueCount="8">
  <si>
    <t>T1</t>
  </si>
  <si>
    <t>T2</t>
  </si>
  <si>
    <t>dt</t>
  </si>
  <si>
    <t>r</t>
  </si>
  <si>
    <t>time</t>
  </si>
  <si>
    <t>DT</t>
  </si>
  <si>
    <t>Exhaustive search</t>
  </si>
  <si>
    <t>G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" x14ac:knownFonts="1">
    <font>
      <sz val="11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FC00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6">
    <xf numFmtId="0" fontId="0" fillId="0" borderId="0" xfId="0"/>
    <xf numFmtId="0" fontId="0" fillId="2" borderId="0" xfId="0" applyFill="1"/>
    <xf numFmtId="0" fontId="0" fillId="0" borderId="0" xfId="0" applyFill="1"/>
    <xf numFmtId="0" fontId="0" fillId="3" borderId="0" xfId="0" applyFill="1"/>
    <xf numFmtId="0" fontId="0" fillId="4" borderId="0" xfId="0" applyFill="1"/>
    <xf numFmtId="0" fontId="0" fillId="0" borderId="0" xfId="0" applyAlignment="1">
      <alignment horizontal="center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818043461966384"/>
          <c:y val="4.217481361838317E-2"/>
          <c:w val="0.8137137522629051"/>
          <c:h val="0.84008097796464998"/>
        </c:manualLayout>
      </c:layout>
      <c:scatterChart>
        <c:scatterStyle val="lineMarker"/>
        <c:varyColors val="0"/>
        <c:ser>
          <c:idx val="1"/>
          <c:order val="0"/>
          <c:tx>
            <c:v>Exhaustive search</c:v>
          </c:tx>
          <c:spPr>
            <a:ln w="28575">
              <a:noFill/>
            </a:ln>
          </c:spPr>
          <c:marker>
            <c:symbol val="circle"/>
            <c:size val="2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Data!$E$3:$E$19009</c:f>
              <c:numCache>
                <c:formatCode>General</c:formatCode>
                <c:ptCount val="19007"/>
                <c:pt idx="0">
                  <c:v>5831.63</c:v>
                </c:pt>
                <c:pt idx="1">
                  <c:v>5444.41</c:v>
                </c:pt>
                <c:pt idx="2">
                  <c:v>5040.59</c:v>
                </c:pt>
                <c:pt idx="3">
                  <c:v>4945.4399999999996</c:v>
                </c:pt>
                <c:pt idx="4">
                  <c:v>4767.33</c:v>
                </c:pt>
                <c:pt idx="5">
                  <c:v>4619.25</c:v>
                </c:pt>
                <c:pt idx="6">
                  <c:v>4555.1000000000004</c:v>
                </c:pt>
                <c:pt idx="7">
                  <c:v>4409.92</c:v>
                </c:pt>
                <c:pt idx="8">
                  <c:v>4371.63</c:v>
                </c:pt>
                <c:pt idx="9">
                  <c:v>4431.22</c:v>
                </c:pt>
                <c:pt idx="10">
                  <c:v>4308.5</c:v>
                </c:pt>
                <c:pt idx="11">
                  <c:v>7098.58</c:v>
                </c:pt>
                <c:pt idx="12">
                  <c:v>6640.77</c:v>
                </c:pt>
                <c:pt idx="13">
                  <c:v>6298.97</c:v>
                </c:pt>
                <c:pt idx="14">
                  <c:v>6133.59</c:v>
                </c:pt>
                <c:pt idx="15">
                  <c:v>5986.66</c:v>
                </c:pt>
                <c:pt idx="16">
                  <c:v>5912.42</c:v>
                </c:pt>
                <c:pt idx="17">
                  <c:v>5803.03</c:v>
                </c:pt>
                <c:pt idx="18">
                  <c:v>5679.25</c:v>
                </c:pt>
                <c:pt idx="19">
                  <c:v>5660.95</c:v>
                </c:pt>
                <c:pt idx="20">
                  <c:v>5656.44</c:v>
                </c:pt>
                <c:pt idx="21">
                  <c:v>5602.79</c:v>
                </c:pt>
                <c:pt idx="22">
                  <c:v>8428.23</c:v>
                </c:pt>
                <c:pt idx="23">
                  <c:v>7915.73</c:v>
                </c:pt>
                <c:pt idx="24">
                  <c:v>7637.35</c:v>
                </c:pt>
                <c:pt idx="25">
                  <c:v>7359.53</c:v>
                </c:pt>
                <c:pt idx="26">
                  <c:v>7295.01</c:v>
                </c:pt>
                <c:pt idx="27">
                  <c:v>7156.17</c:v>
                </c:pt>
                <c:pt idx="28">
                  <c:v>7069.87</c:v>
                </c:pt>
                <c:pt idx="29">
                  <c:v>7010.95</c:v>
                </c:pt>
                <c:pt idx="30">
                  <c:v>6911.87</c:v>
                </c:pt>
                <c:pt idx="31">
                  <c:v>6889.83</c:v>
                </c:pt>
                <c:pt idx="32">
                  <c:v>6814.84</c:v>
                </c:pt>
                <c:pt idx="33">
                  <c:v>9748.51</c:v>
                </c:pt>
                <c:pt idx="34">
                  <c:v>9381.51</c:v>
                </c:pt>
                <c:pt idx="35">
                  <c:v>8915.7000000000007</c:v>
                </c:pt>
                <c:pt idx="36">
                  <c:v>8786.9699999999993</c:v>
                </c:pt>
                <c:pt idx="37">
                  <c:v>8578.93</c:v>
                </c:pt>
                <c:pt idx="38">
                  <c:v>8416.2000000000007</c:v>
                </c:pt>
                <c:pt idx="39">
                  <c:v>8532.5400000000009</c:v>
                </c:pt>
                <c:pt idx="40">
                  <c:v>8367.99</c:v>
                </c:pt>
                <c:pt idx="41">
                  <c:v>8173.66</c:v>
                </c:pt>
                <c:pt idx="42">
                  <c:v>8331.74</c:v>
                </c:pt>
                <c:pt idx="43">
                  <c:v>8136.76</c:v>
                </c:pt>
                <c:pt idx="44">
                  <c:v>11910.7</c:v>
                </c:pt>
                <c:pt idx="45">
                  <c:v>11005.6</c:v>
                </c:pt>
                <c:pt idx="46">
                  <c:v>10718.3</c:v>
                </c:pt>
                <c:pt idx="47">
                  <c:v>10254.5</c:v>
                </c:pt>
                <c:pt idx="48">
                  <c:v>10050.700000000001</c:v>
                </c:pt>
                <c:pt idx="49">
                  <c:v>9825.81</c:v>
                </c:pt>
                <c:pt idx="50">
                  <c:v>9644.65</c:v>
                </c:pt>
                <c:pt idx="51">
                  <c:v>9639.18</c:v>
                </c:pt>
                <c:pt idx="52">
                  <c:v>9736.6299999999992</c:v>
                </c:pt>
                <c:pt idx="53">
                  <c:v>9596.64</c:v>
                </c:pt>
                <c:pt idx="54">
                  <c:v>9474.84</c:v>
                </c:pt>
                <c:pt idx="55">
                  <c:v>13536</c:v>
                </c:pt>
                <c:pt idx="56">
                  <c:v>13013.9</c:v>
                </c:pt>
                <c:pt idx="57">
                  <c:v>12328.2</c:v>
                </c:pt>
                <c:pt idx="58">
                  <c:v>12082.5</c:v>
                </c:pt>
                <c:pt idx="59">
                  <c:v>11896</c:v>
                </c:pt>
                <c:pt idx="60">
                  <c:v>11549.9</c:v>
                </c:pt>
                <c:pt idx="61">
                  <c:v>11349.3</c:v>
                </c:pt>
                <c:pt idx="62">
                  <c:v>11417.7</c:v>
                </c:pt>
                <c:pt idx="63">
                  <c:v>11401.6</c:v>
                </c:pt>
                <c:pt idx="64">
                  <c:v>11193.7</c:v>
                </c:pt>
                <c:pt idx="65">
                  <c:v>11113.9</c:v>
                </c:pt>
                <c:pt idx="66">
                  <c:v>14937.8</c:v>
                </c:pt>
                <c:pt idx="67">
                  <c:v>14298.8</c:v>
                </c:pt>
                <c:pt idx="68">
                  <c:v>14152.5</c:v>
                </c:pt>
                <c:pt idx="69">
                  <c:v>13732.6</c:v>
                </c:pt>
                <c:pt idx="70">
                  <c:v>13310.4</c:v>
                </c:pt>
                <c:pt idx="71">
                  <c:v>13414.1</c:v>
                </c:pt>
                <c:pt idx="72">
                  <c:v>13066.8</c:v>
                </c:pt>
                <c:pt idx="73">
                  <c:v>13048.7</c:v>
                </c:pt>
                <c:pt idx="74">
                  <c:v>12926.7</c:v>
                </c:pt>
                <c:pt idx="75">
                  <c:v>13109.8</c:v>
                </c:pt>
                <c:pt idx="76">
                  <c:v>12964</c:v>
                </c:pt>
                <c:pt idx="77">
                  <c:v>16394.599999999999</c:v>
                </c:pt>
                <c:pt idx="78">
                  <c:v>15790.1</c:v>
                </c:pt>
                <c:pt idx="79">
                  <c:v>15800.9</c:v>
                </c:pt>
                <c:pt idx="80">
                  <c:v>15132.1</c:v>
                </c:pt>
                <c:pt idx="81">
                  <c:v>15173.1</c:v>
                </c:pt>
                <c:pt idx="82">
                  <c:v>14871.6</c:v>
                </c:pt>
                <c:pt idx="83">
                  <c:v>14626.3</c:v>
                </c:pt>
                <c:pt idx="84">
                  <c:v>14751</c:v>
                </c:pt>
                <c:pt idx="85">
                  <c:v>14448.4</c:v>
                </c:pt>
                <c:pt idx="86">
                  <c:v>14635</c:v>
                </c:pt>
                <c:pt idx="87">
                  <c:v>14481.3</c:v>
                </c:pt>
                <c:pt idx="88">
                  <c:v>18490.7</c:v>
                </c:pt>
                <c:pt idx="89">
                  <c:v>17300</c:v>
                </c:pt>
                <c:pt idx="90">
                  <c:v>17193.099999999999</c:v>
                </c:pt>
                <c:pt idx="91">
                  <c:v>16752.7</c:v>
                </c:pt>
                <c:pt idx="92">
                  <c:v>16418.5</c:v>
                </c:pt>
                <c:pt idx="93">
                  <c:v>16478.5</c:v>
                </c:pt>
                <c:pt idx="94">
                  <c:v>16226.2</c:v>
                </c:pt>
                <c:pt idx="95">
                  <c:v>16013.9</c:v>
                </c:pt>
                <c:pt idx="96">
                  <c:v>16123.6</c:v>
                </c:pt>
                <c:pt idx="97">
                  <c:v>15959.2</c:v>
                </c:pt>
                <c:pt idx="98">
                  <c:v>16035.4</c:v>
                </c:pt>
                <c:pt idx="99">
                  <c:v>19766.599999999999</c:v>
                </c:pt>
                <c:pt idx="100">
                  <c:v>19009.099999999999</c:v>
                </c:pt>
                <c:pt idx="101">
                  <c:v>18724</c:v>
                </c:pt>
                <c:pt idx="102">
                  <c:v>18277.3</c:v>
                </c:pt>
                <c:pt idx="103">
                  <c:v>17940.7</c:v>
                </c:pt>
                <c:pt idx="104">
                  <c:v>17997.400000000001</c:v>
                </c:pt>
                <c:pt idx="105">
                  <c:v>17741.7</c:v>
                </c:pt>
                <c:pt idx="106">
                  <c:v>17844.900000000001</c:v>
                </c:pt>
                <c:pt idx="107">
                  <c:v>17643.5</c:v>
                </c:pt>
                <c:pt idx="108">
                  <c:v>17478.900000000001</c:v>
                </c:pt>
                <c:pt idx="109">
                  <c:v>17555.7</c:v>
                </c:pt>
                <c:pt idx="110">
                  <c:v>21120.2</c:v>
                </c:pt>
                <c:pt idx="111">
                  <c:v>20542.900000000001</c:v>
                </c:pt>
                <c:pt idx="112">
                  <c:v>20424.2</c:v>
                </c:pt>
                <c:pt idx="113">
                  <c:v>19931.099999999999</c:v>
                </c:pt>
                <c:pt idx="114">
                  <c:v>19571.2</c:v>
                </c:pt>
                <c:pt idx="115">
                  <c:v>19696.3</c:v>
                </c:pt>
                <c:pt idx="116">
                  <c:v>19432.7</c:v>
                </c:pt>
                <c:pt idx="117">
                  <c:v>19215.5</c:v>
                </c:pt>
                <c:pt idx="118">
                  <c:v>19106.5</c:v>
                </c:pt>
                <c:pt idx="119">
                  <c:v>19233.7</c:v>
                </c:pt>
                <c:pt idx="120">
                  <c:v>19090.2</c:v>
                </c:pt>
                <c:pt idx="121">
                  <c:v>22546.9</c:v>
                </c:pt>
                <c:pt idx="122">
                  <c:v>22075.5</c:v>
                </c:pt>
                <c:pt idx="123">
                  <c:v>21541.1</c:v>
                </c:pt>
                <c:pt idx="124">
                  <c:v>21504.1</c:v>
                </c:pt>
                <c:pt idx="125">
                  <c:v>21156.1</c:v>
                </c:pt>
                <c:pt idx="126">
                  <c:v>21058.6</c:v>
                </c:pt>
                <c:pt idx="127">
                  <c:v>20830.099999999999</c:v>
                </c:pt>
                <c:pt idx="128">
                  <c:v>20948.900000000001</c:v>
                </c:pt>
                <c:pt idx="129">
                  <c:v>20739.2</c:v>
                </c:pt>
                <c:pt idx="130">
                  <c:v>20549.900000000001</c:v>
                </c:pt>
                <c:pt idx="131">
                  <c:v>20701.2</c:v>
                </c:pt>
                <c:pt idx="132">
                  <c:v>5743.06</c:v>
                </c:pt>
                <c:pt idx="133">
                  <c:v>5270.72</c:v>
                </c:pt>
                <c:pt idx="134">
                  <c:v>4938.43</c:v>
                </c:pt>
                <c:pt idx="135">
                  <c:v>4666.28</c:v>
                </c:pt>
                <c:pt idx="136">
                  <c:v>4518.21</c:v>
                </c:pt>
                <c:pt idx="137">
                  <c:v>4360.05</c:v>
                </c:pt>
                <c:pt idx="138">
                  <c:v>4294.55</c:v>
                </c:pt>
                <c:pt idx="139">
                  <c:v>4199.49</c:v>
                </c:pt>
                <c:pt idx="140">
                  <c:v>4203.7700000000004</c:v>
                </c:pt>
                <c:pt idx="141">
                  <c:v>4153.18</c:v>
                </c:pt>
                <c:pt idx="142">
                  <c:v>4073.16</c:v>
                </c:pt>
                <c:pt idx="143">
                  <c:v>7017.81</c:v>
                </c:pt>
                <c:pt idx="144">
                  <c:v>6548.88</c:v>
                </c:pt>
                <c:pt idx="145">
                  <c:v>6237.27</c:v>
                </c:pt>
                <c:pt idx="146">
                  <c:v>6017.89</c:v>
                </c:pt>
                <c:pt idx="147">
                  <c:v>5788.72</c:v>
                </c:pt>
                <c:pt idx="148">
                  <c:v>5661.65</c:v>
                </c:pt>
                <c:pt idx="149">
                  <c:v>5616.55</c:v>
                </c:pt>
                <c:pt idx="150">
                  <c:v>5486.57</c:v>
                </c:pt>
                <c:pt idx="151">
                  <c:v>5471.41</c:v>
                </c:pt>
                <c:pt idx="152">
                  <c:v>5448.53</c:v>
                </c:pt>
                <c:pt idx="153">
                  <c:v>5368.64</c:v>
                </c:pt>
                <c:pt idx="154">
                  <c:v>8428.23</c:v>
                </c:pt>
                <c:pt idx="155">
                  <c:v>7915.73</c:v>
                </c:pt>
                <c:pt idx="156">
                  <c:v>7666.49</c:v>
                </c:pt>
                <c:pt idx="157">
                  <c:v>7269.09</c:v>
                </c:pt>
                <c:pt idx="158">
                  <c:v>7162.01</c:v>
                </c:pt>
                <c:pt idx="159">
                  <c:v>7016.06</c:v>
                </c:pt>
                <c:pt idx="160">
                  <c:v>6905.35</c:v>
                </c:pt>
                <c:pt idx="161">
                  <c:v>6887.31</c:v>
                </c:pt>
                <c:pt idx="162">
                  <c:v>6781.18</c:v>
                </c:pt>
                <c:pt idx="163">
                  <c:v>6695.55</c:v>
                </c:pt>
                <c:pt idx="164">
                  <c:v>6660.58</c:v>
                </c:pt>
                <c:pt idx="165">
                  <c:v>10016.9</c:v>
                </c:pt>
                <c:pt idx="166">
                  <c:v>9381.51</c:v>
                </c:pt>
                <c:pt idx="167">
                  <c:v>8901.19</c:v>
                </c:pt>
                <c:pt idx="168">
                  <c:v>8623.31</c:v>
                </c:pt>
                <c:pt idx="169">
                  <c:v>8561.5300000000007</c:v>
                </c:pt>
                <c:pt idx="170">
                  <c:v>8360.0400000000009</c:v>
                </c:pt>
                <c:pt idx="171">
                  <c:v>8244.19</c:v>
                </c:pt>
                <c:pt idx="172">
                  <c:v>8297.7999999999993</c:v>
                </c:pt>
                <c:pt idx="173">
                  <c:v>8209.9500000000007</c:v>
                </c:pt>
                <c:pt idx="174">
                  <c:v>8053.05</c:v>
                </c:pt>
                <c:pt idx="175">
                  <c:v>8042.76</c:v>
                </c:pt>
                <c:pt idx="176">
                  <c:v>11910.7</c:v>
                </c:pt>
                <c:pt idx="177">
                  <c:v>11005.6</c:v>
                </c:pt>
                <c:pt idx="178">
                  <c:v>10330.299999999999</c:v>
                </c:pt>
                <c:pt idx="179">
                  <c:v>10034.1</c:v>
                </c:pt>
                <c:pt idx="180">
                  <c:v>10054</c:v>
                </c:pt>
                <c:pt idx="181">
                  <c:v>9828.5400000000009</c:v>
                </c:pt>
                <c:pt idx="182">
                  <c:v>9646.9699999999993</c:v>
                </c:pt>
                <c:pt idx="183">
                  <c:v>9496.4699999999993</c:v>
                </c:pt>
                <c:pt idx="184">
                  <c:v>9501.15</c:v>
                </c:pt>
                <c:pt idx="185">
                  <c:v>9599.4699999999993</c:v>
                </c:pt>
                <c:pt idx="186">
                  <c:v>9477.44</c:v>
                </c:pt>
                <c:pt idx="187">
                  <c:v>13536</c:v>
                </c:pt>
                <c:pt idx="188">
                  <c:v>12789</c:v>
                </c:pt>
                <c:pt idx="189">
                  <c:v>12306.6</c:v>
                </c:pt>
                <c:pt idx="190">
                  <c:v>12089</c:v>
                </c:pt>
                <c:pt idx="191">
                  <c:v>11569.5</c:v>
                </c:pt>
                <c:pt idx="192">
                  <c:v>11549.9</c:v>
                </c:pt>
                <c:pt idx="193">
                  <c:v>11349.3</c:v>
                </c:pt>
                <c:pt idx="194">
                  <c:v>11157.2</c:v>
                </c:pt>
                <c:pt idx="195">
                  <c:v>11401.6</c:v>
                </c:pt>
                <c:pt idx="196">
                  <c:v>10993.1</c:v>
                </c:pt>
                <c:pt idx="197">
                  <c:v>11113.9</c:v>
                </c:pt>
                <c:pt idx="198">
                  <c:v>15306.6</c:v>
                </c:pt>
                <c:pt idx="199">
                  <c:v>14298.8</c:v>
                </c:pt>
                <c:pt idx="200">
                  <c:v>13735</c:v>
                </c:pt>
                <c:pt idx="201">
                  <c:v>13578.3</c:v>
                </c:pt>
                <c:pt idx="202">
                  <c:v>13310.4</c:v>
                </c:pt>
                <c:pt idx="203">
                  <c:v>13089.8</c:v>
                </c:pt>
                <c:pt idx="204">
                  <c:v>13066.8</c:v>
                </c:pt>
                <c:pt idx="205">
                  <c:v>12836.5</c:v>
                </c:pt>
                <c:pt idx="206">
                  <c:v>12926.7</c:v>
                </c:pt>
                <c:pt idx="207">
                  <c:v>12891.4</c:v>
                </c:pt>
                <c:pt idx="208">
                  <c:v>12569.8</c:v>
                </c:pt>
                <c:pt idx="209">
                  <c:v>16394.599999999999</c:v>
                </c:pt>
                <c:pt idx="210">
                  <c:v>15790.1</c:v>
                </c:pt>
                <c:pt idx="211">
                  <c:v>15393.9</c:v>
                </c:pt>
                <c:pt idx="212">
                  <c:v>14939.8</c:v>
                </c:pt>
                <c:pt idx="213">
                  <c:v>14910.6</c:v>
                </c:pt>
                <c:pt idx="214">
                  <c:v>14645</c:v>
                </c:pt>
                <c:pt idx="215">
                  <c:v>14429.7</c:v>
                </c:pt>
                <c:pt idx="216">
                  <c:v>14490.4</c:v>
                </c:pt>
                <c:pt idx="217">
                  <c:v>14303.3</c:v>
                </c:pt>
                <c:pt idx="218">
                  <c:v>14353.4</c:v>
                </c:pt>
                <c:pt idx="219">
                  <c:v>14213.7</c:v>
                </c:pt>
                <c:pt idx="220">
                  <c:v>17967.2</c:v>
                </c:pt>
                <c:pt idx="221">
                  <c:v>17307.099999999999</c:v>
                </c:pt>
                <c:pt idx="222">
                  <c:v>16780.3</c:v>
                </c:pt>
                <c:pt idx="223">
                  <c:v>16757.2</c:v>
                </c:pt>
                <c:pt idx="224">
                  <c:v>16422.400000000001</c:v>
                </c:pt>
                <c:pt idx="225">
                  <c:v>16156.1</c:v>
                </c:pt>
                <c:pt idx="226">
                  <c:v>16229.1</c:v>
                </c:pt>
                <c:pt idx="227">
                  <c:v>16016.4</c:v>
                </c:pt>
                <c:pt idx="228">
                  <c:v>15833.4</c:v>
                </c:pt>
                <c:pt idx="229">
                  <c:v>15962.8</c:v>
                </c:pt>
                <c:pt idx="230">
                  <c:v>15854.2</c:v>
                </c:pt>
                <c:pt idx="231">
                  <c:v>19766.599999999999</c:v>
                </c:pt>
                <c:pt idx="232">
                  <c:v>19009.099999999999</c:v>
                </c:pt>
                <c:pt idx="233">
                  <c:v>18724</c:v>
                </c:pt>
                <c:pt idx="234">
                  <c:v>18195</c:v>
                </c:pt>
                <c:pt idx="235">
                  <c:v>17858.8</c:v>
                </c:pt>
                <c:pt idx="236">
                  <c:v>17656.2</c:v>
                </c:pt>
                <c:pt idx="237">
                  <c:v>17655.900000000001</c:v>
                </c:pt>
                <c:pt idx="238">
                  <c:v>17440.2</c:v>
                </c:pt>
                <c:pt idx="239">
                  <c:v>17511.099999999999</c:v>
                </c:pt>
                <c:pt idx="240">
                  <c:v>17353.400000000001</c:v>
                </c:pt>
                <c:pt idx="241">
                  <c:v>17219.400000000001</c:v>
                </c:pt>
                <c:pt idx="242">
                  <c:v>21079</c:v>
                </c:pt>
                <c:pt idx="243">
                  <c:v>20245.099999999999</c:v>
                </c:pt>
                <c:pt idx="244">
                  <c:v>19951.099999999999</c:v>
                </c:pt>
                <c:pt idx="245">
                  <c:v>19844.2</c:v>
                </c:pt>
                <c:pt idx="246">
                  <c:v>19499.2</c:v>
                </c:pt>
                <c:pt idx="247">
                  <c:v>19222.7</c:v>
                </c:pt>
                <c:pt idx="248">
                  <c:v>19239.2</c:v>
                </c:pt>
                <c:pt idx="249">
                  <c:v>19008.5</c:v>
                </c:pt>
                <c:pt idx="250">
                  <c:v>19107.2</c:v>
                </c:pt>
                <c:pt idx="251">
                  <c:v>18965.599999999999</c:v>
                </c:pt>
                <c:pt idx="252">
                  <c:v>18842.900000000001</c:v>
                </c:pt>
                <c:pt idx="253">
                  <c:v>22546.9</c:v>
                </c:pt>
                <c:pt idx="254">
                  <c:v>22007.5</c:v>
                </c:pt>
                <c:pt idx="255">
                  <c:v>21822.3</c:v>
                </c:pt>
                <c:pt idx="256">
                  <c:v>21368.799999999999</c:v>
                </c:pt>
                <c:pt idx="257">
                  <c:v>21020.5</c:v>
                </c:pt>
                <c:pt idx="258">
                  <c:v>21065.9</c:v>
                </c:pt>
                <c:pt idx="259">
                  <c:v>20798.7</c:v>
                </c:pt>
                <c:pt idx="260">
                  <c:v>20589.400000000001</c:v>
                </c:pt>
                <c:pt idx="261">
                  <c:v>20617.900000000001</c:v>
                </c:pt>
                <c:pt idx="262">
                  <c:v>20446.900000000001</c:v>
                </c:pt>
                <c:pt idx="263">
                  <c:v>20304.400000000001</c:v>
                </c:pt>
                <c:pt idx="264">
                  <c:v>5758.29</c:v>
                </c:pt>
                <c:pt idx="265">
                  <c:v>5154.26</c:v>
                </c:pt>
                <c:pt idx="266">
                  <c:v>4747.3999999999996</c:v>
                </c:pt>
                <c:pt idx="267">
                  <c:v>4530.43</c:v>
                </c:pt>
                <c:pt idx="268">
                  <c:v>4344.38</c:v>
                </c:pt>
                <c:pt idx="269">
                  <c:v>4248.22</c:v>
                </c:pt>
                <c:pt idx="270">
                  <c:v>4105.8900000000003</c:v>
                </c:pt>
                <c:pt idx="271">
                  <c:v>4034.25</c:v>
                </c:pt>
                <c:pt idx="272">
                  <c:v>3952.03</c:v>
                </c:pt>
                <c:pt idx="273">
                  <c:v>3906.76</c:v>
                </c:pt>
                <c:pt idx="274">
                  <c:v>3865.38</c:v>
                </c:pt>
                <c:pt idx="275">
                  <c:v>7031.49</c:v>
                </c:pt>
                <c:pt idx="276">
                  <c:v>6460.61</c:v>
                </c:pt>
                <c:pt idx="277">
                  <c:v>6141.76</c:v>
                </c:pt>
                <c:pt idx="278">
                  <c:v>5900.93</c:v>
                </c:pt>
                <c:pt idx="279">
                  <c:v>5691.77</c:v>
                </c:pt>
                <c:pt idx="280">
                  <c:v>5612.07</c:v>
                </c:pt>
                <c:pt idx="281">
                  <c:v>5490.01</c:v>
                </c:pt>
                <c:pt idx="282">
                  <c:v>5376.53</c:v>
                </c:pt>
                <c:pt idx="283">
                  <c:v>5317.29</c:v>
                </c:pt>
                <c:pt idx="284">
                  <c:v>5245.67</c:v>
                </c:pt>
                <c:pt idx="285">
                  <c:v>5187.21</c:v>
                </c:pt>
                <c:pt idx="286">
                  <c:v>8428.23</c:v>
                </c:pt>
                <c:pt idx="287">
                  <c:v>7915.73</c:v>
                </c:pt>
                <c:pt idx="288">
                  <c:v>7449.17</c:v>
                </c:pt>
                <c:pt idx="289">
                  <c:v>7269.09</c:v>
                </c:pt>
                <c:pt idx="290">
                  <c:v>7074.48</c:v>
                </c:pt>
                <c:pt idx="291">
                  <c:v>6942.64</c:v>
                </c:pt>
                <c:pt idx="292">
                  <c:v>6865.28</c:v>
                </c:pt>
                <c:pt idx="293">
                  <c:v>6755.76</c:v>
                </c:pt>
                <c:pt idx="294">
                  <c:v>6652.76</c:v>
                </c:pt>
                <c:pt idx="295">
                  <c:v>6598.74</c:v>
                </c:pt>
                <c:pt idx="296">
                  <c:v>6578.18</c:v>
                </c:pt>
                <c:pt idx="297">
                  <c:v>10016.9</c:v>
                </c:pt>
                <c:pt idx="298">
                  <c:v>9381.51</c:v>
                </c:pt>
                <c:pt idx="299">
                  <c:v>8901.19</c:v>
                </c:pt>
                <c:pt idx="300">
                  <c:v>8597.2099999999991</c:v>
                </c:pt>
                <c:pt idx="301">
                  <c:v>8468.36</c:v>
                </c:pt>
                <c:pt idx="302">
                  <c:v>8360.0400000000009</c:v>
                </c:pt>
                <c:pt idx="303">
                  <c:v>8208.5</c:v>
                </c:pt>
                <c:pt idx="304">
                  <c:v>8246.81</c:v>
                </c:pt>
                <c:pt idx="305">
                  <c:v>8155.32</c:v>
                </c:pt>
                <c:pt idx="306">
                  <c:v>8106.38</c:v>
                </c:pt>
                <c:pt idx="307">
                  <c:v>7987.42</c:v>
                </c:pt>
                <c:pt idx="308">
                  <c:v>11910.7</c:v>
                </c:pt>
                <c:pt idx="309">
                  <c:v>11005.6</c:v>
                </c:pt>
                <c:pt idx="310">
                  <c:v>10482.700000000001</c:v>
                </c:pt>
                <c:pt idx="311">
                  <c:v>10105.5</c:v>
                </c:pt>
                <c:pt idx="312">
                  <c:v>9893.83</c:v>
                </c:pt>
                <c:pt idx="313">
                  <c:v>9861.92</c:v>
                </c:pt>
                <c:pt idx="314">
                  <c:v>9686.02</c:v>
                </c:pt>
                <c:pt idx="315">
                  <c:v>9537.34</c:v>
                </c:pt>
                <c:pt idx="316">
                  <c:v>9409.67</c:v>
                </c:pt>
                <c:pt idx="317">
                  <c:v>9487.35</c:v>
                </c:pt>
                <c:pt idx="318">
                  <c:v>9479.92</c:v>
                </c:pt>
                <c:pt idx="319">
                  <c:v>13536</c:v>
                </c:pt>
                <c:pt idx="320">
                  <c:v>12709.8</c:v>
                </c:pt>
                <c:pt idx="321">
                  <c:v>12517.6</c:v>
                </c:pt>
                <c:pt idx="322">
                  <c:v>12095.3</c:v>
                </c:pt>
                <c:pt idx="323">
                  <c:v>11569.5</c:v>
                </c:pt>
                <c:pt idx="324">
                  <c:v>11549.9</c:v>
                </c:pt>
                <c:pt idx="325">
                  <c:v>11349.3</c:v>
                </c:pt>
                <c:pt idx="326">
                  <c:v>11157.2</c:v>
                </c:pt>
                <c:pt idx="327">
                  <c:v>11029.6</c:v>
                </c:pt>
                <c:pt idx="328">
                  <c:v>10983.1</c:v>
                </c:pt>
                <c:pt idx="329">
                  <c:v>10947.6</c:v>
                </c:pt>
                <c:pt idx="330">
                  <c:v>15218.4</c:v>
                </c:pt>
                <c:pt idx="331">
                  <c:v>14298.8</c:v>
                </c:pt>
                <c:pt idx="332">
                  <c:v>13735</c:v>
                </c:pt>
                <c:pt idx="333">
                  <c:v>13560.9</c:v>
                </c:pt>
                <c:pt idx="334">
                  <c:v>13310.4</c:v>
                </c:pt>
                <c:pt idx="335">
                  <c:v>13089.8</c:v>
                </c:pt>
                <c:pt idx="336">
                  <c:v>13066.8</c:v>
                </c:pt>
                <c:pt idx="337">
                  <c:v>12818.2</c:v>
                </c:pt>
                <c:pt idx="338">
                  <c:v>12721.2</c:v>
                </c:pt>
                <c:pt idx="339">
                  <c:v>12622.6</c:v>
                </c:pt>
                <c:pt idx="340">
                  <c:v>12569.8</c:v>
                </c:pt>
                <c:pt idx="341">
                  <c:v>16394.599999999999</c:v>
                </c:pt>
                <c:pt idx="342">
                  <c:v>15790.1</c:v>
                </c:pt>
                <c:pt idx="343">
                  <c:v>15293.1</c:v>
                </c:pt>
                <c:pt idx="344">
                  <c:v>14939</c:v>
                </c:pt>
                <c:pt idx="345">
                  <c:v>14926.5</c:v>
                </c:pt>
                <c:pt idx="346">
                  <c:v>14649.1</c:v>
                </c:pt>
                <c:pt idx="347">
                  <c:v>14428.2</c:v>
                </c:pt>
                <c:pt idx="348">
                  <c:v>14366.6</c:v>
                </c:pt>
                <c:pt idx="349">
                  <c:v>14504.2</c:v>
                </c:pt>
                <c:pt idx="350">
                  <c:v>14232.3</c:v>
                </c:pt>
                <c:pt idx="351">
                  <c:v>14065.6</c:v>
                </c:pt>
                <c:pt idx="352">
                  <c:v>18154</c:v>
                </c:pt>
                <c:pt idx="353">
                  <c:v>17209.099999999999</c:v>
                </c:pt>
                <c:pt idx="354">
                  <c:v>16785.599999999999</c:v>
                </c:pt>
                <c:pt idx="355">
                  <c:v>16761.5</c:v>
                </c:pt>
                <c:pt idx="356">
                  <c:v>16426.099999999999</c:v>
                </c:pt>
                <c:pt idx="357">
                  <c:v>16159.4</c:v>
                </c:pt>
                <c:pt idx="358">
                  <c:v>15939.6</c:v>
                </c:pt>
                <c:pt idx="359">
                  <c:v>16018.9</c:v>
                </c:pt>
                <c:pt idx="360">
                  <c:v>15835.7</c:v>
                </c:pt>
                <c:pt idx="361">
                  <c:v>15660.7</c:v>
                </c:pt>
                <c:pt idx="362">
                  <c:v>15744.9</c:v>
                </c:pt>
                <c:pt idx="363">
                  <c:v>19766.599999999999</c:v>
                </c:pt>
                <c:pt idx="364">
                  <c:v>19009.099999999999</c:v>
                </c:pt>
                <c:pt idx="365">
                  <c:v>18306</c:v>
                </c:pt>
                <c:pt idx="366">
                  <c:v>18221</c:v>
                </c:pt>
                <c:pt idx="367">
                  <c:v>17870.400000000001</c:v>
                </c:pt>
                <c:pt idx="368">
                  <c:v>17603</c:v>
                </c:pt>
                <c:pt idx="369">
                  <c:v>17502.7</c:v>
                </c:pt>
                <c:pt idx="370">
                  <c:v>17505.3</c:v>
                </c:pt>
                <c:pt idx="371">
                  <c:v>17380.599999999999</c:v>
                </c:pt>
                <c:pt idx="372">
                  <c:v>17336.900000000001</c:v>
                </c:pt>
                <c:pt idx="373">
                  <c:v>17212.099999999999</c:v>
                </c:pt>
                <c:pt idx="374">
                  <c:v>21017.7</c:v>
                </c:pt>
                <c:pt idx="375">
                  <c:v>20268</c:v>
                </c:pt>
                <c:pt idx="376">
                  <c:v>19901.599999999999</c:v>
                </c:pt>
                <c:pt idx="377">
                  <c:v>19773.599999999999</c:v>
                </c:pt>
                <c:pt idx="378">
                  <c:v>19433.3</c:v>
                </c:pt>
                <c:pt idx="379">
                  <c:v>19171.3</c:v>
                </c:pt>
                <c:pt idx="380">
                  <c:v>19201.599999999999</c:v>
                </c:pt>
                <c:pt idx="381">
                  <c:v>18944.2</c:v>
                </c:pt>
                <c:pt idx="382">
                  <c:v>18932.8</c:v>
                </c:pt>
                <c:pt idx="383">
                  <c:v>18767.8</c:v>
                </c:pt>
                <c:pt idx="384">
                  <c:v>18856.099999999999</c:v>
                </c:pt>
                <c:pt idx="385">
                  <c:v>22774.5</c:v>
                </c:pt>
                <c:pt idx="386">
                  <c:v>22007.5</c:v>
                </c:pt>
                <c:pt idx="387">
                  <c:v>21741</c:v>
                </c:pt>
                <c:pt idx="388">
                  <c:v>21278.9</c:v>
                </c:pt>
                <c:pt idx="389">
                  <c:v>20959.2</c:v>
                </c:pt>
                <c:pt idx="390">
                  <c:v>20690.3</c:v>
                </c:pt>
                <c:pt idx="391">
                  <c:v>20710.8</c:v>
                </c:pt>
                <c:pt idx="392">
                  <c:v>20506.900000000001</c:v>
                </c:pt>
                <c:pt idx="393">
                  <c:v>20579</c:v>
                </c:pt>
                <c:pt idx="394">
                  <c:v>20420.5</c:v>
                </c:pt>
                <c:pt idx="395">
                  <c:v>20285.7</c:v>
                </c:pt>
                <c:pt idx="396">
                  <c:v>5758.29</c:v>
                </c:pt>
                <c:pt idx="397">
                  <c:v>5078.34</c:v>
                </c:pt>
                <c:pt idx="398">
                  <c:v>4698.3999999999996</c:v>
                </c:pt>
                <c:pt idx="399">
                  <c:v>4471.46</c:v>
                </c:pt>
                <c:pt idx="400">
                  <c:v>4254.8</c:v>
                </c:pt>
                <c:pt idx="401">
                  <c:v>4113.91</c:v>
                </c:pt>
                <c:pt idx="402">
                  <c:v>3972.36</c:v>
                </c:pt>
                <c:pt idx="403">
                  <c:v>3910.39</c:v>
                </c:pt>
                <c:pt idx="404">
                  <c:v>3855.16</c:v>
                </c:pt>
                <c:pt idx="405">
                  <c:v>3790.95</c:v>
                </c:pt>
                <c:pt idx="406">
                  <c:v>3739.84</c:v>
                </c:pt>
                <c:pt idx="407">
                  <c:v>7033.95</c:v>
                </c:pt>
                <c:pt idx="408">
                  <c:v>6470.29</c:v>
                </c:pt>
                <c:pt idx="409">
                  <c:v>6066.58</c:v>
                </c:pt>
                <c:pt idx="410">
                  <c:v>5824.47</c:v>
                </c:pt>
                <c:pt idx="411">
                  <c:v>5629.06</c:v>
                </c:pt>
                <c:pt idx="412">
                  <c:v>5472.51</c:v>
                </c:pt>
                <c:pt idx="413">
                  <c:v>5387.72</c:v>
                </c:pt>
                <c:pt idx="414">
                  <c:v>5311.89</c:v>
                </c:pt>
                <c:pt idx="415">
                  <c:v>5180.34</c:v>
                </c:pt>
                <c:pt idx="416">
                  <c:v>5119.04</c:v>
                </c:pt>
                <c:pt idx="417">
                  <c:v>5095.9799999999996</c:v>
                </c:pt>
                <c:pt idx="418">
                  <c:v>8428.23</c:v>
                </c:pt>
                <c:pt idx="419">
                  <c:v>7915.73</c:v>
                </c:pt>
                <c:pt idx="420">
                  <c:v>7449.17</c:v>
                </c:pt>
                <c:pt idx="421">
                  <c:v>7269.09</c:v>
                </c:pt>
                <c:pt idx="422">
                  <c:v>7060.21</c:v>
                </c:pt>
                <c:pt idx="423">
                  <c:v>6927.8</c:v>
                </c:pt>
                <c:pt idx="424">
                  <c:v>6767.38</c:v>
                </c:pt>
                <c:pt idx="425">
                  <c:v>6662.75</c:v>
                </c:pt>
                <c:pt idx="426">
                  <c:v>6590.55</c:v>
                </c:pt>
                <c:pt idx="427">
                  <c:v>6508.61</c:v>
                </c:pt>
                <c:pt idx="428">
                  <c:v>6516.12</c:v>
                </c:pt>
                <c:pt idx="429">
                  <c:v>10016.9</c:v>
                </c:pt>
                <c:pt idx="430">
                  <c:v>9381.51</c:v>
                </c:pt>
                <c:pt idx="431">
                  <c:v>8901.19</c:v>
                </c:pt>
                <c:pt idx="432">
                  <c:v>8830.83</c:v>
                </c:pt>
                <c:pt idx="433">
                  <c:v>8587.2800000000007</c:v>
                </c:pt>
                <c:pt idx="434">
                  <c:v>8337.44</c:v>
                </c:pt>
                <c:pt idx="435">
                  <c:v>8208.5</c:v>
                </c:pt>
                <c:pt idx="436">
                  <c:v>8181.57</c:v>
                </c:pt>
                <c:pt idx="437">
                  <c:v>8074.14</c:v>
                </c:pt>
                <c:pt idx="438">
                  <c:v>7922.06</c:v>
                </c:pt>
                <c:pt idx="439">
                  <c:v>7953.51</c:v>
                </c:pt>
                <c:pt idx="440">
                  <c:v>11734.1</c:v>
                </c:pt>
                <c:pt idx="441">
                  <c:v>10862.1</c:v>
                </c:pt>
                <c:pt idx="442">
                  <c:v>10369.4</c:v>
                </c:pt>
                <c:pt idx="443">
                  <c:v>10047.200000000001</c:v>
                </c:pt>
                <c:pt idx="444">
                  <c:v>9878.25</c:v>
                </c:pt>
                <c:pt idx="445">
                  <c:v>9803.56</c:v>
                </c:pt>
                <c:pt idx="446">
                  <c:v>9633</c:v>
                </c:pt>
                <c:pt idx="447">
                  <c:v>9491.6200000000008</c:v>
                </c:pt>
                <c:pt idx="448">
                  <c:v>9537.6</c:v>
                </c:pt>
                <c:pt idx="449">
                  <c:v>9419.18</c:v>
                </c:pt>
                <c:pt idx="450">
                  <c:v>9312.44</c:v>
                </c:pt>
                <c:pt idx="451">
                  <c:v>13337.8</c:v>
                </c:pt>
                <c:pt idx="452">
                  <c:v>12730.8</c:v>
                </c:pt>
                <c:pt idx="453">
                  <c:v>12166.7</c:v>
                </c:pt>
                <c:pt idx="454">
                  <c:v>11901.9</c:v>
                </c:pt>
                <c:pt idx="455">
                  <c:v>11583.9</c:v>
                </c:pt>
                <c:pt idx="456">
                  <c:v>11502</c:v>
                </c:pt>
                <c:pt idx="457">
                  <c:v>11311.3</c:v>
                </c:pt>
                <c:pt idx="458">
                  <c:v>11139.5</c:v>
                </c:pt>
                <c:pt idx="459">
                  <c:v>11186.5</c:v>
                </c:pt>
                <c:pt idx="460">
                  <c:v>10983.1</c:v>
                </c:pt>
                <c:pt idx="461">
                  <c:v>10929.8</c:v>
                </c:pt>
                <c:pt idx="462">
                  <c:v>14914.8</c:v>
                </c:pt>
                <c:pt idx="463">
                  <c:v>14109.3</c:v>
                </c:pt>
                <c:pt idx="464">
                  <c:v>13735</c:v>
                </c:pt>
                <c:pt idx="465">
                  <c:v>13560.9</c:v>
                </c:pt>
                <c:pt idx="466">
                  <c:v>13310.4</c:v>
                </c:pt>
                <c:pt idx="467">
                  <c:v>13089.8</c:v>
                </c:pt>
                <c:pt idx="468">
                  <c:v>12810.8</c:v>
                </c:pt>
                <c:pt idx="469">
                  <c:v>12818.2</c:v>
                </c:pt>
                <c:pt idx="470">
                  <c:v>12721.2</c:v>
                </c:pt>
                <c:pt idx="471">
                  <c:v>12622.6</c:v>
                </c:pt>
                <c:pt idx="472">
                  <c:v>12569.8</c:v>
                </c:pt>
                <c:pt idx="473">
                  <c:v>16610</c:v>
                </c:pt>
                <c:pt idx="474">
                  <c:v>15802.5</c:v>
                </c:pt>
                <c:pt idx="475">
                  <c:v>15293.1</c:v>
                </c:pt>
                <c:pt idx="476">
                  <c:v>14951.4</c:v>
                </c:pt>
                <c:pt idx="477">
                  <c:v>14672.4</c:v>
                </c:pt>
                <c:pt idx="478">
                  <c:v>14718.6</c:v>
                </c:pt>
                <c:pt idx="479">
                  <c:v>14433.9</c:v>
                </c:pt>
                <c:pt idx="480">
                  <c:v>14256.1</c:v>
                </c:pt>
                <c:pt idx="481">
                  <c:v>14176.8</c:v>
                </c:pt>
                <c:pt idx="482">
                  <c:v>14264.5</c:v>
                </c:pt>
                <c:pt idx="483">
                  <c:v>14129.8</c:v>
                </c:pt>
                <c:pt idx="484">
                  <c:v>18226.900000000001</c:v>
                </c:pt>
                <c:pt idx="485">
                  <c:v>17169.599999999999</c:v>
                </c:pt>
                <c:pt idx="486">
                  <c:v>16829</c:v>
                </c:pt>
                <c:pt idx="487">
                  <c:v>16765.7</c:v>
                </c:pt>
                <c:pt idx="488">
                  <c:v>16429.7</c:v>
                </c:pt>
                <c:pt idx="489">
                  <c:v>16162.5</c:v>
                </c:pt>
                <c:pt idx="490">
                  <c:v>15942.4</c:v>
                </c:pt>
                <c:pt idx="491">
                  <c:v>16021.3</c:v>
                </c:pt>
                <c:pt idx="492">
                  <c:v>15837.9</c:v>
                </c:pt>
                <c:pt idx="493">
                  <c:v>15663</c:v>
                </c:pt>
                <c:pt idx="494">
                  <c:v>15546</c:v>
                </c:pt>
                <c:pt idx="495">
                  <c:v>19584.900000000001</c:v>
                </c:pt>
                <c:pt idx="496">
                  <c:v>19009.099999999999</c:v>
                </c:pt>
                <c:pt idx="497">
                  <c:v>18329.599999999999</c:v>
                </c:pt>
                <c:pt idx="498">
                  <c:v>17986.8</c:v>
                </c:pt>
                <c:pt idx="499">
                  <c:v>17965.599999999999</c:v>
                </c:pt>
                <c:pt idx="500">
                  <c:v>17681.599999999999</c:v>
                </c:pt>
                <c:pt idx="501">
                  <c:v>17456.599999999999</c:v>
                </c:pt>
                <c:pt idx="502">
                  <c:v>17540.8</c:v>
                </c:pt>
                <c:pt idx="503">
                  <c:v>17375.7</c:v>
                </c:pt>
                <c:pt idx="504">
                  <c:v>17254.8</c:v>
                </c:pt>
                <c:pt idx="505">
                  <c:v>17216.8</c:v>
                </c:pt>
                <c:pt idx="506">
                  <c:v>20955.5</c:v>
                </c:pt>
                <c:pt idx="507">
                  <c:v>20407</c:v>
                </c:pt>
                <c:pt idx="508">
                  <c:v>19909</c:v>
                </c:pt>
                <c:pt idx="509">
                  <c:v>19778.8</c:v>
                </c:pt>
                <c:pt idx="510">
                  <c:v>19439.099999999999</c:v>
                </c:pt>
                <c:pt idx="511">
                  <c:v>19178.599999999999</c:v>
                </c:pt>
                <c:pt idx="512">
                  <c:v>18973.400000000001</c:v>
                </c:pt>
                <c:pt idx="513">
                  <c:v>18881.2</c:v>
                </c:pt>
                <c:pt idx="514">
                  <c:v>18919.099999999999</c:v>
                </c:pt>
                <c:pt idx="515">
                  <c:v>18807.599999999999</c:v>
                </c:pt>
                <c:pt idx="516">
                  <c:v>18692.900000000001</c:v>
                </c:pt>
                <c:pt idx="517">
                  <c:v>22766.6</c:v>
                </c:pt>
                <c:pt idx="518">
                  <c:v>21811</c:v>
                </c:pt>
                <c:pt idx="519">
                  <c:v>21430.7</c:v>
                </c:pt>
                <c:pt idx="520">
                  <c:v>21294.6</c:v>
                </c:pt>
                <c:pt idx="521">
                  <c:v>20944.7</c:v>
                </c:pt>
                <c:pt idx="522">
                  <c:v>20783.099999999999</c:v>
                </c:pt>
                <c:pt idx="523">
                  <c:v>20546.099999999999</c:v>
                </c:pt>
                <c:pt idx="524">
                  <c:v>20396.7</c:v>
                </c:pt>
                <c:pt idx="525">
                  <c:v>20360</c:v>
                </c:pt>
                <c:pt idx="526">
                  <c:v>20419.3</c:v>
                </c:pt>
                <c:pt idx="527">
                  <c:v>20286.900000000001</c:v>
                </c:pt>
                <c:pt idx="528">
                  <c:v>5758.29</c:v>
                </c:pt>
                <c:pt idx="529">
                  <c:v>5081.7299999999996</c:v>
                </c:pt>
                <c:pt idx="530">
                  <c:v>4653.03</c:v>
                </c:pt>
                <c:pt idx="531">
                  <c:v>4388.46</c:v>
                </c:pt>
                <c:pt idx="532">
                  <c:v>4189.67</c:v>
                </c:pt>
                <c:pt idx="533">
                  <c:v>4025.12</c:v>
                </c:pt>
                <c:pt idx="534">
                  <c:v>3902.71</c:v>
                </c:pt>
                <c:pt idx="535">
                  <c:v>3805.8</c:v>
                </c:pt>
                <c:pt idx="536">
                  <c:v>3717.25</c:v>
                </c:pt>
                <c:pt idx="537">
                  <c:v>3673.63</c:v>
                </c:pt>
                <c:pt idx="538">
                  <c:v>3619.42</c:v>
                </c:pt>
                <c:pt idx="539">
                  <c:v>7033.95</c:v>
                </c:pt>
                <c:pt idx="540">
                  <c:v>6449.67</c:v>
                </c:pt>
                <c:pt idx="541">
                  <c:v>6103.31</c:v>
                </c:pt>
                <c:pt idx="542">
                  <c:v>5761.3</c:v>
                </c:pt>
                <c:pt idx="543">
                  <c:v>5579.65</c:v>
                </c:pt>
                <c:pt idx="544">
                  <c:v>5400.75</c:v>
                </c:pt>
                <c:pt idx="545">
                  <c:v>5287.9</c:v>
                </c:pt>
                <c:pt idx="546">
                  <c:v>5208.66</c:v>
                </c:pt>
                <c:pt idx="547">
                  <c:v>5132.3599999999997</c:v>
                </c:pt>
                <c:pt idx="548">
                  <c:v>5042.9799999999996</c:v>
                </c:pt>
                <c:pt idx="549">
                  <c:v>5039.67</c:v>
                </c:pt>
                <c:pt idx="550">
                  <c:v>8428.23</c:v>
                </c:pt>
                <c:pt idx="551">
                  <c:v>7915.73</c:v>
                </c:pt>
                <c:pt idx="552">
                  <c:v>7449.17</c:v>
                </c:pt>
                <c:pt idx="553">
                  <c:v>7269.09</c:v>
                </c:pt>
                <c:pt idx="554">
                  <c:v>7060.21</c:v>
                </c:pt>
                <c:pt idx="555">
                  <c:v>6834.11</c:v>
                </c:pt>
                <c:pt idx="556">
                  <c:v>6757.69</c:v>
                </c:pt>
                <c:pt idx="557">
                  <c:v>6626.59</c:v>
                </c:pt>
                <c:pt idx="558">
                  <c:v>6567.33</c:v>
                </c:pt>
                <c:pt idx="559">
                  <c:v>6496.43</c:v>
                </c:pt>
                <c:pt idx="560">
                  <c:v>6423.16</c:v>
                </c:pt>
                <c:pt idx="561">
                  <c:v>10016.9</c:v>
                </c:pt>
                <c:pt idx="562">
                  <c:v>9381.51</c:v>
                </c:pt>
                <c:pt idx="563">
                  <c:v>8901.19</c:v>
                </c:pt>
                <c:pt idx="564">
                  <c:v>8829.65</c:v>
                </c:pt>
                <c:pt idx="565">
                  <c:v>8572.2000000000007</c:v>
                </c:pt>
                <c:pt idx="566">
                  <c:v>8337.44</c:v>
                </c:pt>
                <c:pt idx="567">
                  <c:v>8189.58</c:v>
                </c:pt>
                <c:pt idx="568">
                  <c:v>8152.73</c:v>
                </c:pt>
                <c:pt idx="569">
                  <c:v>8048.4</c:v>
                </c:pt>
                <c:pt idx="570">
                  <c:v>7899</c:v>
                </c:pt>
                <c:pt idx="571">
                  <c:v>7881.09</c:v>
                </c:pt>
                <c:pt idx="572">
                  <c:v>11734.1</c:v>
                </c:pt>
                <c:pt idx="573">
                  <c:v>10862.1</c:v>
                </c:pt>
                <c:pt idx="574">
                  <c:v>10360.799999999999</c:v>
                </c:pt>
                <c:pt idx="575">
                  <c:v>10061</c:v>
                </c:pt>
                <c:pt idx="576">
                  <c:v>9840.34</c:v>
                </c:pt>
                <c:pt idx="577">
                  <c:v>9690.56</c:v>
                </c:pt>
                <c:pt idx="578">
                  <c:v>9626.7999999999993</c:v>
                </c:pt>
                <c:pt idx="579">
                  <c:v>9478.2099999999991</c:v>
                </c:pt>
                <c:pt idx="580">
                  <c:v>9511.59</c:v>
                </c:pt>
                <c:pt idx="581">
                  <c:v>9390.75</c:v>
                </c:pt>
                <c:pt idx="582">
                  <c:v>9284.57</c:v>
                </c:pt>
                <c:pt idx="583">
                  <c:v>13319.4</c:v>
                </c:pt>
                <c:pt idx="584">
                  <c:v>12541.6</c:v>
                </c:pt>
                <c:pt idx="585">
                  <c:v>12104.4</c:v>
                </c:pt>
                <c:pt idx="586">
                  <c:v>11897.7</c:v>
                </c:pt>
                <c:pt idx="587">
                  <c:v>11583.9</c:v>
                </c:pt>
                <c:pt idx="588">
                  <c:v>11307.6</c:v>
                </c:pt>
                <c:pt idx="589">
                  <c:v>11311.3</c:v>
                </c:pt>
                <c:pt idx="590">
                  <c:v>11139.5</c:v>
                </c:pt>
                <c:pt idx="591">
                  <c:v>10995</c:v>
                </c:pt>
                <c:pt idx="592">
                  <c:v>10958.9</c:v>
                </c:pt>
                <c:pt idx="593">
                  <c:v>10929.8</c:v>
                </c:pt>
                <c:pt idx="594">
                  <c:v>14906.4</c:v>
                </c:pt>
                <c:pt idx="595">
                  <c:v>14134.7</c:v>
                </c:pt>
                <c:pt idx="596">
                  <c:v>13838</c:v>
                </c:pt>
                <c:pt idx="597">
                  <c:v>13383</c:v>
                </c:pt>
                <c:pt idx="598">
                  <c:v>13094.4</c:v>
                </c:pt>
                <c:pt idx="599">
                  <c:v>12922.6</c:v>
                </c:pt>
                <c:pt idx="600">
                  <c:v>12758.4</c:v>
                </c:pt>
                <c:pt idx="601">
                  <c:v>12818.2</c:v>
                </c:pt>
                <c:pt idx="602">
                  <c:v>12721.2</c:v>
                </c:pt>
                <c:pt idx="603">
                  <c:v>12563.1</c:v>
                </c:pt>
                <c:pt idx="604">
                  <c:v>12569.8</c:v>
                </c:pt>
                <c:pt idx="605">
                  <c:v>16610</c:v>
                </c:pt>
                <c:pt idx="606">
                  <c:v>15885.7</c:v>
                </c:pt>
                <c:pt idx="607">
                  <c:v>15222.9</c:v>
                </c:pt>
                <c:pt idx="608">
                  <c:v>14946.5</c:v>
                </c:pt>
                <c:pt idx="609">
                  <c:v>14636.3</c:v>
                </c:pt>
                <c:pt idx="610">
                  <c:v>14503.2</c:v>
                </c:pt>
                <c:pt idx="611">
                  <c:v>14449.8</c:v>
                </c:pt>
                <c:pt idx="612">
                  <c:v>14271.8</c:v>
                </c:pt>
                <c:pt idx="613">
                  <c:v>14118.6</c:v>
                </c:pt>
                <c:pt idx="614">
                  <c:v>14207.7</c:v>
                </c:pt>
                <c:pt idx="615">
                  <c:v>14053.6</c:v>
                </c:pt>
                <c:pt idx="616">
                  <c:v>18226.900000000001</c:v>
                </c:pt>
                <c:pt idx="617">
                  <c:v>17466.8</c:v>
                </c:pt>
                <c:pt idx="618">
                  <c:v>16884.099999999999</c:v>
                </c:pt>
                <c:pt idx="619">
                  <c:v>16516</c:v>
                </c:pt>
                <c:pt idx="620">
                  <c:v>16227.8</c:v>
                </c:pt>
                <c:pt idx="621">
                  <c:v>15992.9</c:v>
                </c:pt>
                <c:pt idx="622">
                  <c:v>15971</c:v>
                </c:pt>
                <c:pt idx="623">
                  <c:v>15776.6</c:v>
                </c:pt>
                <c:pt idx="624">
                  <c:v>15753.8</c:v>
                </c:pt>
                <c:pt idx="625">
                  <c:v>15665.2</c:v>
                </c:pt>
                <c:pt idx="626">
                  <c:v>15550.1</c:v>
                </c:pt>
                <c:pt idx="627">
                  <c:v>19549.599999999999</c:v>
                </c:pt>
                <c:pt idx="628">
                  <c:v>18863</c:v>
                </c:pt>
                <c:pt idx="629">
                  <c:v>18389.900000000001</c:v>
                </c:pt>
                <c:pt idx="630">
                  <c:v>17993.2</c:v>
                </c:pt>
                <c:pt idx="631">
                  <c:v>17750.5</c:v>
                </c:pt>
                <c:pt idx="632">
                  <c:v>17603.900000000001</c:v>
                </c:pt>
                <c:pt idx="633">
                  <c:v>17537.2</c:v>
                </c:pt>
                <c:pt idx="634">
                  <c:v>17348.099999999999</c:v>
                </c:pt>
                <c:pt idx="635">
                  <c:v>17221.3</c:v>
                </c:pt>
                <c:pt idx="636">
                  <c:v>17208.099999999999</c:v>
                </c:pt>
                <c:pt idx="637">
                  <c:v>17036.7</c:v>
                </c:pt>
                <c:pt idx="638">
                  <c:v>21217.1</c:v>
                </c:pt>
                <c:pt idx="639">
                  <c:v>20386.099999999999</c:v>
                </c:pt>
                <c:pt idx="640">
                  <c:v>19843.599999999999</c:v>
                </c:pt>
                <c:pt idx="641">
                  <c:v>19619.5</c:v>
                </c:pt>
                <c:pt idx="642">
                  <c:v>19444.900000000001</c:v>
                </c:pt>
                <c:pt idx="643">
                  <c:v>19186.099999999999</c:v>
                </c:pt>
                <c:pt idx="644">
                  <c:v>19101.8</c:v>
                </c:pt>
                <c:pt idx="645">
                  <c:v>18914.2</c:v>
                </c:pt>
                <c:pt idx="646">
                  <c:v>18755.3</c:v>
                </c:pt>
                <c:pt idx="647">
                  <c:v>18796.5</c:v>
                </c:pt>
                <c:pt idx="648">
                  <c:v>18783.8</c:v>
                </c:pt>
                <c:pt idx="649">
                  <c:v>22766.6</c:v>
                </c:pt>
                <c:pt idx="650">
                  <c:v>21839.5</c:v>
                </c:pt>
                <c:pt idx="651">
                  <c:v>21496.9</c:v>
                </c:pt>
                <c:pt idx="652">
                  <c:v>21153.599999999999</c:v>
                </c:pt>
                <c:pt idx="653">
                  <c:v>20818.2</c:v>
                </c:pt>
                <c:pt idx="654">
                  <c:v>20734.2</c:v>
                </c:pt>
                <c:pt idx="655">
                  <c:v>20505.5</c:v>
                </c:pt>
                <c:pt idx="656">
                  <c:v>20583.3</c:v>
                </c:pt>
                <c:pt idx="657">
                  <c:v>20368.7</c:v>
                </c:pt>
                <c:pt idx="658">
                  <c:v>20214.900000000001</c:v>
                </c:pt>
                <c:pt idx="659">
                  <c:v>20281.900000000001</c:v>
                </c:pt>
                <c:pt idx="660">
                  <c:v>5758.29</c:v>
                </c:pt>
                <c:pt idx="661">
                  <c:v>5081.7299999999996</c:v>
                </c:pt>
                <c:pt idx="662">
                  <c:v>4659.0200000000004</c:v>
                </c:pt>
                <c:pt idx="663">
                  <c:v>4337.87</c:v>
                </c:pt>
                <c:pt idx="664">
                  <c:v>4133.8599999999997</c:v>
                </c:pt>
                <c:pt idx="665">
                  <c:v>3969.94</c:v>
                </c:pt>
                <c:pt idx="666">
                  <c:v>3839.5</c:v>
                </c:pt>
                <c:pt idx="667">
                  <c:v>3721.01</c:v>
                </c:pt>
                <c:pt idx="668">
                  <c:v>3641.77</c:v>
                </c:pt>
                <c:pt idx="669">
                  <c:v>3607.54</c:v>
                </c:pt>
                <c:pt idx="670">
                  <c:v>3531.41</c:v>
                </c:pt>
                <c:pt idx="671">
                  <c:v>7033.95</c:v>
                </c:pt>
                <c:pt idx="672">
                  <c:v>6449.67</c:v>
                </c:pt>
                <c:pt idx="673">
                  <c:v>6138.83</c:v>
                </c:pt>
                <c:pt idx="674">
                  <c:v>5769.04</c:v>
                </c:pt>
                <c:pt idx="675">
                  <c:v>5535.27</c:v>
                </c:pt>
                <c:pt idx="676">
                  <c:v>5402.18</c:v>
                </c:pt>
                <c:pt idx="677">
                  <c:v>5284.01</c:v>
                </c:pt>
                <c:pt idx="678">
                  <c:v>5156.53</c:v>
                </c:pt>
                <c:pt idx="679">
                  <c:v>5066.22</c:v>
                </c:pt>
                <c:pt idx="680">
                  <c:v>5014.7</c:v>
                </c:pt>
                <c:pt idx="681">
                  <c:v>4938.05</c:v>
                </c:pt>
                <c:pt idx="682">
                  <c:v>8428.23</c:v>
                </c:pt>
                <c:pt idx="683">
                  <c:v>7915.73</c:v>
                </c:pt>
                <c:pt idx="684">
                  <c:v>7449.17</c:v>
                </c:pt>
                <c:pt idx="685">
                  <c:v>7269.09</c:v>
                </c:pt>
                <c:pt idx="686">
                  <c:v>7060.21</c:v>
                </c:pt>
                <c:pt idx="687">
                  <c:v>6834.11</c:v>
                </c:pt>
                <c:pt idx="688">
                  <c:v>6757.69</c:v>
                </c:pt>
                <c:pt idx="689">
                  <c:v>6619.83</c:v>
                </c:pt>
                <c:pt idx="690">
                  <c:v>6492.83</c:v>
                </c:pt>
                <c:pt idx="691">
                  <c:v>6415.45</c:v>
                </c:pt>
                <c:pt idx="692">
                  <c:v>6403.68</c:v>
                </c:pt>
                <c:pt idx="693">
                  <c:v>10016.9</c:v>
                </c:pt>
                <c:pt idx="694">
                  <c:v>9381.51</c:v>
                </c:pt>
                <c:pt idx="695">
                  <c:v>8901.19</c:v>
                </c:pt>
                <c:pt idx="696">
                  <c:v>8829.65</c:v>
                </c:pt>
                <c:pt idx="697">
                  <c:v>8560.5300000000007</c:v>
                </c:pt>
                <c:pt idx="698">
                  <c:v>8337.44</c:v>
                </c:pt>
                <c:pt idx="699">
                  <c:v>8189.58</c:v>
                </c:pt>
                <c:pt idx="700">
                  <c:v>8021.98</c:v>
                </c:pt>
                <c:pt idx="701">
                  <c:v>8034.92</c:v>
                </c:pt>
                <c:pt idx="702">
                  <c:v>7894.56</c:v>
                </c:pt>
                <c:pt idx="703">
                  <c:v>7863.27</c:v>
                </c:pt>
                <c:pt idx="704">
                  <c:v>11734.1</c:v>
                </c:pt>
                <c:pt idx="705">
                  <c:v>10862.1</c:v>
                </c:pt>
                <c:pt idx="706">
                  <c:v>10360.799999999999</c:v>
                </c:pt>
                <c:pt idx="707">
                  <c:v>10039.299999999999</c:v>
                </c:pt>
                <c:pt idx="708">
                  <c:v>10015.799999999999</c:v>
                </c:pt>
                <c:pt idx="709">
                  <c:v>9669.98</c:v>
                </c:pt>
                <c:pt idx="710">
                  <c:v>9619.39</c:v>
                </c:pt>
                <c:pt idx="711">
                  <c:v>9479.94</c:v>
                </c:pt>
                <c:pt idx="712">
                  <c:v>9353.86</c:v>
                </c:pt>
                <c:pt idx="713">
                  <c:v>9392.17</c:v>
                </c:pt>
                <c:pt idx="714">
                  <c:v>9285.8700000000008</c:v>
                </c:pt>
                <c:pt idx="715">
                  <c:v>13319.4</c:v>
                </c:pt>
                <c:pt idx="716">
                  <c:v>12541.6</c:v>
                </c:pt>
                <c:pt idx="717">
                  <c:v>12101.7</c:v>
                </c:pt>
                <c:pt idx="718">
                  <c:v>11831.2</c:v>
                </c:pt>
                <c:pt idx="719">
                  <c:v>11583.9</c:v>
                </c:pt>
                <c:pt idx="720">
                  <c:v>11391</c:v>
                </c:pt>
                <c:pt idx="721">
                  <c:v>11311.3</c:v>
                </c:pt>
                <c:pt idx="722">
                  <c:v>11165.2</c:v>
                </c:pt>
                <c:pt idx="723">
                  <c:v>11004.5</c:v>
                </c:pt>
                <c:pt idx="724">
                  <c:v>10958.9</c:v>
                </c:pt>
                <c:pt idx="725">
                  <c:v>10900.4</c:v>
                </c:pt>
                <c:pt idx="726">
                  <c:v>14906.4</c:v>
                </c:pt>
                <c:pt idx="727">
                  <c:v>14129.9</c:v>
                </c:pt>
                <c:pt idx="728">
                  <c:v>13809.6</c:v>
                </c:pt>
                <c:pt idx="729">
                  <c:v>13381.5</c:v>
                </c:pt>
                <c:pt idx="730">
                  <c:v>13076.5</c:v>
                </c:pt>
                <c:pt idx="731">
                  <c:v>12884.4</c:v>
                </c:pt>
                <c:pt idx="732">
                  <c:v>12758.4</c:v>
                </c:pt>
                <c:pt idx="733">
                  <c:v>12695</c:v>
                </c:pt>
                <c:pt idx="734">
                  <c:v>12721.2</c:v>
                </c:pt>
                <c:pt idx="735">
                  <c:v>12536.7</c:v>
                </c:pt>
                <c:pt idx="736">
                  <c:v>12378.9</c:v>
                </c:pt>
                <c:pt idx="737">
                  <c:v>16610</c:v>
                </c:pt>
                <c:pt idx="738">
                  <c:v>15885.7</c:v>
                </c:pt>
                <c:pt idx="739">
                  <c:v>15206.7</c:v>
                </c:pt>
                <c:pt idx="740">
                  <c:v>14994.4</c:v>
                </c:pt>
                <c:pt idx="741">
                  <c:v>14635.9</c:v>
                </c:pt>
                <c:pt idx="742">
                  <c:v>14584.4</c:v>
                </c:pt>
                <c:pt idx="743">
                  <c:v>14380.9</c:v>
                </c:pt>
                <c:pt idx="744">
                  <c:v>14207.6</c:v>
                </c:pt>
                <c:pt idx="745">
                  <c:v>14218.2</c:v>
                </c:pt>
                <c:pt idx="746">
                  <c:v>14071.9</c:v>
                </c:pt>
                <c:pt idx="747">
                  <c:v>13956.7</c:v>
                </c:pt>
                <c:pt idx="748">
                  <c:v>18226.900000000001</c:v>
                </c:pt>
                <c:pt idx="749">
                  <c:v>17323.5</c:v>
                </c:pt>
                <c:pt idx="750">
                  <c:v>16845</c:v>
                </c:pt>
                <c:pt idx="751">
                  <c:v>16430.2</c:v>
                </c:pt>
                <c:pt idx="752">
                  <c:v>16198.3</c:v>
                </c:pt>
                <c:pt idx="753">
                  <c:v>16138.9</c:v>
                </c:pt>
                <c:pt idx="754">
                  <c:v>15927.8</c:v>
                </c:pt>
                <c:pt idx="755">
                  <c:v>15746.2</c:v>
                </c:pt>
                <c:pt idx="756">
                  <c:v>15748.5</c:v>
                </c:pt>
                <c:pt idx="757">
                  <c:v>15667.4</c:v>
                </c:pt>
                <c:pt idx="758">
                  <c:v>15554.3</c:v>
                </c:pt>
                <c:pt idx="759">
                  <c:v>19549.599999999999</c:v>
                </c:pt>
                <c:pt idx="760">
                  <c:v>18837.2</c:v>
                </c:pt>
                <c:pt idx="761">
                  <c:v>18389.900000000001</c:v>
                </c:pt>
                <c:pt idx="762">
                  <c:v>18054</c:v>
                </c:pt>
                <c:pt idx="763">
                  <c:v>17786.2</c:v>
                </c:pt>
                <c:pt idx="764">
                  <c:v>17647.099999999999</c:v>
                </c:pt>
                <c:pt idx="765">
                  <c:v>17431.8</c:v>
                </c:pt>
                <c:pt idx="766">
                  <c:v>17422.900000000001</c:v>
                </c:pt>
                <c:pt idx="767">
                  <c:v>17261.3</c:v>
                </c:pt>
                <c:pt idx="768">
                  <c:v>17178.599999999999</c:v>
                </c:pt>
                <c:pt idx="769">
                  <c:v>17052.7</c:v>
                </c:pt>
                <c:pt idx="770">
                  <c:v>21268.3</c:v>
                </c:pt>
                <c:pt idx="771">
                  <c:v>20423.599999999999</c:v>
                </c:pt>
                <c:pt idx="772">
                  <c:v>19875.599999999999</c:v>
                </c:pt>
                <c:pt idx="773">
                  <c:v>19603.5</c:v>
                </c:pt>
                <c:pt idx="774">
                  <c:v>19299.3</c:v>
                </c:pt>
                <c:pt idx="775">
                  <c:v>19140.7</c:v>
                </c:pt>
                <c:pt idx="776">
                  <c:v>19046</c:v>
                </c:pt>
                <c:pt idx="777">
                  <c:v>18866.7</c:v>
                </c:pt>
                <c:pt idx="778">
                  <c:v>18720.7</c:v>
                </c:pt>
                <c:pt idx="779">
                  <c:v>18690.7</c:v>
                </c:pt>
                <c:pt idx="780">
                  <c:v>18582.900000000001</c:v>
                </c:pt>
                <c:pt idx="781">
                  <c:v>22766.6</c:v>
                </c:pt>
                <c:pt idx="782">
                  <c:v>21839.5</c:v>
                </c:pt>
                <c:pt idx="783">
                  <c:v>21357.4</c:v>
                </c:pt>
                <c:pt idx="784">
                  <c:v>21042</c:v>
                </c:pt>
                <c:pt idx="785">
                  <c:v>20927.900000000001</c:v>
                </c:pt>
                <c:pt idx="786">
                  <c:v>20682</c:v>
                </c:pt>
                <c:pt idx="787">
                  <c:v>20471.7</c:v>
                </c:pt>
                <c:pt idx="788">
                  <c:v>20426.2</c:v>
                </c:pt>
                <c:pt idx="789">
                  <c:v>20412.3</c:v>
                </c:pt>
                <c:pt idx="790">
                  <c:v>20244.8</c:v>
                </c:pt>
                <c:pt idx="791">
                  <c:v>20278.3</c:v>
                </c:pt>
                <c:pt idx="792">
                  <c:v>5758.29</c:v>
                </c:pt>
                <c:pt idx="793">
                  <c:v>5081.7299999999996</c:v>
                </c:pt>
                <c:pt idx="794">
                  <c:v>4659.0200000000004</c:v>
                </c:pt>
                <c:pt idx="795">
                  <c:v>4342.93</c:v>
                </c:pt>
                <c:pt idx="796">
                  <c:v>4087.54</c:v>
                </c:pt>
                <c:pt idx="797">
                  <c:v>3940.24</c:v>
                </c:pt>
                <c:pt idx="798">
                  <c:v>3786.71</c:v>
                </c:pt>
                <c:pt idx="799">
                  <c:v>3670.54</c:v>
                </c:pt>
                <c:pt idx="800">
                  <c:v>3601.46</c:v>
                </c:pt>
                <c:pt idx="801">
                  <c:v>3535.22</c:v>
                </c:pt>
                <c:pt idx="802">
                  <c:v>3466.36</c:v>
                </c:pt>
                <c:pt idx="803">
                  <c:v>7033.95</c:v>
                </c:pt>
                <c:pt idx="804">
                  <c:v>6449.67</c:v>
                </c:pt>
                <c:pt idx="805">
                  <c:v>6138.83</c:v>
                </c:pt>
                <c:pt idx="806">
                  <c:v>5800.5</c:v>
                </c:pt>
                <c:pt idx="807">
                  <c:v>5538.33</c:v>
                </c:pt>
                <c:pt idx="808">
                  <c:v>5356.32</c:v>
                </c:pt>
                <c:pt idx="809">
                  <c:v>5201.8599999999997</c:v>
                </c:pt>
                <c:pt idx="810">
                  <c:v>5113.28</c:v>
                </c:pt>
                <c:pt idx="811">
                  <c:v>5050.22</c:v>
                </c:pt>
                <c:pt idx="812">
                  <c:v>4968.6899999999996</c:v>
                </c:pt>
                <c:pt idx="813">
                  <c:v>4894.28</c:v>
                </c:pt>
                <c:pt idx="814">
                  <c:v>8428.23</c:v>
                </c:pt>
                <c:pt idx="815">
                  <c:v>7915.73</c:v>
                </c:pt>
                <c:pt idx="816">
                  <c:v>7449.17</c:v>
                </c:pt>
                <c:pt idx="817">
                  <c:v>7269.09</c:v>
                </c:pt>
                <c:pt idx="818">
                  <c:v>7060.21</c:v>
                </c:pt>
                <c:pt idx="819">
                  <c:v>6834.11</c:v>
                </c:pt>
                <c:pt idx="820">
                  <c:v>6652.68</c:v>
                </c:pt>
                <c:pt idx="821">
                  <c:v>6619.83</c:v>
                </c:pt>
                <c:pt idx="822">
                  <c:v>6490.76</c:v>
                </c:pt>
                <c:pt idx="823">
                  <c:v>6407.94</c:v>
                </c:pt>
                <c:pt idx="824">
                  <c:v>6391.55</c:v>
                </c:pt>
                <c:pt idx="825">
                  <c:v>10016.9</c:v>
                </c:pt>
                <c:pt idx="826">
                  <c:v>9381.51</c:v>
                </c:pt>
                <c:pt idx="827">
                  <c:v>8901.19</c:v>
                </c:pt>
                <c:pt idx="828">
                  <c:v>8829.65</c:v>
                </c:pt>
                <c:pt idx="829">
                  <c:v>8554.89</c:v>
                </c:pt>
                <c:pt idx="830">
                  <c:v>8337.44</c:v>
                </c:pt>
                <c:pt idx="831">
                  <c:v>8189.58</c:v>
                </c:pt>
                <c:pt idx="832">
                  <c:v>8021.98</c:v>
                </c:pt>
                <c:pt idx="833">
                  <c:v>7917.45</c:v>
                </c:pt>
                <c:pt idx="834">
                  <c:v>7882.62</c:v>
                </c:pt>
                <c:pt idx="835">
                  <c:v>7850.85</c:v>
                </c:pt>
                <c:pt idx="836">
                  <c:v>11734.1</c:v>
                </c:pt>
                <c:pt idx="837">
                  <c:v>10862.1</c:v>
                </c:pt>
                <c:pt idx="838">
                  <c:v>10360.799999999999</c:v>
                </c:pt>
                <c:pt idx="839">
                  <c:v>10039.299999999999</c:v>
                </c:pt>
                <c:pt idx="840">
                  <c:v>9835.2900000000009</c:v>
                </c:pt>
                <c:pt idx="841">
                  <c:v>9823.51</c:v>
                </c:pt>
                <c:pt idx="842">
                  <c:v>9608.14</c:v>
                </c:pt>
                <c:pt idx="843">
                  <c:v>9481.61</c:v>
                </c:pt>
                <c:pt idx="844">
                  <c:v>9355.3700000000008</c:v>
                </c:pt>
                <c:pt idx="845">
                  <c:v>9393.5300000000007</c:v>
                </c:pt>
                <c:pt idx="846">
                  <c:v>9287.11</c:v>
                </c:pt>
                <c:pt idx="847">
                  <c:v>13319.4</c:v>
                </c:pt>
                <c:pt idx="848">
                  <c:v>12541.6</c:v>
                </c:pt>
                <c:pt idx="849">
                  <c:v>12078.2</c:v>
                </c:pt>
                <c:pt idx="850">
                  <c:v>11803.2</c:v>
                </c:pt>
                <c:pt idx="851">
                  <c:v>11583.9</c:v>
                </c:pt>
                <c:pt idx="852">
                  <c:v>11384.1</c:v>
                </c:pt>
                <c:pt idx="853">
                  <c:v>11204</c:v>
                </c:pt>
                <c:pt idx="854">
                  <c:v>11153</c:v>
                </c:pt>
                <c:pt idx="855">
                  <c:v>10998.1</c:v>
                </c:pt>
                <c:pt idx="856">
                  <c:v>10958.9</c:v>
                </c:pt>
                <c:pt idx="857">
                  <c:v>10899.9</c:v>
                </c:pt>
                <c:pt idx="858">
                  <c:v>14906.4</c:v>
                </c:pt>
                <c:pt idx="859">
                  <c:v>14129.9</c:v>
                </c:pt>
                <c:pt idx="860">
                  <c:v>13809.6</c:v>
                </c:pt>
                <c:pt idx="861">
                  <c:v>13381.5</c:v>
                </c:pt>
                <c:pt idx="862">
                  <c:v>13076.5</c:v>
                </c:pt>
                <c:pt idx="863">
                  <c:v>12884.4</c:v>
                </c:pt>
                <c:pt idx="864">
                  <c:v>12839.7</c:v>
                </c:pt>
                <c:pt idx="865">
                  <c:v>12666.4</c:v>
                </c:pt>
                <c:pt idx="866">
                  <c:v>12599.2</c:v>
                </c:pt>
                <c:pt idx="867">
                  <c:v>12536.7</c:v>
                </c:pt>
                <c:pt idx="868">
                  <c:v>12490.5</c:v>
                </c:pt>
                <c:pt idx="869">
                  <c:v>16610</c:v>
                </c:pt>
                <c:pt idx="870">
                  <c:v>15885.7</c:v>
                </c:pt>
                <c:pt idx="871">
                  <c:v>15206.7</c:v>
                </c:pt>
                <c:pt idx="872">
                  <c:v>14993.3</c:v>
                </c:pt>
                <c:pt idx="873">
                  <c:v>14612.5</c:v>
                </c:pt>
                <c:pt idx="874">
                  <c:v>14547.4</c:v>
                </c:pt>
                <c:pt idx="875">
                  <c:v>14341.3</c:v>
                </c:pt>
                <c:pt idx="876">
                  <c:v>14342.7</c:v>
                </c:pt>
                <c:pt idx="877">
                  <c:v>14122.3</c:v>
                </c:pt>
                <c:pt idx="878">
                  <c:v>14002.5</c:v>
                </c:pt>
                <c:pt idx="879">
                  <c:v>14025.4</c:v>
                </c:pt>
                <c:pt idx="880">
                  <c:v>18226.900000000001</c:v>
                </c:pt>
                <c:pt idx="881">
                  <c:v>17371.7</c:v>
                </c:pt>
                <c:pt idx="882">
                  <c:v>16695.5</c:v>
                </c:pt>
                <c:pt idx="883">
                  <c:v>16427.3</c:v>
                </c:pt>
                <c:pt idx="884">
                  <c:v>16201.2</c:v>
                </c:pt>
                <c:pt idx="885">
                  <c:v>15966.3</c:v>
                </c:pt>
                <c:pt idx="886">
                  <c:v>15930.1</c:v>
                </c:pt>
                <c:pt idx="887">
                  <c:v>15748.4</c:v>
                </c:pt>
                <c:pt idx="888">
                  <c:v>15750.6</c:v>
                </c:pt>
                <c:pt idx="889">
                  <c:v>15560.7</c:v>
                </c:pt>
                <c:pt idx="890">
                  <c:v>15462.2</c:v>
                </c:pt>
                <c:pt idx="891">
                  <c:v>19549.599999999999</c:v>
                </c:pt>
                <c:pt idx="892">
                  <c:v>18837.2</c:v>
                </c:pt>
                <c:pt idx="893">
                  <c:v>18389.900000000001</c:v>
                </c:pt>
                <c:pt idx="894">
                  <c:v>18054</c:v>
                </c:pt>
                <c:pt idx="895">
                  <c:v>17780.2</c:v>
                </c:pt>
                <c:pt idx="896">
                  <c:v>17542.400000000001</c:v>
                </c:pt>
                <c:pt idx="897">
                  <c:v>17485.400000000001</c:v>
                </c:pt>
                <c:pt idx="898">
                  <c:v>17310.5</c:v>
                </c:pt>
                <c:pt idx="899">
                  <c:v>17162.2</c:v>
                </c:pt>
                <c:pt idx="900">
                  <c:v>17159.900000000001</c:v>
                </c:pt>
                <c:pt idx="901">
                  <c:v>17041.7</c:v>
                </c:pt>
                <c:pt idx="902">
                  <c:v>21266.3</c:v>
                </c:pt>
                <c:pt idx="903">
                  <c:v>20383.599999999999</c:v>
                </c:pt>
                <c:pt idx="904">
                  <c:v>19859.3</c:v>
                </c:pt>
                <c:pt idx="905">
                  <c:v>19608.099999999999</c:v>
                </c:pt>
                <c:pt idx="906">
                  <c:v>19304.3</c:v>
                </c:pt>
                <c:pt idx="907">
                  <c:v>19075.7</c:v>
                </c:pt>
                <c:pt idx="908">
                  <c:v>19047.2</c:v>
                </c:pt>
                <c:pt idx="909">
                  <c:v>18873.099999999999</c:v>
                </c:pt>
                <c:pt idx="910">
                  <c:v>18732.900000000001</c:v>
                </c:pt>
                <c:pt idx="911">
                  <c:v>18660.099999999999</c:v>
                </c:pt>
                <c:pt idx="912">
                  <c:v>18665.2</c:v>
                </c:pt>
                <c:pt idx="913">
                  <c:v>22766.6</c:v>
                </c:pt>
                <c:pt idx="914">
                  <c:v>21839.5</c:v>
                </c:pt>
                <c:pt idx="915">
                  <c:v>21357.4</c:v>
                </c:pt>
                <c:pt idx="916">
                  <c:v>21126.400000000001</c:v>
                </c:pt>
                <c:pt idx="917">
                  <c:v>20823.400000000001</c:v>
                </c:pt>
                <c:pt idx="918">
                  <c:v>20753</c:v>
                </c:pt>
                <c:pt idx="919">
                  <c:v>20527.8</c:v>
                </c:pt>
                <c:pt idx="920">
                  <c:v>20508.2</c:v>
                </c:pt>
                <c:pt idx="921">
                  <c:v>20343.3</c:v>
                </c:pt>
                <c:pt idx="922">
                  <c:v>20259.8</c:v>
                </c:pt>
                <c:pt idx="923">
                  <c:v>20112.400000000001</c:v>
                </c:pt>
                <c:pt idx="924">
                  <c:v>5758.29</c:v>
                </c:pt>
                <c:pt idx="925">
                  <c:v>5081.7299999999996</c:v>
                </c:pt>
                <c:pt idx="926">
                  <c:v>4659.0200000000004</c:v>
                </c:pt>
                <c:pt idx="927">
                  <c:v>4344.12</c:v>
                </c:pt>
                <c:pt idx="928">
                  <c:v>4098.79</c:v>
                </c:pt>
                <c:pt idx="929">
                  <c:v>3902.27</c:v>
                </c:pt>
                <c:pt idx="930">
                  <c:v>3749.57</c:v>
                </c:pt>
                <c:pt idx="931">
                  <c:v>3659.35</c:v>
                </c:pt>
                <c:pt idx="932">
                  <c:v>3560.52</c:v>
                </c:pt>
                <c:pt idx="933">
                  <c:v>3482.12</c:v>
                </c:pt>
                <c:pt idx="934">
                  <c:v>3409.68</c:v>
                </c:pt>
                <c:pt idx="935">
                  <c:v>7033.95</c:v>
                </c:pt>
                <c:pt idx="936">
                  <c:v>6449.67</c:v>
                </c:pt>
                <c:pt idx="937">
                  <c:v>6138.83</c:v>
                </c:pt>
                <c:pt idx="938">
                  <c:v>5802.84</c:v>
                </c:pt>
                <c:pt idx="939">
                  <c:v>5541.06</c:v>
                </c:pt>
                <c:pt idx="940">
                  <c:v>5372.8</c:v>
                </c:pt>
                <c:pt idx="941">
                  <c:v>5201.8599999999997</c:v>
                </c:pt>
                <c:pt idx="942">
                  <c:v>5114.6099999999997</c:v>
                </c:pt>
                <c:pt idx="943">
                  <c:v>5024.88</c:v>
                </c:pt>
                <c:pt idx="944">
                  <c:v>4924.1400000000003</c:v>
                </c:pt>
                <c:pt idx="945">
                  <c:v>4887.28</c:v>
                </c:pt>
                <c:pt idx="946">
                  <c:v>8428.23</c:v>
                </c:pt>
                <c:pt idx="947">
                  <c:v>7915.73</c:v>
                </c:pt>
                <c:pt idx="948">
                  <c:v>7449.17</c:v>
                </c:pt>
                <c:pt idx="949">
                  <c:v>7269.09</c:v>
                </c:pt>
                <c:pt idx="950">
                  <c:v>7060.21</c:v>
                </c:pt>
                <c:pt idx="951">
                  <c:v>6834.11</c:v>
                </c:pt>
                <c:pt idx="952">
                  <c:v>6652.68</c:v>
                </c:pt>
                <c:pt idx="953">
                  <c:v>6619.83</c:v>
                </c:pt>
                <c:pt idx="954">
                  <c:v>6490.76</c:v>
                </c:pt>
                <c:pt idx="955">
                  <c:v>6406.59</c:v>
                </c:pt>
                <c:pt idx="956">
                  <c:v>6317.78</c:v>
                </c:pt>
                <c:pt idx="957">
                  <c:v>10016.9</c:v>
                </c:pt>
                <c:pt idx="958">
                  <c:v>9381.51</c:v>
                </c:pt>
                <c:pt idx="959">
                  <c:v>8901.19</c:v>
                </c:pt>
                <c:pt idx="960">
                  <c:v>8829.65</c:v>
                </c:pt>
                <c:pt idx="961">
                  <c:v>8554.89</c:v>
                </c:pt>
                <c:pt idx="962">
                  <c:v>8337.44</c:v>
                </c:pt>
                <c:pt idx="963">
                  <c:v>8189.58</c:v>
                </c:pt>
                <c:pt idx="964">
                  <c:v>8021.98</c:v>
                </c:pt>
                <c:pt idx="965">
                  <c:v>7917.45</c:v>
                </c:pt>
                <c:pt idx="966">
                  <c:v>7881.65</c:v>
                </c:pt>
                <c:pt idx="967">
                  <c:v>7850.85</c:v>
                </c:pt>
                <c:pt idx="968">
                  <c:v>11734.1</c:v>
                </c:pt>
                <c:pt idx="969">
                  <c:v>10862.1</c:v>
                </c:pt>
                <c:pt idx="970">
                  <c:v>10360.799999999999</c:v>
                </c:pt>
                <c:pt idx="971">
                  <c:v>10039.299999999999</c:v>
                </c:pt>
                <c:pt idx="972">
                  <c:v>9964.64</c:v>
                </c:pt>
                <c:pt idx="973">
                  <c:v>9804.5400000000009</c:v>
                </c:pt>
                <c:pt idx="974">
                  <c:v>9662.35</c:v>
                </c:pt>
                <c:pt idx="975">
                  <c:v>9468.0400000000009</c:v>
                </c:pt>
                <c:pt idx="976">
                  <c:v>9425.01</c:v>
                </c:pt>
                <c:pt idx="977">
                  <c:v>9308.74</c:v>
                </c:pt>
                <c:pt idx="978">
                  <c:v>9309.7999999999993</c:v>
                </c:pt>
                <c:pt idx="979">
                  <c:v>13319.4</c:v>
                </c:pt>
                <c:pt idx="980">
                  <c:v>12541.6</c:v>
                </c:pt>
                <c:pt idx="981">
                  <c:v>12078.2</c:v>
                </c:pt>
                <c:pt idx="982">
                  <c:v>11778.7</c:v>
                </c:pt>
                <c:pt idx="983">
                  <c:v>11583.9</c:v>
                </c:pt>
                <c:pt idx="984">
                  <c:v>11384.1</c:v>
                </c:pt>
                <c:pt idx="985">
                  <c:v>11204</c:v>
                </c:pt>
                <c:pt idx="986">
                  <c:v>11153</c:v>
                </c:pt>
                <c:pt idx="987">
                  <c:v>10998.1</c:v>
                </c:pt>
                <c:pt idx="988">
                  <c:v>10976.2</c:v>
                </c:pt>
                <c:pt idx="989">
                  <c:v>10899.9</c:v>
                </c:pt>
                <c:pt idx="990">
                  <c:v>14906.4</c:v>
                </c:pt>
                <c:pt idx="991">
                  <c:v>14129.9</c:v>
                </c:pt>
                <c:pt idx="992">
                  <c:v>13809.6</c:v>
                </c:pt>
                <c:pt idx="993">
                  <c:v>13381.5</c:v>
                </c:pt>
                <c:pt idx="994">
                  <c:v>13076.5</c:v>
                </c:pt>
                <c:pt idx="995">
                  <c:v>12884.4</c:v>
                </c:pt>
                <c:pt idx="996">
                  <c:v>12827.2</c:v>
                </c:pt>
                <c:pt idx="997">
                  <c:v>12650.8</c:v>
                </c:pt>
                <c:pt idx="998">
                  <c:v>12577.1</c:v>
                </c:pt>
                <c:pt idx="999">
                  <c:v>12498.2</c:v>
                </c:pt>
                <c:pt idx="1000">
                  <c:v>12490.5</c:v>
                </c:pt>
                <c:pt idx="1001">
                  <c:v>16610</c:v>
                </c:pt>
                <c:pt idx="1002">
                  <c:v>15885.7</c:v>
                </c:pt>
                <c:pt idx="1003">
                  <c:v>15206.7</c:v>
                </c:pt>
                <c:pt idx="1004">
                  <c:v>14993.3</c:v>
                </c:pt>
                <c:pt idx="1005">
                  <c:v>14612.5</c:v>
                </c:pt>
                <c:pt idx="1006">
                  <c:v>14466.1</c:v>
                </c:pt>
                <c:pt idx="1007">
                  <c:v>14396.9</c:v>
                </c:pt>
                <c:pt idx="1008">
                  <c:v>14234.4</c:v>
                </c:pt>
                <c:pt idx="1009">
                  <c:v>14099.4</c:v>
                </c:pt>
                <c:pt idx="1010">
                  <c:v>13985.9</c:v>
                </c:pt>
                <c:pt idx="1011">
                  <c:v>13956.9</c:v>
                </c:pt>
                <c:pt idx="1012">
                  <c:v>18226.900000000001</c:v>
                </c:pt>
                <c:pt idx="1013">
                  <c:v>17331.900000000001</c:v>
                </c:pt>
                <c:pt idx="1014">
                  <c:v>16854.2</c:v>
                </c:pt>
                <c:pt idx="1015">
                  <c:v>16429.400000000001</c:v>
                </c:pt>
                <c:pt idx="1016">
                  <c:v>16289.5</c:v>
                </c:pt>
                <c:pt idx="1017">
                  <c:v>15968.9</c:v>
                </c:pt>
                <c:pt idx="1018">
                  <c:v>15889.3</c:v>
                </c:pt>
                <c:pt idx="1019">
                  <c:v>15711.9</c:v>
                </c:pt>
                <c:pt idx="1020">
                  <c:v>15657.8</c:v>
                </c:pt>
                <c:pt idx="1021">
                  <c:v>15543</c:v>
                </c:pt>
                <c:pt idx="1022">
                  <c:v>15565.2</c:v>
                </c:pt>
                <c:pt idx="1023">
                  <c:v>19549.599999999999</c:v>
                </c:pt>
                <c:pt idx="1024">
                  <c:v>18837.2</c:v>
                </c:pt>
                <c:pt idx="1025">
                  <c:v>18389.900000000001</c:v>
                </c:pt>
                <c:pt idx="1026">
                  <c:v>18054</c:v>
                </c:pt>
                <c:pt idx="1027">
                  <c:v>17780.2</c:v>
                </c:pt>
                <c:pt idx="1028">
                  <c:v>17536.2</c:v>
                </c:pt>
                <c:pt idx="1029">
                  <c:v>17457.7</c:v>
                </c:pt>
                <c:pt idx="1030">
                  <c:v>17378.599999999999</c:v>
                </c:pt>
                <c:pt idx="1031">
                  <c:v>17216.7</c:v>
                </c:pt>
                <c:pt idx="1032">
                  <c:v>17100</c:v>
                </c:pt>
                <c:pt idx="1033">
                  <c:v>17004.400000000001</c:v>
                </c:pt>
                <c:pt idx="1034">
                  <c:v>21266.3</c:v>
                </c:pt>
                <c:pt idx="1035">
                  <c:v>20350.5</c:v>
                </c:pt>
                <c:pt idx="1036">
                  <c:v>19845.900000000001</c:v>
                </c:pt>
                <c:pt idx="1037">
                  <c:v>19612.5</c:v>
                </c:pt>
                <c:pt idx="1038">
                  <c:v>19308.900000000001</c:v>
                </c:pt>
                <c:pt idx="1039">
                  <c:v>19088.7</c:v>
                </c:pt>
                <c:pt idx="1040">
                  <c:v>19012.3</c:v>
                </c:pt>
                <c:pt idx="1041">
                  <c:v>18845.099999999999</c:v>
                </c:pt>
                <c:pt idx="1042">
                  <c:v>18789.5</c:v>
                </c:pt>
                <c:pt idx="1043">
                  <c:v>18645</c:v>
                </c:pt>
                <c:pt idx="1044">
                  <c:v>18649.900000000001</c:v>
                </c:pt>
                <c:pt idx="1045">
                  <c:v>22766.6</c:v>
                </c:pt>
                <c:pt idx="1046">
                  <c:v>21839.5</c:v>
                </c:pt>
                <c:pt idx="1047">
                  <c:v>21357.4</c:v>
                </c:pt>
                <c:pt idx="1048">
                  <c:v>21125.9</c:v>
                </c:pt>
                <c:pt idx="1049">
                  <c:v>20889.900000000001</c:v>
                </c:pt>
                <c:pt idx="1050">
                  <c:v>20626.8</c:v>
                </c:pt>
                <c:pt idx="1051">
                  <c:v>20549.099999999999</c:v>
                </c:pt>
                <c:pt idx="1052">
                  <c:v>20376.2</c:v>
                </c:pt>
                <c:pt idx="1053">
                  <c:v>20354.3</c:v>
                </c:pt>
                <c:pt idx="1054">
                  <c:v>20217</c:v>
                </c:pt>
                <c:pt idx="1055">
                  <c:v>20101.2</c:v>
                </c:pt>
                <c:pt idx="1056">
                  <c:v>5758.29</c:v>
                </c:pt>
                <c:pt idx="1057">
                  <c:v>5081.7299999999996</c:v>
                </c:pt>
                <c:pt idx="1058">
                  <c:v>4659.0200000000004</c:v>
                </c:pt>
                <c:pt idx="1059">
                  <c:v>4344.12</c:v>
                </c:pt>
                <c:pt idx="1060">
                  <c:v>4100.58</c:v>
                </c:pt>
                <c:pt idx="1061">
                  <c:v>3879.71</c:v>
                </c:pt>
                <c:pt idx="1062">
                  <c:v>3728.47</c:v>
                </c:pt>
                <c:pt idx="1063">
                  <c:v>3625.04</c:v>
                </c:pt>
                <c:pt idx="1064">
                  <c:v>3535.92</c:v>
                </c:pt>
                <c:pt idx="1065">
                  <c:v>3452.07</c:v>
                </c:pt>
                <c:pt idx="1066">
                  <c:v>3368.58</c:v>
                </c:pt>
                <c:pt idx="1067">
                  <c:v>7033.95</c:v>
                </c:pt>
                <c:pt idx="1068">
                  <c:v>6449.67</c:v>
                </c:pt>
                <c:pt idx="1069">
                  <c:v>6138.83</c:v>
                </c:pt>
                <c:pt idx="1070">
                  <c:v>5802.84</c:v>
                </c:pt>
                <c:pt idx="1071">
                  <c:v>5541.81</c:v>
                </c:pt>
                <c:pt idx="1072">
                  <c:v>5372.8</c:v>
                </c:pt>
                <c:pt idx="1073">
                  <c:v>5201.8599999999997</c:v>
                </c:pt>
                <c:pt idx="1074">
                  <c:v>5072.38</c:v>
                </c:pt>
                <c:pt idx="1075">
                  <c:v>4973.3100000000004</c:v>
                </c:pt>
                <c:pt idx="1076">
                  <c:v>4923.1099999999997</c:v>
                </c:pt>
                <c:pt idx="1077">
                  <c:v>4834.63</c:v>
                </c:pt>
                <c:pt idx="1078">
                  <c:v>8428.23</c:v>
                </c:pt>
                <c:pt idx="1079">
                  <c:v>7915.73</c:v>
                </c:pt>
                <c:pt idx="1080">
                  <c:v>7449.17</c:v>
                </c:pt>
                <c:pt idx="1081">
                  <c:v>7269.09</c:v>
                </c:pt>
                <c:pt idx="1082">
                  <c:v>7060.21</c:v>
                </c:pt>
                <c:pt idx="1083">
                  <c:v>6834.11</c:v>
                </c:pt>
                <c:pt idx="1084">
                  <c:v>6652.68</c:v>
                </c:pt>
                <c:pt idx="1085">
                  <c:v>6619.83</c:v>
                </c:pt>
                <c:pt idx="1086">
                  <c:v>6490.76</c:v>
                </c:pt>
                <c:pt idx="1087">
                  <c:v>6406.59</c:v>
                </c:pt>
                <c:pt idx="1088">
                  <c:v>6298.71</c:v>
                </c:pt>
                <c:pt idx="1089">
                  <c:v>10016.9</c:v>
                </c:pt>
                <c:pt idx="1090">
                  <c:v>9381.51</c:v>
                </c:pt>
                <c:pt idx="1091">
                  <c:v>8901.19</c:v>
                </c:pt>
                <c:pt idx="1092">
                  <c:v>8829.65</c:v>
                </c:pt>
                <c:pt idx="1093">
                  <c:v>8554.89</c:v>
                </c:pt>
                <c:pt idx="1094">
                  <c:v>8337.44</c:v>
                </c:pt>
                <c:pt idx="1095">
                  <c:v>8189.58</c:v>
                </c:pt>
                <c:pt idx="1096">
                  <c:v>8021.98</c:v>
                </c:pt>
                <c:pt idx="1097">
                  <c:v>7917.45</c:v>
                </c:pt>
                <c:pt idx="1098">
                  <c:v>7881.65</c:v>
                </c:pt>
                <c:pt idx="1099">
                  <c:v>7850.85</c:v>
                </c:pt>
                <c:pt idx="1100">
                  <c:v>11734.1</c:v>
                </c:pt>
                <c:pt idx="1101">
                  <c:v>10862.1</c:v>
                </c:pt>
                <c:pt idx="1102">
                  <c:v>10360.799999999999</c:v>
                </c:pt>
                <c:pt idx="1103">
                  <c:v>10039.299999999999</c:v>
                </c:pt>
                <c:pt idx="1104">
                  <c:v>9960.1</c:v>
                </c:pt>
                <c:pt idx="1105">
                  <c:v>9792.64</c:v>
                </c:pt>
                <c:pt idx="1106">
                  <c:v>9645.2999999999993</c:v>
                </c:pt>
                <c:pt idx="1107">
                  <c:v>9524.39</c:v>
                </c:pt>
                <c:pt idx="1108">
                  <c:v>9469.3799999999992</c:v>
                </c:pt>
                <c:pt idx="1109">
                  <c:v>9310.0400000000009</c:v>
                </c:pt>
                <c:pt idx="1110">
                  <c:v>9310.9500000000007</c:v>
                </c:pt>
                <c:pt idx="1111">
                  <c:v>13319.4</c:v>
                </c:pt>
                <c:pt idx="1112">
                  <c:v>12541.6</c:v>
                </c:pt>
                <c:pt idx="1113">
                  <c:v>12078.2</c:v>
                </c:pt>
                <c:pt idx="1114">
                  <c:v>11781.2</c:v>
                </c:pt>
                <c:pt idx="1115">
                  <c:v>11583.9</c:v>
                </c:pt>
                <c:pt idx="1116">
                  <c:v>11384.1</c:v>
                </c:pt>
                <c:pt idx="1117">
                  <c:v>11204</c:v>
                </c:pt>
                <c:pt idx="1118">
                  <c:v>11153</c:v>
                </c:pt>
                <c:pt idx="1119">
                  <c:v>10998.1</c:v>
                </c:pt>
                <c:pt idx="1120">
                  <c:v>10976.2</c:v>
                </c:pt>
                <c:pt idx="1121">
                  <c:v>10919.6</c:v>
                </c:pt>
                <c:pt idx="1122">
                  <c:v>14906.4</c:v>
                </c:pt>
                <c:pt idx="1123">
                  <c:v>14129.9</c:v>
                </c:pt>
                <c:pt idx="1124">
                  <c:v>13809.6</c:v>
                </c:pt>
                <c:pt idx="1125">
                  <c:v>13381.5</c:v>
                </c:pt>
                <c:pt idx="1126">
                  <c:v>13076.5</c:v>
                </c:pt>
                <c:pt idx="1127">
                  <c:v>12884.4</c:v>
                </c:pt>
                <c:pt idx="1128">
                  <c:v>12827.2</c:v>
                </c:pt>
                <c:pt idx="1129">
                  <c:v>12650.8</c:v>
                </c:pt>
                <c:pt idx="1130">
                  <c:v>12566.9</c:v>
                </c:pt>
                <c:pt idx="1131">
                  <c:v>12452</c:v>
                </c:pt>
                <c:pt idx="1132">
                  <c:v>12453.3</c:v>
                </c:pt>
                <c:pt idx="1133">
                  <c:v>16610</c:v>
                </c:pt>
                <c:pt idx="1134">
                  <c:v>15885.7</c:v>
                </c:pt>
                <c:pt idx="1135">
                  <c:v>15206.7</c:v>
                </c:pt>
                <c:pt idx="1136">
                  <c:v>14993.3</c:v>
                </c:pt>
                <c:pt idx="1137">
                  <c:v>14612.5</c:v>
                </c:pt>
                <c:pt idx="1138">
                  <c:v>14467.1</c:v>
                </c:pt>
                <c:pt idx="1139">
                  <c:v>14395.3</c:v>
                </c:pt>
                <c:pt idx="1140">
                  <c:v>14233.1</c:v>
                </c:pt>
                <c:pt idx="1141">
                  <c:v>14099.3</c:v>
                </c:pt>
                <c:pt idx="1142">
                  <c:v>14049.6</c:v>
                </c:pt>
                <c:pt idx="1143">
                  <c:v>13938.4</c:v>
                </c:pt>
                <c:pt idx="1144">
                  <c:v>18226.900000000001</c:v>
                </c:pt>
                <c:pt idx="1145">
                  <c:v>17331.900000000001</c:v>
                </c:pt>
                <c:pt idx="1146">
                  <c:v>16837.7</c:v>
                </c:pt>
                <c:pt idx="1147">
                  <c:v>16472</c:v>
                </c:pt>
                <c:pt idx="1148">
                  <c:v>16291.1</c:v>
                </c:pt>
                <c:pt idx="1149">
                  <c:v>16050.8</c:v>
                </c:pt>
                <c:pt idx="1150">
                  <c:v>15884.8</c:v>
                </c:pt>
                <c:pt idx="1151">
                  <c:v>15708.9</c:v>
                </c:pt>
                <c:pt idx="1152">
                  <c:v>15655.7</c:v>
                </c:pt>
                <c:pt idx="1153">
                  <c:v>15534.6</c:v>
                </c:pt>
                <c:pt idx="1154">
                  <c:v>15548.8</c:v>
                </c:pt>
                <c:pt idx="1155">
                  <c:v>19549.599999999999</c:v>
                </c:pt>
                <c:pt idx="1156">
                  <c:v>18837.2</c:v>
                </c:pt>
                <c:pt idx="1157">
                  <c:v>18389.900000000001</c:v>
                </c:pt>
                <c:pt idx="1158">
                  <c:v>18054</c:v>
                </c:pt>
                <c:pt idx="1159">
                  <c:v>17780.2</c:v>
                </c:pt>
                <c:pt idx="1160">
                  <c:v>17536.2</c:v>
                </c:pt>
                <c:pt idx="1161">
                  <c:v>17457.900000000001</c:v>
                </c:pt>
                <c:pt idx="1162">
                  <c:v>17360.3</c:v>
                </c:pt>
                <c:pt idx="1163">
                  <c:v>17205.2</c:v>
                </c:pt>
                <c:pt idx="1164">
                  <c:v>17088.400000000001</c:v>
                </c:pt>
                <c:pt idx="1165">
                  <c:v>17100.5</c:v>
                </c:pt>
                <c:pt idx="1166">
                  <c:v>21266.3</c:v>
                </c:pt>
                <c:pt idx="1167">
                  <c:v>20350.5</c:v>
                </c:pt>
                <c:pt idx="1168">
                  <c:v>19845.900000000001</c:v>
                </c:pt>
                <c:pt idx="1169">
                  <c:v>19612.5</c:v>
                </c:pt>
                <c:pt idx="1170">
                  <c:v>19308.900000000001</c:v>
                </c:pt>
                <c:pt idx="1171">
                  <c:v>19088.7</c:v>
                </c:pt>
                <c:pt idx="1172">
                  <c:v>19002.2</c:v>
                </c:pt>
                <c:pt idx="1173">
                  <c:v>18835.900000000001</c:v>
                </c:pt>
                <c:pt idx="1174">
                  <c:v>18755.8</c:v>
                </c:pt>
                <c:pt idx="1175">
                  <c:v>18613.5</c:v>
                </c:pt>
                <c:pt idx="1176">
                  <c:v>18570.8</c:v>
                </c:pt>
                <c:pt idx="1177">
                  <c:v>22766.6</c:v>
                </c:pt>
                <c:pt idx="1178">
                  <c:v>21839.5</c:v>
                </c:pt>
                <c:pt idx="1179">
                  <c:v>21357.4</c:v>
                </c:pt>
                <c:pt idx="1180">
                  <c:v>21125.9</c:v>
                </c:pt>
                <c:pt idx="1181">
                  <c:v>20889.900000000001</c:v>
                </c:pt>
                <c:pt idx="1182">
                  <c:v>20626.8</c:v>
                </c:pt>
                <c:pt idx="1183">
                  <c:v>20549.099999999999</c:v>
                </c:pt>
                <c:pt idx="1184">
                  <c:v>20376.2</c:v>
                </c:pt>
                <c:pt idx="1185">
                  <c:v>20323</c:v>
                </c:pt>
                <c:pt idx="1186">
                  <c:v>20187.5</c:v>
                </c:pt>
                <c:pt idx="1187">
                  <c:v>20101.2</c:v>
                </c:pt>
                <c:pt idx="1188">
                  <c:v>5758.29</c:v>
                </c:pt>
                <c:pt idx="1189">
                  <c:v>5081.7299999999996</c:v>
                </c:pt>
                <c:pt idx="1190">
                  <c:v>4659.0200000000004</c:v>
                </c:pt>
                <c:pt idx="1191">
                  <c:v>4344.12</c:v>
                </c:pt>
                <c:pt idx="1192">
                  <c:v>4100.58</c:v>
                </c:pt>
                <c:pt idx="1193">
                  <c:v>3879.71</c:v>
                </c:pt>
                <c:pt idx="1194">
                  <c:v>3728.47</c:v>
                </c:pt>
                <c:pt idx="1195">
                  <c:v>3625.03</c:v>
                </c:pt>
                <c:pt idx="1196">
                  <c:v>3496.43</c:v>
                </c:pt>
                <c:pt idx="1197">
                  <c:v>3448.13</c:v>
                </c:pt>
                <c:pt idx="1198">
                  <c:v>3361.69</c:v>
                </c:pt>
                <c:pt idx="1199">
                  <c:v>7033.95</c:v>
                </c:pt>
                <c:pt idx="1200">
                  <c:v>6449.67</c:v>
                </c:pt>
                <c:pt idx="1201">
                  <c:v>6138.83</c:v>
                </c:pt>
                <c:pt idx="1202">
                  <c:v>5802.84</c:v>
                </c:pt>
                <c:pt idx="1203">
                  <c:v>5541.81</c:v>
                </c:pt>
                <c:pt idx="1204">
                  <c:v>5372.8</c:v>
                </c:pt>
                <c:pt idx="1205">
                  <c:v>5201.8599999999997</c:v>
                </c:pt>
                <c:pt idx="1206">
                  <c:v>5072.38</c:v>
                </c:pt>
                <c:pt idx="1207">
                  <c:v>4973.3100000000004</c:v>
                </c:pt>
                <c:pt idx="1208">
                  <c:v>4876.58</c:v>
                </c:pt>
                <c:pt idx="1209">
                  <c:v>4833.5</c:v>
                </c:pt>
                <c:pt idx="1210">
                  <c:v>8428.23</c:v>
                </c:pt>
                <c:pt idx="1211">
                  <c:v>7915.73</c:v>
                </c:pt>
                <c:pt idx="1212">
                  <c:v>7449.17</c:v>
                </c:pt>
                <c:pt idx="1213">
                  <c:v>7269.09</c:v>
                </c:pt>
                <c:pt idx="1214">
                  <c:v>7060.21</c:v>
                </c:pt>
                <c:pt idx="1215">
                  <c:v>6834.11</c:v>
                </c:pt>
                <c:pt idx="1216">
                  <c:v>6652.68</c:v>
                </c:pt>
                <c:pt idx="1217">
                  <c:v>6619.83</c:v>
                </c:pt>
                <c:pt idx="1218">
                  <c:v>6490.76</c:v>
                </c:pt>
                <c:pt idx="1219">
                  <c:v>6406.59</c:v>
                </c:pt>
                <c:pt idx="1220">
                  <c:v>6298.19</c:v>
                </c:pt>
                <c:pt idx="1221">
                  <c:v>10016.9</c:v>
                </c:pt>
                <c:pt idx="1222">
                  <c:v>9381.51</c:v>
                </c:pt>
                <c:pt idx="1223">
                  <c:v>8901.19</c:v>
                </c:pt>
                <c:pt idx="1224">
                  <c:v>8829.65</c:v>
                </c:pt>
                <c:pt idx="1225">
                  <c:v>8554.89</c:v>
                </c:pt>
                <c:pt idx="1226">
                  <c:v>8337.44</c:v>
                </c:pt>
                <c:pt idx="1227">
                  <c:v>8189.58</c:v>
                </c:pt>
                <c:pt idx="1228">
                  <c:v>8021.98</c:v>
                </c:pt>
                <c:pt idx="1229">
                  <c:v>7917.45</c:v>
                </c:pt>
                <c:pt idx="1230">
                  <c:v>7881.65</c:v>
                </c:pt>
                <c:pt idx="1231">
                  <c:v>7850.85</c:v>
                </c:pt>
                <c:pt idx="1232">
                  <c:v>11734.1</c:v>
                </c:pt>
                <c:pt idx="1233">
                  <c:v>10862.1</c:v>
                </c:pt>
                <c:pt idx="1234">
                  <c:v>10360.799999999999</c:v>
                </c:pt>
                <c:pt idx="1235">
                  <c:v>10039.299999999999</c:v>
                </c:pt>
                <c:pt idx="1236">
                  <c:v>9960.1</c:v>
                </c:pt>
                <c:pt idx="1237">
                  <c:v>9779.24</c:v>
                </c:pt>
                <c:pt idx="1238">
                  <c:v>9635.01</c:v>
                </c:pt>
                <c:pt idx="1239">
                  <c:v>9512.2099999999991</c:v>
                </c:pt>
                <c:pt idx="1240">
                  <c:v>9463.2199999999993</c:v>
                </c:pt>
                <c:pt idx="1241">
                  <c:v>9311.06</c:v>
                </c:pt>
                <c:pt idx="1242">
                  <c:v>9311.75</c:v>
                </c:pt>
                <c:pt idx="1243">
                  <c:v>13319.4</c:v>
                </c:pt>
                <c:pt idx="1244">
                  <c:v>12541.6</c:v>
                </c:pt>
                <c:pt idx="1245">
                  <c:v>12078.2</c:v>
                </c:pt>
                <c:pt idx="1246">
                  <c:v>11750.8</c:v>
                </c:pt>
                <c:pt idx="1247">
                  <c:v>11583.9</c:v>
                </c:pt>
                <c:pt idx="1248">
                  <c:v>11384.1</c:v>
                </c:pt>
                <c:pt idx="1249">
                  <c:v>11204</c:v>
                </c:pt>
                <c:pt idx="1250">
                  <c:v>11153</c:v>
                </c:pt>
                <c:pt idx="1251">
                  <c:v>10998.1</c:v>
                </c:pt>
                <c:pt idx="1252">
                  <c:v>10976.2</c:v>
                </c:pt>
                <c:pt idx="1253">
                  <c:v>10919.6</c:v>
                </c:pt>
                <c:pt idx="1254">
                  <c:v>14906.4</c:v>
                </c:pt>
                <c:pt idx="1255">
                  <c:v>14129.9</c:v>
                </c:pt>
                <c:pt idx="1256">
                  <c:v>13809.6</c:v>
                </c:pt>
                <c:pt idx="1257">
                  <c:v>13381.5</c:v>
                </c:pt>
                <c:pt idx="1258">
                  <c:v>13076.5</c:v>
                </c:pt>
                <c:pt idx="1259">
                  <c:v>12884.4</c:v>
                </c:pt>
                <c:pt idx="1260">
                  <c:v>12827.2</c:v>
                </c:pt>
                <c:pt idx="1261">
                  <c:v>12650.8</c:v>
                </c:pt>
                <c:pt idx="1262">
                  <c:v>12566.9</c:v>
                </c:pt>
                <c:pt idx="1263">
                  <c:v>12452</c:v>
                </c:pt>
                <c:pt idx="1264">
                  <c:v>12408.4</c:v>
                </c:pt>
                <c:pt idx="1265">
                  <c:v>16610</c:v>
                </c:pt>
                <c:pt idx="1266">
                  <c:v>15885.7</c:v>
                </c:pt>
                <c:pt idx="1267">
                  <c:v>15206.7</c:v>
                </c:pt>
                <c:pt idx="1268">
                  <c:v>14993.3</c:v>
                </c:pt>
                <c:pt idx="1269">
                  <c:v>14612.5</c:v>
                </c:pt>
                <c:pt idx="1270">
                  <c:v>14467.1</c:v>
                </c:pt>
                <c:pt idx="1271">
                  <c:v>14395.3</c:v>
                </c:pt>
                <c:pt idx="1272">
                  <c:v>14233.1</c:v>
                </c:pt>
                <c:pt idx="1273">
                  <c:v>14099.3</c:v>
                </c:pt>
                <c:pt idx="1274">
                  <c:v>14042.9</c:v>
                </c:pt>
                <c:pt idx="1275">
                  <c:v>13933.5</c:v>
                </c:pt>
                <c:pt idx="1276">
                  <c:v>18226.900000000001</c:v>
                </c:pt>
                <c:pt idx="1277">
                  <c:v>17331.900000000001</c:v>
                </c:pt>
                <c:pt idx="1278">
                  <c:v>16837.7</c:v>
                </c:pt>
                <c:pt idx="1279">
                  <c:v>16472</c:v>
                </c:pt>
                <c:pt idx="1280">
                  <c:v>16291.1</c:v>
                </c:pt>
                <c:pt idx="1281">
                  <c:v>16050.8</c:v>
                </c:pt>
                <c:pt idx="1282">
                  <c:v>15884.8</c:v>
                </c:pt>
                <c:pt idx="1283">
                  <c:v>15708.9</c:v>
                </c:pt>
                <c:pt idx="1284">
                  <c:v>15655.7</c:v>
                </c:pt>
                <c:pt idx="1285">
                  <c:v>15534.6</c:v>
                </c:pt>
                <c:pt idx="1286">
                  <c:v>15548.8</c:v>
                </c:pt>
                <c:pt idx="1287">
                  <c:v>19549.599999999999</c:v>
                </c:pt>
                <c:pt idx="1288">
                  <c:v>18837.2</c:v>
                </c:pt>
                <c:pt idx="1289">
                  <c:v>18389.900000000001</c:v>
                </c:pt>
                <c:pt idx="1290">
                  <c:v>18054</c:v>
                </c:pt>
                <c:pt idx="1291">
                  <c:v>17780.2</c:v>
                </c:pt>
                <c:pt idx="1292">
                  <c:v>17536.2</c:v>
                </c:pt>
                <c:pt idx="1293">
                  <c:v>17457.900000000001</c:v>
                </c:pt>
                <c:pt idx="1294">
                  <c:v>17360.3</c:v>
                </c:pt>
                <c:pt idx="1295">
                  <c:v>17205.2</c:v>
                </c:pt>
                <c:pt idx="1296">
                  <c:v>17088.400000000001</c:v>
                </c:pt>
                <c:pt idx="1297">
                  <c:v>17100.5</c:v>
                </c:pt>
                <c:pt idx="1298">
                  <c:v>21266.3</c:v>
                </c:pt>
                <c:pt idx="1299">
                  <c:v>20350.5</c:v>
                </c:pt>
                <c:pt idx="1300">
                  <c:v>19845.900000000001</c:v>
                </c:pt>
                <c:pt idx="1301">
                  <c:v>19612.5</c:v>
                </c:pt>
                <c:pt idx="1302">
                  <c:v>19308.900000000001</c:v>
                </c:pt>
                <c:pt idx="1303">
                  <c:v>19088.7</c:v>
                </c:pt>
                <c:pt idx="1304">
                  <c:v>19002.2</c:v>
                </c:pt>
                <c:pt idx="1305">
                  <c:v>18835.900000000001</c:v>
                </c:pt>
                <c:pt idx="1306">
                  <c:v>18749.7</c:v>
                </c:pt>
                <c:pt idx="1307">
                  <c:v>18610.3</c:v>
                </c:pt>
                <c:pt idx="1308">
                  <c:v>18570.8</c:v>
                </c:pt>
                <c:pt idx="1309">
                  <c:v>22766.6</c:v>
                </c:pt>
                <c:pt idx="1310">
                  <c:v>21839.5</c:v>
                </c:pt>
                <c:pt idx="1311">
                  <c:v>21357.4</c:v>
                </c:pt>
                <c:pt idx="1312">
                  <c:v>21125.9</c:v>
                </c:pt>
                <c:pt idx="1313">
                  <c:v>20889.900000000001</c:v>
                </c:pt>
                <c:pt idx="1314">
                  <c:v>20626.8</c:v>
                </c:pt>
                <c:pt idx="1315">
                  <c:v>20549.099999999999</c:v>
                </c:pt>
                <c:pt idx="1316">
                  <c:v>20376.2</c:v>
                </c:pt>
                <c:pt idx="1317">
                  <c:v>20315.599999999999</c:v>
                </c:pt>
                <c:pt idx="1318">
                  <c:v>20181.400000000001</c:v>
                </c:pt>
                <c:pt idx="1319">
                  <c:v>20153.400000000001</c:v>
                </c:pt>
                <c:pt idx="1320">
                  <c:v>5758.29</c:v>
                </c:pt>
                <c:pt idx="1321">
                  <c:v>5081.7299999999996</c:v>
                </c:pt>
                <c:pt idx="1322">
                  <c:v>4659.0200000000004</c:v>
                </c:pt>
                <c:pt idx="1323">
                  <c:v>4344.12</c:v>
                </c:pt>
                <c:pt idx="1324">
                  <c:v>4100.58</c:v>
                </c:pt>
                <c:pt idx="1325">
                  <c:v>3879.71</c:v>
                </c:pt>
                <c:pt idx="1326">
                  <c:v>3728.47</c:v>
                </c:pt>
                <c:pt idx="1327">
                  <c:v>3625.03</c:v>
                </c:pt>
                <c:pt idx="1328">
                  <c:v>3496.43</c:v>
                </c:pt>
                <c:pt idx="1329">
                  <c:v>3412.42</c:v>
                </c:pt>
                <c:pt idx="1330">
                  <c:v>3327.06</c:v>
                </c:pt>
                <c:pt idx="1331">
                  <c:v>7033.95</c:v>
                </c:pt>
                <c:pt idx="1332">
                  <c:v>6449.67</c:v>
                </c:pt>
                <c:pt idx="1333">
                  <c:v>6138.83</c:v>
                </c:pt>
                <c:pt idx="1334">
                  <c:v>5802.84</c:v>
                </c:pt>
                <c:pt idx="1335">
                  <c:v>5541.81</c:v>
                </c:pt>
                <c:pt idx="1336">
                  <c:v>5372.8</c:v>
                </c:pt>
                <c:pt idx="1337">
                  <c:v>5201.8599999999997</c:v>
                </c:pt>
                <c:pt idx="1338">
                  <c:v>5072.38</c:v>
                </c:pt>
                <c:pt idx="1339">
                  <c:v>4973.3100000000004</c:v>
                </c:pt>
                <c:pt idx="1340">
                  <c:v>4876.58</c:v>
                </c:pt>
                <c:pt idx="1341">
                  <c:v>4796.24</c:v>
                </c:pt>
                <c:pt idx="1342">
                  <c:v>8428.23</c:v>
                </c:pt>
                <c:pt idx="1343">
                  <c:v>7915.73</c:v>
                </c:pt>
                <c:pt idx="1344">
                  <c:v>7449.17</c:v>
                </c:pt>
                <c:pt idx="1345">
                  <c:v>7269.09</c:v>
                </c:pt>
                <c:pt idx="1346">
                  <c:v>7060.21</c:v>
                </c:pt>
                <c:pt idx="1347">
                  <c:v>6834.11</c:v>
                </c:pt>
                <c:pt idx="1348">
                  <c:v>6652.68</c:v>
                </c:pt>
                <c:pt idx="1349">
                  <c:v>6619.83</c:v>
                </c:pt>
                <c:pt idx="1350">
                  <c:v>6490.76</c:v>
                </c:pt>
                <c:pt idx="1351">
                  <c:v>6406.59</c:v>
                </c:pt>
                <c:pt idx="1352">
                  <c:v>6298.19</c:v>
                </c:pt>
                <c:pt idx="1353">
                  <c:v>10016.9</c:v>
                </c:pt>
                <c:pt idx="1354">
                  <c:v>9381.51</c:v>
                </c:pt>
                <c:pt idx="1355">
                  <c:v>8901.19</c:v>
                </c:pt>
                <c:pt idx="1356">
                  <c:v>8829.65</c:v>
                </c:pt>
                <c:pt idx="1357">
                  <c:v>8554.89</c:v>
                </c:pt>
                <c:pt idx="1358">
                  <c:v>8337.44</c:v>
                </c:pt>
                <c:pt idx="1359">
                  <c:v>8189.58</c:v>
                </c:pt>
                <c:pt idx="1360">
                  <c:v>8021.98</c:v>
                </c:pt>
                <c:pt idx="1361">
                  <c:v>7917.45</c:v>
                </c:pt>
                <c:pt idx="1362">
                  <c:v>7881.65</c:v>
                </c:pt>
                <c:pt idx="1363">
                  <c:v>7850.85</c:v>
                </c:pt>
                <c:pt idx="1364">
                  <c:v>11734.1</c:v>
                </c:pt>
                <c:pt idx="1365">
                  <c:v>10862.1</c:v>
                </c:pt>
                <c:pt idx="1366">
                  <c:v>10360.799999999999</c:v>
                </c:pt>
                <c:pt idx="1367">
                  <c:v>10039.299999999999</c:v>
                </c:pt>
                <c:pt idx="1368">
                  <c:v>9960.1</c:v>
                </c:pt>
                <c:pt idx="1369">
                  <c:v>9779.24</c:v>
                </c:pt>
                <c:pt idx="1370">
                  <c:v>9635.01</c:v>
                </c:pt>
                <c:pt idx="1371">
                  <c:v>9512.2099999999991</c:v>
                </c:pt>
                <c:pt idx="1372">
                  <c:v>9463.2199999999993</c:v>
                </c:pt>
                <c:pt idx="1373">
                  <c:v>9311.06</c:v>
                </c:pt>
                <c:pt idx="1374">
                  <c:v>9311.75</c:v>
                </c:pt>
                <c:pt idx="1375">
                  <c:v>13319.4</c:v>
                </c:pt>
                <c:pt idx="1376">
                  <c:v>12541.6</c:v>
                </c:pt>
                <c:pt idx="1377">
                  <c:v>12078.2</c:v>
                </c:pt>
                <c:pt idx="1378">
                  <c:v>11750.8</c:v>
                </c:pt>
                <c:pt idx="1379">
                  <c:v>11583.9</c:v>
                </c:pt>
                <c:pt idx="1380">
                  <c:v>11384.1</c:v>
                </c:pt>
                <c:pt idx="1381">
                  <c:v>11204</c:v>
                </c:pt>
                <c:pt idx="1382">
                  <c:v>11153</c:v>
                </c:pt>
                <c:pt idx="1383">
                  <c:v>10998.1</c:v>
                </c:pt>
                <c:pt idx="1384">
                  <c:v>10976.2</c:v>
                </c:pt>
                <c:pt idx="1385">
                  <c:v>10919.6</c:v>
                </c:pt>
                <c:pt idx="1386">
                  <c:v>14906.4</c:v>
                </c:pt>
                <c:pt idx="1387">
                  <c:v>14129.9</c:v>
                </c:pt>
                <c:pt idx="1388">
                  <c:v>13809.6</c:v>
                </c:pt>
                <c:pt idx="1389">
                  <c:v>13381.5</c:v>
                </c:pt>
                <c:pt idx="1390">
                  <c:v>13076.5</c:v>
                </c:pt>
                <c:pt idx="1391">
                  <c:v>12884.4</c:v>
                </c:pt>
                <c:pt idx="1392">
                  <c:v>12827.2</c:v>
                </c:pt>
                <c:pt idx="1393">
                  <c:v>12650.8</c:v>
                </c:pt>
                <c:pt idx="1394">
                  <c:v>12566.9</c:v>
                </c:pt>
                <c:pt idx="1395">
                  <c:v>12452</c:v>
                </c:pt>
                <c:pt idx="1396">
                  <c:v>12408.4</c:v>
                </c:pt>
                <c:pt idx="1397">
                  <c:v>16610</c:v>
                </c:pt>
                <c:pt idx="1398">
                  <c:v>15885.7</c:v>
                </c:pt>
                <c:pt idx="1399">
                  <c:v>15206.7</c:v>
                </c:pt>
                <c:pt idx="1400">
                  <c:v>14993.3</c:v>
                </c:pt>
                <c:pt idx="1401">
                  <c:v>14612.5</c:v>
                </c:pt>
                <c:pt idx="1402">
                  <c:v>14467.1</c:v>
                </c:pt>
                <c:pt idx="1403">
                  <c:v>14395.3</c:v>
                </c:pt>
                <c:pt idx="1404">
                  <c:v>14233.1</c:v>
                </c:pt>
                <c:pt idx="1405">
                  <c:v>14099.3</c:v>
                </c:pt>
                <c:pt idx="1406">
                  <c:v>14042.9</c:v>
                </c:pt>
                <c:pt idx="1407">
                  <c:v>13933.5</c:v>
                </c:pt>
                <c:pt idx="1408">
                  <c:v>18226.900000000001</c:v>
                </c:pt>
                <c:pt idx="1409">
                  <c:v>17331.900000000001</c:v>
                </c:pt>
                <c:pt idx="1410">
                  <c:v>16837.7</c:v>
                </c:pt>
                <c:pt idx="1411">
                  <c:v>16472</c:v>
                </c:pt>
                <c:pt idx="1412">
                  <c:v>16291.1</c:v>
                </c:pt>
                <c:pt idx="1413">
                  <c:v>16050.8</c:v>
                </c:pt>
                <c:pt idx="1414">
                  <c:v>15884.8</c:v>
                </c:pt>
                <c:pt idx="1415">
                  <c:v>15708.9</c:v>
                </c:pt>
                <c:pt idx="1416">
                  <c:v>15655.7</c:v>
                </c:pt>
                <c:pt idx="1417">
                  <c:v>15534.6</c:v>
                </c:pt>
                <c:pt idx="1418">
                  <c:v>15517.3</c:v>
                </c:pt>
                <c:pt idx="1419">
                  <c:v>19549.599999999999</c:v>
                </c:pt>
                <c:pt idx="1420">
                  <c:v>18837.2</c:v>
                </c:pt>
                <c:pt idx="1421">
                  <c:v>18389.900000000001</c:v>
                </c:pt>
                <c:pt idx="1422">
                  <c:v>18054</c:v>
                </c:pt>
                <c:pt idx="1423">
                  <c:v>17780.2</c:v>
                </c:pt>
                <c:pt idx="1424">
                  <c:v>17536.2</c:v>
                </c:pt>
                <c:pt idx="1425">
                  <c:v>17457.900000000001</c:v>
                </c:pt>
                <c:pt idx="1426">
                  <c:v>17360.3</c:v>
                </c:pt>
                <c:pt idx="1427">
                  <c:v>17205.2</c:v>
                </c:pt>
                <c:pt idx="1428">
                  <c:v>17088.400000000001</c:v>
                </c:pt>
                <c:pt idx="1429">
                  <c:v>17069.8</c:v>
                </c:pt>
                <c:pt idx="1430">
                  <c:v>21266.3</c:v>
                </c:pt>
                <c:pt idx="1431">
                  <c:v>20350.5</c:v>
                </c:pt>
                <c:pt idx="1432">
                  <c:v>19845.900000000001</c:v>
                </c:pt>
                <c:pt idx="1433">
                  <c:v>19612.5</c:v>
                </c:pt>
                <c:pt idx="1434">
                  <c:v>19308.900000000001</c:v>
                </c:pt>
                <c:pt idx="1435">
                  <c:v>19088.7</c:v>
                </c:pt>
                <c:pt idx="1436">
                  <c:v>19002.2</c:v>
                </c:pt>
                <c:pt idx="1437">
                  <c:v>18835.900000000001</c:v>
                </c:pt>
                <c:pt idx="1438">
                  <c:v>18749.7</c:v>
                </c:pt>
                <c:pt idx="1439">
                  <c:v>18610.3</c:v>
                </c:pt>
                <c:pt idx="1440">
                  <c:v>18570.8</c:v>
                </c:pt>
                <c:pt idx="1441">
                  <c:v>22766.6</c:v>
                </c:pt>
                <c:pt idx="1442">
                  <c:v>21839.5</c:v>
                </c:pt>
                <c:pt idx="1443">
                  <c:v>21357.4</c:v>
                </c:pt>
                <c:pt idx="1444">
                  <c:v>21125.9</c:v>
                </c:pt>
                <c:pt idx="1445">
                  <c:v>20889.900000000001</c:v>
                </c:pt>
                <c:pt idx="1446">
                  <c:v>20626.8</c:v>
                </c:pt>
                <c:pt idx="1447">
                  <c:v>20549.099999999999</c:v>
                </c:pt>
                <c:pt idx="1448">
                  <c:v>20376.2</c:v>
                </c:pt>
                <c:pt idx="1449">
                  <c:v>20314.8</c:v>
                </c:pt>
                <c:pt idx="1450">
                  <c:v>20181.400000000001</c:v>
                </c:pt>
                <c:pt idx="1451">
                  <c:v>20153.400000000001</c:v>
                </c:pt>
                <c:pt idx="1452">
                  <c:v>5758.29</c:v>
                </c:pt>
                <c:pt idx="1453">
                  <c:v>5081.7299999999996</c:v>
                </c:pt>
                <c:pt idx="1454">
                  <c:v>4659.0200000000004</c:v>
                </c:pt>
                <c:pt idx="1455">
                  <c:v>4344.12</c:v>
                </c:pt>
                <c:pt idx="1456">
                  <c:v>4100.58</c:v>
                </c:pt>
                <c:pt idx="1457">
                  <c:v>3879.71</c:v>
                </c:pt>
                <c:pt idx="1458">
                  <c:v>3728.47</c:v>
                </c:pt>
                <c:pt idx="1459">
                  <c:v>3625.03</c:v>
                </c:pt>
                <c:pt idx="1460">
                  <c:v>3496.43</c:v>
                </c:pt>
                <c:pt idx="1461">
                  <c:v>3412.42</c:v>
                </c:pt>
                <c:pt idx="1462">
                  <c:v>3326.9</c:v>
                </c:pt>
                <c:pt idx="1463">
                  <c:v>7033.95</c:v>
                </c:pt>
                <c:pt idx="1464">
                  <c:v>6449.67</c:v>
                </c:pt>
                <c:pt idx="1465">
                  <c:v>6138.83</c:v>
                </c:pt>
                <c:pt idx="1466">
                  <c:v>5802.84</c:v>
                </c:pt>
                <c:pt idx="1467">
                  <c:v>5541.81</c:v>
                </c:pt>
                <c:pt idx="1468">
                  <c:v>5372.8</c:v>
                </c:pt>
                <c:pt idx="1469">
                  <c:v>5201.8599999999997</c:v>
                </c:pt>
                <c:pt idx="1470">
                  <c:v>5072.38</c:v>
                </c:pt>
                <c:pt idx="1471">
                  <c:v>4973.3100000000004</c:v>
                </c:pt>
                <c:pt idx="1472">
                  <c:v>4876.58</c:v>
                </c:pt>
                <c:pt idx="1473">
                  <c:v>4796.24</c:v>
                </c:pt>
                <c:pt idx="1474">
                  <c:v>8428.23</c:v>
                </c:pt>
                <c:pt idx="1475">
                  <c:v>7915.73</c:v>
                </c:pt>
                <c:pt idx="1476">
                  <c:v>7449.17</c:v>
                </c:pt>
                <c:pt idx="1477">
                  <c:v>7269.09</c:v>
                </c:pt>
                <c:pt idx="1478">
                  <c:v>7060.21</c:v>
                </c:pt>
                <c:pt idx="1479">
                  <c:v>6834.11</c:v>
                </c:pt>
                <c:pt idx="1480">
                  <c:v>6652.68</c:v>
                </c:pt>
                <c:pt idx="1481">
                  <c:v>6619.83</c:v>
                </c:pt>
                <c:pt idx="1482">
                  <c:v>6490.76</c:v>
                </c:pt>
                <c:pt idx="1483">
                  <c:v>6406.59</c:v>
                </c:pt>
                <c:pt idx="1484">
                  <c:v>6298.19</c:v>
                </c:pt>
                <c:pt idx="1485">
                  <c:v>10016.9</c:v>
                </c:pt>
                <c:pt idx="1486">
                  <c:v>9381.51</c:v>
                </c:pt>
                <c:pt idx="1487">
                  <c:v>8901.19</c:v>
                </c:pt>
                <c:pt idx="1488">
                  <c:v>8829.65</c:v>
                </c:pt>
                <c:pt idx="1489">
                  <c:v>8554.89</c:v>
                </c:pt>
                <c:pt idx="1490">
                  <c:v>8337.44</c:v>
                </c:pt>
                <c:pt idx="1491">
                  <c:v>8189.58</c:v>
                </c:pt>
                <c:pt idx="1492">
                  <c:v>8021.98</c:v>
                </c:pt>
                <c:pt idx="1493">
                  <c:v>7917.45</c:v>
                </c:pt>
                <c:pt idx="1494">
                  <c:v>7881.65</c:v>
                </c:pt>
                <c:pt idx="1495">
                  <c:v>7850.85</c:v>
                </c:pt>
                <c:pt idx="1496">
                  <c:v>11734.1</c:v>
                </c:pt>
                <c:pt idx="1497">
                  <c:v>10862.1</c:v>
                </c:pt>
                <c:pt idx="1498">
                  <c:v>10360.799999999999</c:v>
                </c:pt>
                <c:pt idx="1499">
                  <c:v>10039.299999999999</c:v>
                </c:pt>
                <c:pt idx="1500">
                  <c:v>9960.1</c:v>
                </c:pt>
                <c:pt idx="1501">
                  <c:v>9779.24</c:v>
                </c:pt>
                <c:pt idx="1502">
                  <c:v>9635.01</c:v>
                </c:pt>
                <c:pt idx="1503">
                  <c:v>9512.2099999999991</c:v>
                </c:pt>
                <c:pt idx="1504">
                  <c:v>9463.2199999999993</c:v>
                </c:pt>
                <c:pt idx="1505">
                  <c:v>9311.06</c:v>
                </c:pt>
                <c:pt idx="1506">
                  <c:v>9311.75</c:v>
                </c:pt>
                <c:pt idx="1507">
                  <c:v>13319.4</c:v>
                </c:pt>
                <c:pt idx="1508">
                  <c:v>12541.6</c:v>
                </c:pt>
                <c:pt idx="1509">
                  <c:v>12078.2</c:v>
                </c:pt>
                <c:pt idx="1510">
                  <c:v>11750.8</c:v>
                </c:pt>
                <c:pt idx="1511">
                  <c:v>11583.9</c:v>
                </c:pt>
                <c:pt idx="1512">
                  <c:v>11384.1</c:v>
                </c:pt>
                <c:pt idx="1513">
                  <c:v>11204</c:v>
                </c:pt>
                <c:pt idx="1514">
                  <c:v>11153</c:v>
                </c:pt>
                <c:pt idx="1515">
                  <c:v>10998.1</c:v>
                </c:pt>
                <c:pt idx="1516">
                  <c:v>10976.2</c:v>
                </c:pt>
                <c:pt idx="1517">
                  <c:v>10919.6</c:v>
                </c:pt>
                <c:pt idx="1518">
                  <c:v>14906.4</c:v>
                </c:pt>
                <c:pt idx="1519">
                  <c:v>14129.9</c:v>
                </c:pt>
                <c:pt idx="1520">
                  <c:v>13809.6</c:v>
                </c:pt>
                <c:pt idx="1521">
                  <c:v>13381.5</c:v>
                </c:pt>
                <c:pt idx="1522">
                  <c:v>13076.5</c:v>
                </c:pt>
                <c:pt idx="1523">
                  <c:v>12884.4</c:v>
                </c:pt>
                <c:pt idx="1524">
                  <c:v>12827.2</c:v>
                </c:pt>
                <c:pt idx="1525">
                  <c:v>12650.8</c:v>
                </c:pt>
                <c:pt idx="1526">
                  <c:v>12566.9</c:v>
                </c:pt>
                <c:pt idx="1527">
                  <c:v>12452</c:v>
                </c:pt>
                <c:pt idx="1528">
                  <c:v>12408.4</c:v>
                </c:pt>
                <c:pt idx="1529">
                  <c:v>16610</c:v>
                </c:pt>
                <c:pt idx="1530">
                  <c:v>15885.7</c:v>
                </c:pt>
                <c:pt idx="1531">
                  <c:v>15206.7</c:v>
                </c:pt>
                <c:pt idx="1532">
                  <c:v>14993.3</c:v>
                </c:pt>
                <c:pt idx="1533">
                  <c:v>14612.5</c:v>
                </c:pt>
                <c:pt idx="1534">
                  <c:v>14467.1</c:v>
                </c:pt>
                <c:pt idx="1535">
                  <c:v>14395.3</c:v>
                </c:pt>
                <c:pt idx="1536">
                  <c:v>14233.1</c:v>
                </c:pt>
                <c:pt idx="1537">
                  <c:v>14099.3</c:v>
                </c:pt>
                <c:pt idx="1538">
                  <c:v>14042.9</c:v>
                </c:pt>
                <c:pt idx="1539">
                  <c:v>13933.5</c:v>
                </c:pt>
                <c:pt idx="1540">
                  <c:v>18226.900000000001</c:v>
                </c:pt>
                <c:pt idx="1541">
                  <c:v>17331.900000000001</c:v>
                </c:pt>
                <c:pt idx="1542">
                  <c:v>16837.7</c:v>
                </c:pt>
                <c:pt idx="1543">
                  <c:v>16472</c:v>
                </c:pt>
                <c:pt idx="1544">
                  <c:v>16291.1</c:v>
                </c:pt>
                <c:pt idx="1545">
                  <c:v>16050.8</c:v>
                </c:pt>
                <c:pt idx="1546">
                  <c:v>15884.8</c:v>
                </c:pt>
                <c:pt idx="1547">
                  <c:v>15708.9</c:v>
                </c:pt>
                <c:pt idx="1548">
                  <c:v>15655.7</c:v>
                </c:pt>
                <c:pt idx="1549">
                  <c:v>15534.6</c:v>
                </c:pt>
                <c:pt idx="1550">
                  <c:v>15515.9</c:v>
                </c:pt>
                <c:pt idx="1551">
                  <c:v>19549.599999999999</c:v>
                </c:pt>
                <c:pt idx="1552">
                  <c:v>18837.2</c:v>
                </c:pt>
                <c:pt idx="1553">
                  <c:v>18389.900000000001</c:v>
                </c:pt>
                <c:pt idx="1554">
                  <c:v>18054</c:v>
                </c:pt>
                <c:pt idx="1555">
                  <c:v>17780.2</c:v>
                </c:pt>
                <c:pt idx="1556">
                  <c:v>17536.2</c:v>
                </c:pt>
                <c:pt idx="1557">
                  <c:v>17457.900000000001</c:v>
                </c:pt>
                <c:pt idx="1558">
                  <c:v>17360.3</c:v>
                </c:pt>
                <c:pt idx="1559">
                  <c:v>17205.2</c:v>
                </c:pt>
                <c:pt idx="1560">
                  <c:v>17088.400000000001</c:v>
                </c:pt>
                <c:pt idx="1561">
                  <c:v>17067.8</c:v>
                </c:pt>
                <c:pt idx="1562">
                  <c:v>21266.3</c:v>
                </c:pt>
                <c:pt idx="1563">
                  <c:v>20350.5</c:v>
                </c:pt>
                <c:pt idx="1564">
                  <c:v>19845.900000000001</c:v>
                </c:pt>
                <c:pt idx="1565">
                  <c:v>19612.5</c:v>
                </c:pt>
                <c:pt idx="1566">
                  <c:v>19308.900000000001</c:v>
                </c:pt>
                <c:pt idx="1567">
                  <c:v>19088.7</c:v>
                </c:pt>
                <c:pt idx="1568">
                  <c:v>19002.2</c:v>
                </c:pt>
                <c:pt idx="1569">
                  <c:v>18835.900000000001</c:v>
                </c:pt>
                <c:pt idx="1570">
                  <c:v>18749.7</c:v>
                </c:pt>
                <c:pt idx="1571">
                  <c:v>18610.3</c:v>
                </c:pt>
                <c:pt idx="1572">
                  <c:v>18570.8</c:v>
                </c:pt>
                <c:pt idx="1573">
                  <c:v>22766.6</c:v>
                </c:pt>
                <c:pt idx="1574">
                  <c:v>21839.5</c:v>
                </c:pt>
                <c:pt idx="1575">
                  <c:v>21357.4</c:v>
                </c:pt>
                <c:pt idx="1576">
                  <c:v>21125.9</c:v>
                </c:pt>
                <c:pt idx="1577">
                  <c:v>20889.900000000001</c:v>
                </c:pt>
                <c:pt idx="1578">
                  <c:v>20626.8</c:v>
                </c:pt>
                <c:pt idx="1579">
                  <c:v>20549.099999999999</c:v>
                </c:pt>
                <c:pt idx="1580">
                  <c:v>20376.2</c:v>
                </c:pt>
                <c:pt idx="1581">
                  <c:v>20314.8</c:v>
                </c:pt>
                <c:pt idx="1582">
                  <c:v>20181.400000000001</c:v>
                </c:pt>
                <c:pt idx="1583">
                  <c:v>20153.400000000001</c:v>
                </c:pt>
                <c:pt idx="1584">
                  <c:v>5834.96</c:v>
                </c:pt>
                <c:pt idx="1585">
                  <c:v>5322.64</c:v>
                </c:pt>
                <c:pt idx="1586">
                  <c:v>5019.75</c:v>
                </c:pt>
                <c:pt idx="1587">
                  <c:v>4787.59</c:v>
                </c:pt>
                <c:pt idx="1588">
                  <c:v>4742.67</c:v>
                </c:pt>
                <c:pt idx="1589">
                  <c:v>4604.58</c:v>
                </c:pt>
                <c:pt idx="1590">
                  <c:v>4486.1499999999996</c:v>
                </c:pt>
                <c:pt idx="1591">
                  <c:v>4395.28</c:v>
                </c:pt>
                <c:pt idx="1592">
                  <c:v>4345.5</c:v>
                </c:pt>
                <c:pt idx="1593">
                  <c:v>4317.07</c:v>
                </c:pt>
                <c:pt idx="1594">
                  <c:v>4252.8100000000004</c:v>
                </c:pt>
                <c:pt idx="1595">
                  <c:v>7002.39</c:v>
                </c:pt>
                <c:pt idx="1596">
                  <c:v>6459.45</c:v>
                </c:pt>
                <c:pt idx="1597">
                  <c:v>6193.71</c:v>
                </c:pt>
                <c:pt idx="1598">
                  <c:v>6067.29</c:v>
                </c:pt>
                <c:pt idx="1599">
                  <c:v>5882.71</c:v>
                </c:pt>
                <c:pt idx="1600">
                  <c:v>5792.57</c:v>
                </c:pt>
                <c:pt idx="1601">
                  <c:v>5710.54</c:v>
                </c:pt>
                <c:pt idx="1602">
                  <c:v>5556.71</c:v>
                </c:pt>
                <c:pt idx="1603">
                  <c:v>5512.21</c:v>
                </c:pt>
                <c:pt idx="1604">
                  <c:v>5440.66</c:v>
                </c:pt>
                <c:pt idx="1605">
                  <c:v>5417.49</c:v>
                </c:pt>
                <c:pt idx="1606">
                  <c:v>8214.94</c:v>
                </c:pt>
                <c:pt idx="1607">
                  <c:v>7883.41</c:v>
                </c:pt>
                <c:pt idx="1608">
                  <c:v>7529.32</c:v>
                </c:pt>
                <c:pt idx="1609">
                  <c:v>7189.93</c:v>
                </c:pt>
                <c:pt idx="1610">
                  <c:v>7198.42</c:v>
                </c:pt>
                <c:pt idx="1611">
                  <c:v>6953.3</c:v>
                </c:pt>
                <c:pt idx="1612">
                  <c:v>6866.54</c:v>
                </c:pt>
                <c:pt idx="1613">
                  <c:v>6807.95</c:v>
                </c:pt>
                <c:pt idx="1614">
                  <c:v>6752.88</c:v>
                </c:pt>
                <c:pt idx="1615">
                  <c:v>6752.61</c:v>
                </c:pt>
                <c:pt idx="1616">
                  <c:v>6715.14</c:v>
                </c:pt>
                <c:pt idx="1617">
                  <c:v>10136.700000000001</c:v>
                </c:pt>
                <c:pt idx="1618">
                  <c:v>9334.8799999999992</c:v>
                </c:pt>
                <c:pt idx="1619">
                  <c:v>9029.4</c:v>
                </c:pt>
                <c:pt idx="1620">
                  <c:v>8497.39</c:v>
                </c:pt>
                <c:pt idx="1621">
                  <c:v>8542.84</c:v>
                </c:pt>
                <c:pt idx="1622">
                  <c:v>8326.77</c:v>
                </c:pt>
                <c:pt idx="1623">
                  <c:v>8153.71</c:v>
                </c:pt>
                <c:pt idx="1624">
                  <c:v>8093.65</c:v>
                </c:pt>
                <c:pt idx="1625">
                  <c:v>8282.59</c:v>
                </c:pt>
                <c:pt idx="1626">
                  <c:v>8120.78</c:v>
                </c:pt>
                <c:pt idx="1627">
                  <c:v>8095.8</c:v>
                </c:pt>
                <c:pt idx="1628">
                  <c:v>12298.5</c:v>
                </c:pt>
                <c:pt idx="1629">
                  <c:v>11395.1</c:v>
                </c:pt>
                <c:pt idx="1630">
                  <c:v>10661.9</c:v>
                </c:pt>
                <c:pt idx="1631">
                  <c:v>10549.9</c:v>
                </c:pt>
                <c:pt idx="1632">
                  <c:v>10388.299999999999</c:v>
                </c:pt>
                <c:pt idx="1633">
                  <c:v>10133.4</c:v>
                </c:pt>
                <c:pt idx="1634">
                  <c:v>10000.1</c:v>
                </c:pt>
                <c:pt idx="1635">
                  <c:v>9803.7800000000007</c:v>
                </c:pt>
                <c:pt idx="1636">
                  <c:v>9644.9599999999991</c:v>
                </c:pt>
                <c:pt idx="1637">
                  <c:v>9797.44</c:v>
                </c:pt>
                <c:pt idx="1638">
                  <c:v>9664.73</c:v>
                </c:pt>
                <c:pt idx="1639">
                  <c:v>13905.8</c:v>
                </c:pt>
                <c:pt idx="1640">
                  <c:v>12823.7</c:v>
                </c:pt>
                <c:pt idx="1641">
                  <c:v>12309.2</c:v>
                </c:pt>
                <c:pt idx="1642">
                  <c:v>11993.6</c:v>
                </c:pt>
                <c:pt idx="1643">
                  <c:v>11698.1</c:v>
                </c:pt>
                <c:pt idx="1644">
                  <c:v>11467.7</c:v>
                </c:pt>
                <c:pt idx="1645">
                  <c:v>11588.4</c:v>
                </c:pt>
                <c:pt idx="1646">
                  <c:v>11573.8</c:v>
                </c:pt>
                <c:pt idx="1647">
                  <c:v>11388.7</c:v>
                </c:pt>
                <c:pt idx="1648">
                  <c:v>11232</c:v>
                </c:pt>
                <c:pt idx="1649">
                  <c:v>11097.1</c:v>
                </c:pt>
                <c:pt idx="1650">
                  <c:v>14895.7</c:v>
                </c:pt>
                <c:pt idx="1651">
                  <c:v>14404.2</c:v>
                </c:pt>
                <c:pt idx="1652">
                  <c:v>13863.3</c:v>
                </c:pt>
                <c:pt idx="1653">
                  <c:v>13441.2</c:v>
                </c:pt>
                <c:pt idx="1654">
                  <c:v>13345.7</c:v>
                </c:pt>
                <c:pt idx="1655">
                  <c:v>13152</c:v>
                </c:pt>
                <c:pt idx="1656">
                  <c:v>13018.9</c:v>
                </c:pt>
                <c:pt idx="1657">
                  <c:v>12907.7</c:v>
                </c:pt>
                <c:pt idx="1658">
                  <c:v>13027.4</c:v>
                </c:pt>
                <c:pt idx="1659">
                  <c:v>12905.7</c:v>
                </c:pt>
                <c:pt idx="1660">
                  <c:v>12966</c:v>
                </c:pt>
                <c:pt idx="1661">
                  <c:v>16797.5</c:v>
                </c:pt>
                <c:pt idx="1662">
                  <c:v>15937.9</c:v>
                </c:pt>
                <c:pt idx="1663">
                  <c:v>15434.1</c:v>
                </c:pt>
                <c:pt idx="1664">
                  <c:v>15140.7</c:v>
                </c:pt>
                <c:pt idx="1665">
                  <c:v>14777.2</c:v>
                </c:pt>
                <c:pt idx="1666">
                  <c:v>14888.8</c:v>
                </c:pt>
                <c:pt idx="1667">
                  <c:v>14576.6</c:v>
                </c:pt>
                <c:pt idx="1668">
                  <c:v>14550.2</c:v>
                </c:pt>
                <c:pt idx="1669">
                  <c:v>14528.5</c:v>
                </c:pt>
                <c:pt idx="1670">
                  <c:v>14318</c:v>
                </c:pt>
                <c:pt idx="1671">
                  <c:v>14506.8</c:v>
                </c:pt>
                <c:pt idx="1672">
                  <c:v>18314.099999999999</c:v>
                </c:pt>
                <c:pt idx="1673">
                  <c:v>17589.8</c:v>
                </c:pt>
                <c:pt idx="1674">
                  <c:v>17296</c:v>
                </c:pt>
                <c:pt idx="1675">
                  <c:v>16824.2</c:v>
                </c:pt>
                <c:pt idx="1676">
                  <c:v>16615.8</c:v>
                </c:pt>
                <c:pt idx="1677">
                  <c:v>16331.5</c:v>
                </c:pt>
                <c:pt idx="1678">
                  <c:v>16367.4</c:v>
                </c:pt>
                <c:pt idx="1679">
                  <c:v>16168.5</c:v>
                </c:pt>
                <c:pt idx="1680">
                  <c:v>15859.3</c:v>
                </c:pt>
                <c:pt idx="1681">
                  <c:v>16042.2</c:v>
                </c:pt>
                <c:pt idx="1682">
                  <c:v>16037.9</c:v>
                </c:pt>
                <c:pt idx="1683">
                  <c:v>19425.3</c:v>
                </c:pt>
                <c:pt idx="1684">
                  <c:v>18912.900000000001</c:v>
                </c:pt>
                <c:pt idx="1685">
                  <c:v>18494.8</c:v>
                </c:pt>
                <c:pt idx="1686">
                  <c:v>18057.900000000001</c:v>
                </c:pt>
                <c:pt idx="1687">
                  <c:v>17853.099999999999</c:v>
                </c:pt>
                <c:pt idx="1688">
                  <c:v>17871.8</c:v>
                </c:pt>
                <c:pt idx="1689">
                  <c:v>17822.5</c:v>
                </c:pt>
                <c:pt idx="1690">
                  <c:v>17784.7</c:v>
                </c:pt>
                <c:pt idx="1691">
                  <c:v>17679</c:v>
                </c:pt>
                <c:pt idx="1692">
                  <c:v>17384.2</c:v>
                </c:pt>
                <c:pt idx="1693">
                  <c:v>17459.7</c:v>
                </c:pt>
                <c:pt idx="1694">
                  <c:v>21615.599999999999</c:v>
                </c:pt>
                <c:pt idx="1695">
                  <c:v>20701.099999999999</c:v>
                </c:pt>
                <c:pt idx="1696">
                  <c:v>19967.400000000001</c:v>
                </c:pt>
                <c:pt idx="1697">
                  <c:v>19837.2</c:v>
                </c:pt>
                <c:pt idx="1698">
                  <c:v>19735.2</c:v>
                </c:pt>
                <c:pt idx="1699">
                  <c:v>19261.7</c:v>
                </c:pt>
                <c:pt idx="1700">
                  <c:v>19204.2</c:v>
                </c:pt>
                <c:pt idx="1701">
                  <c:v>19243.900000000001</c:v>
                </c:pt>
                <c:pt idx="1702">
                  <c:v>19203.3</c:v>
                </c:pt>
                <c:pt idx="1703">
                  <c:v>18944.2</c:v>
                </c:pt>
                <c:pt idx="1704">
                  <c:v>18925.5</c:v>
                </c:pt>
                <c:pt idx="1705">
                  <c:v>22757.200000000001</c:v>
                </c:pt>
                <c:pt idx="1706">
                  <c:v>22323.5</c:v>
                </c:pt>
                <c:pt idx="1707">
                  <c:v>21827</c:v>
                </c:pt>
                <c:pt idx="1708">
                  <c:v>21163.5</c:v>
                </c:pt>
                <c:pt idx="1709">
                  <c:v>21220.400000000001</c:v>
                </c:pt>
                <c:pt idx="1710">
                  <c:v>20930.2</c:v>
                </c:pt>
                <c:pt idx="1711">
                  <c:v>20774.8</c:v>
                </c:pt>
                <c:pt idx="1712">
                  <c:v>20717.5</c:v>
                </c:pt>
                <c:pt idx="1713">
                  <c:v>20685.8</c:v>
                </c:pt>
                <c:pt idx="1714">
                  <c:v>20525.3</c:v>
                </c:pt>
                <c:pt idx="1715">
                  <c:v>20437.7</c:v>
                </c:pt>
                <c:pt idx="1716">
                  <c:v>5728.34</c:v>
                </c:pt>
                <c:pt idx="1717">
                  <c:v>5122.12</c:v>
                </c:pt>
                <c:pt idx="1718">
                  <c:v>4844.43</c:v>
                </c:pt>
                <c:pt idx="1719">
                  <c:v>4577.1499999999996</c:v>
                </c:pt>
                <c:pt idx="1720">
                  <c:v>4452.51</c:v>
                </c:pt>
                <c:pt idx="1721">
                  <c:v>4360.38</c:v>
                </c:pt>
                <c:pt idx="1722">
                  <c:v>4253.1099999999997</c:v>
                </c:pt>
                <c:pt idx="1723">
                  <c:v>4137.8999999999996</c:v>
                </c:pt>
                <c:pt idx="1724">
                  <c:v>4114.8500000000004</c:v>
                </c:pt>
                <c:pt idx="1725">
                  <c:v>4033.4</c:v>
                </c:pt>
                <c:pt idx="1726">
                  <c:v>3986.61</c:v>
                </c:pt>
                <c:pt idx="1727">
                  <c:v>7002.39</c:v>
                </c:pt>
                <c:pt idx="1728">
                  <c:v>6379.41</c:v>
                </c:pt>
                <c:pt idx="1729">
                  <c:v>6072.48</c:v>
                </c:pt>
                <c:pt idx="1730">
                  <c:v>5885.33</c:v>
                </c:pt>
                <c:pt idx="1731">
                  <c:v>5707.63</c:v>
                </c:pt>
                <c:pt idx="1732">
                  <c:v>5659.09</c:v>
                </c:pt>
                <c:pt idx="1733">
                  <c:v>5546.89</c:v>
                </c:pt>
                <c:pt idx="1734">
                  <c:v>5454.8</c:v>
                </c:pt>
                <c:pt idx="1735">
                  <c:v>5348.13</c:v>
                </c:pt>
                <c:pt idx="1736">
                  <c:v>5285.79</c:v>
                </c:pt>
                <c:pt idx="1737">
                  <c:v>5217.24</c:v>
                </c:pt>
                <c:pt idx="1738">
                  <c:v>8214.94</c:v>
                </c:pt>
                <c:pt idx="1739">
                  <c:v>7883.41</c:v>
                </c:pt>
                <c:pt idx="1740">
                  <c:v>7480.13</c:v>
                </c:pt>
                <c:pt idx="1741">
                  <c:v>7331.16</c:v>
                </c:pt>
                <c:pt idx="1742">
                  <c:v>7170.69</c:v>
                </c:pt>
                <c:pt idx="1743">
                  <c:v>7033.93</c:v>
                </c:pt>
                <c:pt idx="1744">
                  <c:v>6818.6</c:v>
                </c:pt>
                <c:pt idx="1745">
                  <c:v>6668.47</c:v>
                </c:pt>
                <c:pt idx="1746">
                  <c:v>6615.61</c:v>
                </c:pt>
                <c:pt idx="1747">
                  <c:v>6616.67</c:v>
                </c:pt>
                <c:pt idx="1748">
                  <c:v>6556.89</c:v>
                </c:pt>
                <c:pt idx="1749">
                  <c:v>10136.700000000001</c:v>
                </c:pt>
                <c:pt idx="1750">
                  <c:v>9334.8799999999992</c:v>
                </c:pt>
                <c:pt idx="1751">
                  <c:v>8943.27</c:v>
                </c:pt>
                <c:pt idx="1752">
                  <c:v>8812.27</c:v>
                </c:pt>
                <c:pt idx="1753">
                  <c:v>8445.81</c:v>
                </c:pt>
                <c:pt idx="1754">
                  <c:v>8329.4699999999993</c:v>
                </c:pt>
                <c:pt idx="1755">
                  <c:v>8155.97</c:v>
                </c:pt>
                <c:pt idx="1756">
                  <c:v>8013.29</c:v>
                </c:pt>
                <c:pt idx="1757">
                  <c:v>8076.28</c:v>
                </c:pt>
                <c:pt idx="1758">
                  <c:v>7973.4</c:v>
                </c:pt>
                <c:pt idx="1759">
                  <c:v>7845.46</c:v>
                </c:pt>
                <c:pt idx="1760">
                  <c:v>11904.1</c:v>
                </c:pt>
                <c:pt idx="1761">
                  <c:v>10913.8</c:v>
                </c:pt>
                <c:pt idx="1762">
                  <c:v>10639.1</c:v>
                </c:pt>
                <c:pt idx="1763">
                  <c:v>10377.700000000001</c:v>
                </c:pt>
                <c:pt idx="1764">
                  <c:v>10243.6</c:v>
                </c:pt>
                <c:pt idx="1765">
                  <c:v>10124</c:v>
                </c:pt>
                <c:pt idx="1766">
                  <c:v>9920.15</c:v>
                </c:pt>
                <c:pt idx="1767">
                  <c:v>9811.26</c:v>
                </c:pt>
                <c:pt idx="1768">
                  <c:v>9650.9599999999991</c:v>
                </c:pt>
                <c:pt idx="1769">
                  <c:v>9517.86</c:v>
                </c:pt>
                <c:pt idx="1770">
                  <c:v>9404.82</c:v>
                </c:pt>
                <c:pt idx="1771">
                  <c:v>13905.8</c:v>
                </c:pt>
                <c:pt idx="1772">
                  <c:v>12823.7</c:v>
                </c:pt>
                <c:pt idx="1773">
                  <c:v>12309.2</c:v>
                </c:pt>
                <c:pt idx="1774">
                  <c:v>12000.7</c:v>
                </c:pt>
                <c:pt idx="1775">
                  <c:v>11703.5</c:v>
                </c:pt>
                <c:pt idx="1776">
                  <c:v>11471.9</c:v>
                </c:pt>
                <c:pt idx="1777">
                  <c:v>11284.3</c:v>
                </c:pt>
                <c:pt idx="1778">
                  <c:v>11127.7</c:v>
                </c:pt>
                <c:pt idx="1779">
                  <c:v>11121.3</c:v>
                </c:pt>
                <c:pt idx="1780">
                  <c:v>10993.4</c:v>
                </c:pt>
                <c:pt idx="1781">
                  <c:v>11092.2</c:v>
                </c:pt>
                <c:pt idx="1782">
                  <c:v>15278.2</c:v>
                </c:pt>
                <c:pt idx="1783">
                  <c:v>14404.2</c:v>
                </c:pt>
                <c:pt idx="1784">
                  <c:v>13863.3</c:v>
                </c:pt>
                <c:pt idx="1785">
                  <c:v>13441.2</c:v>
                </c:pt>
                <c:pt idx="1786">
                  <c:v>13345.7</c:v>
                </c:pt>
                <c:pt idx="1787">
                  <c:v>13152</c:v>
                </c:pt>
                <c:pt idx="1788">
                  <c:v>13018.9</c:v>
                </c:pt>
                <c:pt idx="1789">
                  <c:v>12743.3</c:v>
                </c:pt>
                <c:pt idx="1790">
                  <c:v>12829.2</c:v>
                </c:pt>
                <c:pt idx="1791">
                  <c:v>12634.4</c:v>
                </c:pt>
                <c:pt idx="1792">
                  <c:v>12562</c:v>
                </c:pt>
                <c:pt idx="1793">
                  <c:v>16797.5</c:v>
                </c:pt>
                <c:pt idx="1794">
                  <c:v>15937.9</c:v>
                </c:pt>
                <c:pt idx="1795">
                  <c:v>15434.1</c:v>
                </c:pt>
                <c:pt idx="1796">
                  <c:v>15093.3</c:v>
                </c:pt>
                <c:pt idx="1797">
                  <c:v>14663.1</c:v>
                </c:pt>
                <c:pt idx="1798">
                  <c:v>14539.7</c:v>
                </c:pt>
                <c:pt idx="1799">
                  <c:v>14623</c:v>
                </c:pt>
                <c:pt idx="1800">
                  <c:v>14410.4</c:v>
                </c:pt>
                <c:pt idx="1801">
                  <c:v>14232.1</c:v>
                </c:pt>
                <c:pt idx="1802">
                  <c:v>14108.6</c:v>
                </c:pt>
                <c:pt idx="1803">
                  <c:v>14060.5</c:v>
                </c:pt>
                <c:pt idx="1804">
                  <c:v>18314.099999999999</c:v>
                </c:pt>
                <c:pt idx="1805">
                  <c:v>17589.8</c:v>
                </c:pt>
                <c:pt idx="1806">
                  <c:v>16745.400000000001</c:v>
                </c:pt>
                <c:pt idx="1807">
                  <c:v>16579.599999999999</c:v>
                </c:pt>
                <c:pt idx="1808">
                  <c:v>16396.5</c:v>
                </c:pt>
                <c:pt idx="1809">
                  <c:v>16339.3</c:v>
                </c:pt>
                <c:pt idx="1810">
                  <c:v>15945.1</c:v>
                </c:pt>
                <c:pt idx="1811">
                  <c:v>15900.5</c:v>
                </c:pt>
                <c:pt idx="1812">
                  <c:v>15946.5</c:v>
                </c:pt>
                <c:pt idx="1813">
                  <c:v>15923.2</c:v>
                </c:pt>
                <c:pt idx="1814">
                  <c:v>15700</c:v>
                </c:pt>
                <c:pt idx="1815">
                  <c:v>19412.8</c:v>
                </c:pt>
                <c:pt idx="1816">
                  <c:v>18882.400000000001</c:v>
                </c:pt>
                <c:pt idx="1817">
                  <c:v>18494.8</c:v>
                </c:pt>
                <c:pt idx="1818">
                  <c:v>18063.400000000001</c:v>
                </c:pt>
                <c:pt idx="1819">
                  <c:v>17782.7</c:v>
                </c:pt>
                <c:pt idx="1820">
                  <c:v>17803.2</c:v>
                </c:pt>
                <c:pt idx="1821">
                  <c:v>17534.2</c:v>
                </c:pt>
                <c:pt idx="1822">
                  <c:v>17462.3</c:v>
                </c:pt>
                <c:pt idx="1823">
                  <c:v>17275</c:v>
                </c:pt>
                <c:pt idx="1824">
                  <c:v>17378.099999999999</c:v>
                </c:pt>
                <c:pt idx="1825">
                  <c:v>17191.5</c:v>
                </c:pt>
                <c:pt idx="1826">
                  <c:v>21615.599999999999</c:v>
                </c:pt>
                <c:pt idx="1827">
                  <c:v>20275.099999999999</c:v>
                </c:pt>
                <c:pt idx="1828">
                  <c:v>19967.400000000001</c:v>
                </c:pt>
                <c:pt idx="1829">
                  <c:v>19482.599999999999</c:v>
                </c:pt>
                <c:pt idx="1830">
                  <c:v>19360.099999999999</c:v>
                </c:pt>
                <c:pt idx="1831">
                  <c:v>19261.7</c:v>
                </c:pt>
                <c:pt idx="1832">
                  <c:v>19204.2</c:v>
                </c:pt>
                <c:pt idx="1833">
                  <c:v>18989.5</c:v>
                </c:pt>
                <c:pt idx="1834">
                  <c:v>18907.099999999999</c:v>
                </c:pt>
                <c:pt idx="1835">
                  <c:v>18929.5</c:v>
                </c:pt>
                <c:pt idx="1836">
                  <c:v>18930.599999999999</c:v>
                </c:pt>
                <c:pt idx="1837">
                  <c:v>22749.9</c:v>
                </c:pt>
                <c:pt idx="1838">
                  <c:v>22183</c:v>
                </c:pt>
                <c:pt idx="1839">
                  <c:v>21639</c:v>
                </c:pt>
                <c:pt idx="1840">
                  <c:v>21209.599999999999</c:v>
                </c:pt>
                <c:pt idx="1841">
                  <c:v>20879.099999999999</c:v>
                </c:pt>
                <c:pt idx="1842">
                  <c:v>20887.099999999999</c:v>
                </c:pt>
                <c:pt idx="1843">
                  <c:v>20560.2</c:v>
                </c:pt>
                <c:pt idx="1844">
                  <c:v>20482.400000000001</c:v>
                </c:pt>
                <c:pt idx="1845">
                  <c:v>20679.8</c:v>
                </c:pt>
                <c:pt idx="1846">
                  <c:v>20500.599999999999</c:v>
                </c:pt>
                <c:pt idx="1847">
                  <c:v>20421.7</c:v>
                </c:pt>
                <c:pt idx="1848">
                  <c:v>5651.42</c:v>
                </c:pt>
                <c:pt idx="1849">
                  <c:v>5137.75</c:v>
                </c:pt>
                <c:pt idx="1850">
                  <c:v>4749.78</c:v>
                </c:pt>
                <c:pt idx="1851">
                  <c:v>4459.21</c:v>
                </c:pt>
                <c:pt idx="1852">
                  <c:v>4349.17</c:v>
                </c:pt>
                <c:pt idx="1853">
                  <c:v>4170.16</c:v>
                </c:pt>
                <c:pt idx="1854">
                  <c:v>4112.03</c:v>
                </c:pt>
                <c:pt idx="1855">
                  <c:v>4006.67</c:v>
                </c:pt>
                <c:pt idx="1856">
                  <c:v>3955.28</c:v>
                </c:pt>
                <c:pt idx="1857">
                  <c:v>3843.29</c:v>
                </c:pt>
                <c:pt idx="1858">
                  <c:v>3811.1</c:v>
                </c:pt>
                <c:pt idx="1859">
                  <c:v>7002.39</c:v>
                </c:pt>
                <c:pt idx="1860">
                  <c:v>6379.41</c:v>
                </c:pt>
                <c:pt idx="1861">
                  <c:v>6077.29</c:v>
                </c:pt>
                <c:pt idx="1862">
                  <c:v>5780.96</c:v>
                </c:pt>
                <c:pt idx="1863">
                  <c:v>5649.16</c:v>
                </c:pt>
                <c:pt idx="1864">
                  <c:v>5532.29</c:v>
                </c:pt>
                <c:pt idx="1865">
                  <c:v>5381.32</c:v>
                </c:pt>
                <c:pt idx="1866">
                  <c:v>5291.47</c:v>
                </c:pt>
                <c:pt idx="1867">
                  <c:v>5248.52</c:v>
                </c:pt>
                <c:pt idx="1868">
                  <c:v>5153.37</c:v>
                </c:pt>
                <c:pt idx="1869">
                  <c:v>5144.79</c:v>
                </c:pt>
                <c:pt idx="1870">
                  <c:v>8214.94</c:v>
                </c:pt>
                <c:pt idx="1871">
                  <c:v>7883.41</c:v>
                </c:pt>
                <c:pt idx="1872">
                  <c:v>7480.13</c:v>
                </c:pt>
                <c:pt idx="1873">
                  <c:v>7124.6</c:v>
                </c:pt>
                <c:pt idx="1874">
                  <c:v>7069.04</c:v>
                </c:pt>
                <c:pt idx="1875">
                  <c:v>6817.28</c:v>
                </c:pt>
                <c:pt idx="1876">
                  <c:v>6777.51</c:v>
                </c:pt>
                <c:pt idx="1877">
                  <c:v>6700.66</c:v>
                </c:pt>
                <c:pt idx="1878">
                  <c:v>6558.93</c:v>
                </c:pt>
                <c:pt idx="1879">
                  <c:v>6485.47</c:v>
                </c:pt>
                <c:pt idx="1880">
                  <c:v>6538.89</c:v>
                </c:pt>
                <c:pt idx="1881">
                  <c:v>9941.81</c:v>
                </c:pt>
                <c:pt idx="1882">
                  <c:v>9214.36</c:v>
                </c:pt>
                <c:pt idx="1883">
                  <c:v>8943.27</c:v>
                </c:pt>
                <c:pt idx="1884">
                  <c:v>8655.59</c:v>
                </c:pt>
                <c:pt idx="1885">
                  <c:v>8578.08</c:v>
                </c:pt>
                <c:pt idx="1886">
                  <c:v>8225.1</c:v>
                </c:pt>
                <c:pt idx="1887">
                  <c:v>8158.11</c:v>
                </c:pt>
                <c:pt idx="1888">
                  <c:v>8015.14</c:v>
                </c:pt>
                <c:pt idx="1889">
                  <c:v>8021.82</c:v>
                </c:pt>
                <c:pt idx="1890">
                  <c:v>7973.4</c:v>
                </c:pt>
                <c:pt idx="1891">
                  <c:v>7845.46</c:v>
                </c:pt>
                <c:pt idx="1892">
                  <c:v>11792.8</c:v>
                </c:pt>
                <c:pt idx="1893">
                  <c:v>10971.1</c:v>
                </c:pt>
                <c:pt idx="1894">
                  <c:v>10596.8</c:v>
                </c:pt>
                <c:pt idx="1895">
                  <c:v>10334.9</c:v>
                </c:pt>
                <c:pt idx="1896">
                  <c:v>10106.700000000001</c:v>
                </c:pt>
                <c:pt idx="1897">
                  <c:v>10002.700000000001</c:v>
                </c:pt>
                <c:pt idx="1898">
                  <c:v>9752.25</c:v>
                </c:pt>
                <c:pt idx="1899">
                  <c:v>9541.93</c:v>
                </c:pt>
                <c:pt idx="1900">
                  <c:v>9657.2099999999991</c:v>
                </c:pt>
                <c:pt idx="1901">
                  <c:v>9523.5300000000007</c:v>
                </c:pt>
                <c:pt idx="1902">
                  <c:v>9410.4699999999993</c:v>
                </c:pt>
                <c:pt idx="1903">
                  <c:v>13400.7</c:v>
                </c:pt>
                <c:pt idx="1904">
                  <c:v>12823.7</c:v>
                </c:pt>
                <c:pt idx="1905">
                  <c:v>12309.2</c:v>
                </c:pt>
                <c:pt idx="1906">
                  <c:v>11806.7</c:v>
                </c:pt>
                <c:pt idx="1907">
                  <c:v>11708.7</c:v>
                </c:pt>
                <c:pt idx="1908">
                  <c:v>11476</c:v>
                </c:pt>
                <c:pt idx="1909">
                  <c:v>11287.7</c:v>
                </c:pt>
                <c:pt idx="1910">
                  <c:v>11130.6</c:v>
                </c:pt>
                <c:pt idx="1911">
                  <c:v>10996.6</c:v>
                </c:pt>
                <c:pt idx="1912">
                  <c:v>10997.7</c:v>
                </c:pt>
                <c:pt idx="1913">
                  <c:v>10885.1</c:v>
                </c:pt>
                <c:pt idx="1914">
                  <c:v>15191.2</c:v>
                </c:pt>
                <c:pt idx="1915">
                  <c:v>14404.2</c:v>
                </c:pt>
                <c:pt idx="1916">
                  <c:v>13863.3</c:v>
                </c:pt>
                <c:pt idx="1917">
                  <c:v>13478.4</c:v>
                </c:pt>
                <c:pt idx="1918">
                  <c:v>13038.4</c:v>
                </c:pt>
                <c:pt idx="1919">
                  <c:v>13009.5</c:v>
                </c:pt>
                <c:pt idx="1920">
                  <c:v>13018.9</c:v>
                </c:pt>
                <c:pt idx="1921">
                  <c:v>12715.3</c:v>
                </c:pt>
                <c:pt idx="1922">
                  <c:v>12579.1</c:v>
                </c:pt>
                <c:pt idx="1923">
                  <c:v>12634.4</c:v>
                </c:pt>
                <c:pt idx="1924">
                  <c:v>12453</c:v>
                </c:pt>
                <c:pt idx="1925">
                  <c:v>16797.5</c:v>
                </c:pt>
                <c:pt idx="1926">
                  <c:v>15937.9</c:v>
                </c:pt>
                <c:pt idx="1927">
                  <c:v>15157.5</c:v>
                </c:pt>
                <c:pt idx="1928">
                  <c:v>14947.9</c:v>
                </c:pt>
                <c:pt idx="1929">
                  <c:v>14840.7</c:v>
                </c:pt>
                <c:pt idx="1930">
                  <c:v>14542.3</c:v>
                </c:pt>
                <c:pt idx="1931">
                  <c:v>14327</c:v>
                </c:pt>
                <c:pt idx="1932">
                  <c:v>14412.4</c:v>
                </c:pt>
                <c:pt idx="1933">
                  <c:v>14235.1</c:v>
                </c:pt>
                <c:pt idx="1934">
                  <c:v>14108.8</c:v>
                </c:pt>
                <c:pt idx="1935">
                  <c:v>13990.8</c:v>
                </c:pt>
                <c:pt idx="1936">
                  <c:v>18314.099999999999</c:v>
                </c:pt>
                <c:pt idx="1937">
                  <c:v>17220.8</c:v>
                </c:pt>
                <c:pt idx="1938">
                  <c:v>16745.400000000001</c:v>
                </c:pt>
                <c:pt idx="1939">
                  <c:v>16319.7</c:v>
                </c:pt>
                <c:pt idx="1940">
                  <c:v>16311.6</c:v>
                </c:pt>
                <c:pt idx="1941">
                  <c:v>16074.6</c:v>
                </c:pt>
                <c:pt idx="1942">
                  <c:v>15856.1</c:v>
                </c:pt>
                <c:pt idx="1943">
                  <c:v>15884.1</c:v>
                </c:pt>
                <c:pt idx="1944">
                  <c:v>15690</c:v>
                </c:pt>
                <c:pt idx="1945">
                  <c:v>15652</c:v>
                </c:pt>
                <c:pt idx="1946">
                  <c:v>15686.9</c:v>
                </c:pt>
                <c:pt idx="1947">
                  <c:v>19412.8</c:v>
                </c:pt>
                <c:pt idx="1948">
                  <c:v>18882.400000000001</c:v>
                </c:pt>
                <c:pt idx="1949">
                  <c:v>18494.8</c:v>
                </c:pt>
                <c:pt idx="1950">
                  <c:v>18173.900000000001</c:v>
                </c:pt>
                <c:pt idx="1951">
                  <c:v>17787.2</c:v>
                </c:pt>
                <c:pt idx="1952">
                  <c:v>17536.8</c:v>
                </c:pt>
                <c:pt idx="1953">
                  <c:v>17537.8</c:v>
                </c:pt>
                <c:pt idx="1954">
                  <c:v>17467.7</c:v>
                </c:pt>
                <c:pt idx="1955">
                  <c:v>17328</c:v>
                </c:pt>
                <c:pt idx="1956">
                  <c:v>17136</c:v>
                </c:pt>
                <c:pt idx="1957">
                  <c:v>17342.8</c:v>
                </c:pt>
                <c:pt idx="1958">
                  <c:v>21131</c:v>
                </c:pt>
                <c:pt idx="1959">
                  <c:v>20275.099999999999</c:v>
                </c:pt>
                <c:pt idx="1960">
                  <c:v>19967.400000000001</c:v>
                </c:pt>
                <c:pt idx="1961">
                  <c:v>19482.599999999999</c:v>
                </c:pt>
                <c:pt idx="1962">
                  <c:v>19360.099999999999</c:v>
                </c:pt>
                <c:pt idx="1963">
                  <c:v>19261.7</c:v>
                </c:pt>
                <c:pt idx="1964">
                  <c:v>19204.2</c:v>
                </c:pt>
                <c:pt idx="1965">
                  <c:v>18989.5</c:v>
                </c:pt>
                <c:pt idx="1966">
                  <c:v>18750.2</c:v>
                </c:pt>
                <c:pt idx="1967">
                  <c:v>18679</c:v>
                </c:pt>
                <c:pt idx="1968">
                  <c:v>18681.900000000001</c:v>
                </c:pt>
                <c:pt idx="1969">
                  <c:v>22749.9</c:v>
                </c:pt>
                <c:pt idx="1970">
                  <c:v>22088.5</c:v>
                </c:pt>
                <c:pt idx="1971">
                  <c:v>21614.3</c:v>
                </c:pt>
                <c:pt idx="1972">
                  <c:v>21238</c:v>
                </c:pt>
                <c:pt idx="1973">
                  <c:v>20956.900000000001</c:v>
                </c:pt>
                <c:pt idx="1974">
                  <c:v>20692</c:v>
                </c:pt>
                <c:pt idx="1975">
                  <c:v>20661.099999999999</c:v>
                </c:pt>
                <c:pt idx="1976">
                  <c:v>20411.099999999999</c:v>
                </c:pt>
                <c:pt idx="1977">
                  <c:v>20432.3</c:v>
                </c:pt>
                <c:pt idx="1978">
                  <c:v>20282</c:v>
                </c:pt>
                <c:pt idx="1979">
                  <c:v>20254</c:v>
                </c:pt>
                <c:pt idx="1980">
                  <c:v>5651.42</c:v>
                </c:pt>
                <c:pt idx="1981">
                  <c:v>5056.09</c:v>
                </c:pt>
                <c:pt idx="1982">
                  <c:v>4650.9799999999996</c:v>
                </c:pt>
                <c:pt idx="1983">
                  <c:v>4388.3100000000004</c:v>
                </c:pt>
                <c:pt idx="1984">
                  <c:v>4199.4399999999996</c:v>
                </c:pt>
                <c:pt idx="1985">
                  <c:v>4056.88</c:v>
                </c:pt>
                <c:pt idx="1986">
                  <c:v>3948.83</c:v>
                </c:pt>
                <c:pt idx="1987">
                  <c:v>3885.92</c:v>
                </c:pt>
                <c:pt idx="1988">
                  <c:v>3798.61</c:v>
                </c:pt>
                <c:pt idx="1989">
                  <c:v>3708.49</c:v>
                </c:pt>
                <c:pt idx="1990">
                  <c:v>3678.62</c:v>
                </c:pt>
                <c:pt idx="1991">
                  <c:v>7002.39</c:v>
                </c:pt>
                <c:pt idx="1992">
                  <c:v>6379.41</c:v>
                </c:pt>
                <c:pt idx="1993">
                  <c:v>5976.22</c:v>
                </c:pt>
                <c:pt idx="1994">
                  <c:v>5733.43</c:v>
                </c:pt>
                <c:pt idx="1995">
                  <c:v>5568.85</c:v>
                </c:pt>
                <c:pt idx="1996">
                  <c:v>5421.19</c:v>
                </c:pt>
                <c:pt idx="1997">
                  <c:v>5282.4</c:v>
                </c:pt>
                <c:pt idx="1998">
                  <c:v>5232.04</c:v>
                </c:pt>
                <c:pt idx="1999">
                  <c:v>5132.3599999999997</c:v>
                </c:pt>
                <c:pt idx="2000">
                  <c:v>5056.3</c:v>
                </c:pt>
                <c:pt idx="2001">
                  <c:v>5050.6499999999996</c:v>
                </c:pt>
                <c:pt idx="2002">
                  <c:v>8214.94</c:v>
                </c:pt>
                <c:pt idx="2003">
                  <c:v>7883.41</c:v>
                </c:pt>
                <c:pt idx="2004">
                  <c:v>7480.13</c:v>
                </c:pt>
                <c:pt idx="2005">
                  <c:v>7124.6</c:v>
                </c:pt>
                <c:pt idx="2006">
                  <c:v>7068.15</c:v>
                </c:pt>
                <c:pt idx="2007">
                  <c:v>6804.21</c:v>
                </c:pt>
                <c:pt idx="2008">
                  <c:v>6759.87</c:v>
                </c:pt>
                <c:pt idx="2009">
                  <c:v>6660.79</c:v>
                </c:pt>
                <c:pt idx="2010">
                  <c:v>6522.25</c:v>
                </c:pt>
                <c:pt idx="2011">
                  <c:v>6425</c:v>
                </c:pt>
                <c:pt idx="2012">
                  <c:v>6483.97</c:v>
                </c:pt>
                <c:pt idx="2013">
                  <c:v>9941.81</c:v>
                </c:pt>
                <c:pt idx="2014">
                  <c:v>9197.68</c:v>
                </c:pt>
                <c:pt idx="2015">
                  <c:v>8943.27</c:v>
                </c:pt>
                <c:pt idx="2016">
                  <c:v>8639.9500000000007</c:v>
                </c:pt>
                <c:pt idx="2017">
                  <c:v>8329.9</c:v>
                </c:pt>
                <c:pt idx="2018">
                  <c:v>8390.43</c:v>
                </c:pt>
                <c:pt idx="2019">
                  <c:v>8185.72</c:v>
                </c:pt>
                <c:pt idx="2020">
                  <c:v>8047.73</c:v>
                </c:pt>
                <c:pt idx="2021">
                  <c:v>8021.82</c:v>
                </c:pt>
                <c:pt idx="2022">
                  <c:v>7913.91</c:v>
                </c:pt>
                <c:pt idx="2023">
                  <c:v>7785.18</c:v>
                </c:pt>
                <c:pt idx="2024">
                  <c:v>11792.8</c:v>
                </c:pt>
                <c:pt idx="2025">
                  <c:v>10963.5</c:v>
                </c:pt>
                <c:pt idx="2026">
                  <c:v>10596.8</c:v>
                </c:pt>
                <c:pt idx="2027">
                  <c:v>10173.200000000001</c:v>
                </c:pt>
                <c:pt idx="2028">
                  <c:v>10041.6</c:v>
                </c:pt>
                <c:pt idx="2029">
                  <c:v>9988.9699999999993</c:v>
                </c:pt>
                <c:pt idx="2030">
                  <c:v>9729.7199999999993</c:v>
                </c:pt>
                <c:pt idx="2031">
                  <c:v>9584.7199999999993</c:v>
                </c:pt>
                <c:pt idx="2032">
                  <c:v>9409.6200000000008</c:v>
                </c:pt>
                <c:pt idx="2033">
                  <c:v>9529.48</c:v>
                </c:pt>
                <c:pt idx="2034">
                  <c:v>9416.4599999999991</c:v>
                </c:pt>
                <c:pt idx="2035">
                  <c:v>13400.7</c:v>
                </c:pt>
                <c:pt idx="2036">
                  <c:v>12823.7</c:v>
                </c:pt>
                <c:pt idx="2037">
                  <c:v>12108.9</c:v>
                </c:pt>
                <c:pt idx="2038">
                  <c:v>11787.9</c:v>
                </c:pt>
                <c:pt idx="2039">
                  <c:v>11713.8</c:v>
                </c:pt>
                <c:pt idx="2040">
                  <c:v>11480</c:v>
                </c:pt>
                <c:pt idx="2041">
                  <c:v>11291</c:v>
                </c:pt>
                <c:pt idx="2042">
                  <c:v>11133.4</c:v>
                </c:pt>
                <c:pt idx="2043">
                  <c:v>10999</c:v>
                </c:pt>
                <c:pt idx="2044">
                  <c:v>10882.2</c:v>
                </c:pt>
                <c:pt idx="2045">
                  <c:v>10999.5</c:v>
                </c:pt>
                <c:pt idx="2046">
                  <c:v>15018.1</c:v>
                </c:pt>
                <c:pt idx="2047">
                  <c:v>14157.2</c:v>
                </c:pt>
                <c:pt idx="2048">
                  <c:v>13661.2</c:v>
                </c:pt>
                <c:pt idx="2049">
                  <c:v>13417.4</c:v>
                </c:pt>
                <c:pt idx="2050">
                  <c:v>13038.4</c:v>
                </c:pt>
                <c:pt idx="2051">
                  <c:v>13009.5</c:v>
                </c:pt>
                <c:pt idx="2052">
                  <c:v>12700.2</c:v>
                </c:pt>
                <c:pt idx="2053">
                  <c:v>12613</c:v>
                </c:pt>
                <c:pt idx="2054">
                  <c:v>12579.1</c:v>
                </c:pt>
                <c:pt idx="2055">
                  <c:v>12634.4</c:v>
                </c:pt>
                <c:pt idx="2056">
                  <c:v>12453</c:v>
                </c:pt>
                <c:pt idx="2057">
                  <c:v>16797.5</c:v>
                </c:pt>
                <c:pt idx="2058">
                  <c:v>15692.9</c:v>
                </c:pt>
                <c:pt idx="2059">
                  <c:v>15400.3</c:v>
                </c:pt>
                <c:pt idx="2060">
                  <c:v>14896.6</c:v>
                </c:pt>
                <c:pt idx="2061">
                  <c:v>14806.1</c:v>
                </c:pt>
                <c:pt idx="2062">
                  <c:v>14401.9</c:v>
                </c:pt>
                <c:pt idx="2063">
                  <c:v>14411</c:v>
                </c:pt>
                <c:pt idx="2064">
                  <c:v>14164.7</c:v>
                </c:pt>
                <c:pt idx="2065">
                  <c:v>14138.1</c:v>
                </c:pt>
                <c:pt idx="2066">
                  <c:v>14097.4</c:v>
                </c:pt>
                <c:pt idx="2067">
                  <c:v>13990.8</c:v>
                </c:pt>
                <c:pt idx="2068">
                  <c:v>18314.099999999999</c:v>
                </c:pt>
                <c:pt idx="2069">
                  <c:v>17199.8</c:v>
                </c:pt>
                <c:pt idx="2070">
                  <c:v>16745.400000000001</c:v>
                </c:pt>
                <c:pt idx="2071">
                  <c:v>16480.5</c:v>
                </c:pt>
                <c:pt idx="2072">
                  <c:v>16248.7</c:v>
                </c:pt>
                <c:pt idx="2073">
                  <c:v>16059.2</c:v>
                </c:pt>
                <c:pt idx="2074">
                  <c:v>15841.6</c:v>
                </c:pt>
                <c:pt idx="2075">
                  <c:v>15871</c:v>
                </c:pt>
                <c:pt idx="2076">
                  <c:v>15704.3</c:v>
                </c:pt>
                <c:pt idx="2077">
                  <c:v>15629.4</c:v>
                </c:pt>
                <c:pt idx="2078">
                  <c:v>15536.6</c:v>
                </c:pt>
                <c:pt idx="2079">
                  <c:v>19412.8</c:v>
                </c:pt>
                <c:pt idx="2080">
                  <c:v>18882.400000000001</c:v>
                </c:pt>
                <c:pt idx="2081">
                  <c:v>18293.400000000001</c:v>
                </c:pt>
                <c:pt idx="2082">
                  <c:v>18016.099999999999</c:v>
                </c:pt>
                <c:pt idx="2083">
                  <c:v>17791.5</c:v>
                </c:pt>
                <c:pt idx="2084">
                  <c:v>17540.7</c:v>
                </c:pt>
                <c:pt idx="2085">
                  <c:v>17541.2</c:v>
                </c:pt>
                <c:pt idx="2086">
                  <c:v>17362.400000000001</c:v>
                </c:pt>
                <c:pt idx="2087">
                  <c:v>17310.599999999999</c:v>
                </c:pt>
                <c:pt idx="2088">
                  <c:v>17119.8</c:v>
                </c:pt>
                <c:pt idx="2089">
                  <c:v>17007.7</c:v>
                </c:pt>
                <c:pt idx="2090">
                  <c:v>21131</c:v>
                </c:pt>
                <c:pt idx="2091">
                  <c:v>20433</c:v>
                </c:pt>
                <c:pt idx="2092">
                  <c:v>19967.400000000001</c:v>
                </c:pt>
                <c:pt idx="2093">
                  <c:v>19482.599999999999</c:v>
                </c:pt>
                <c:pt idx="2094">
                  <c:v>19339.900000000001</c:v>
                </c:pt>
                <c:pt idx="2095">
                  <c:v>19261.7</c:v>
                </c:pt>
                <c:pt idx="2096">
                  <c:v>18887.099999999999</c:v>
                </c:pt>
                <c:pt idx="2097">
                  <c:v>18771.400000000001</c:v>
                </c:pt>
                <c:pt idx="2098">
                  <c:v>18938.3</c:v>
                </c:pt>
                <c:pt idx="2099">
                  <c:v>18655.900000000001</c:v>
                </c:pt>
                <c:pt idx="2100">
                  <c:v>18592.599999999999</c:v>
                </c:pt>
                <c:pt idx="2101">
                  <c:v>22749.9</c:v>
                </c:pt>
                <c:pt idx="2102">
                  <c:v>22041.4</c:v>
                </c:pt>
                <c:pt idx="2103">
                  <c:v>21522.2</c:v>
                </c:pt>
                <c:pt idx="2104">
                  <c:v>21164.2</c:v>
                </c:pt>
                <c:pt idx="2105">
                  <c:v>20880.2</c:v>
                </c:pt>
                <c:pt idx="2106">
                  <c:v>20615.400000000001</c:v>
                </c:pt>
                <c:pt idx="2107">
                  <c:v>20586.7</c:v>
                </c:pt>
                <c:pt idx="2108">
                  <c:v>20410</c:v>
                </c:pt>
                <c:pt idx="2109">
                  <c:v>20309</c:v>
                </c:pt>
                <c:pt idx="2110">
                  <c:v>20231.7</c:v>
                </c:pt>
                <c:pt idx="2111">
                  <c:v>20242.8</c:v>
                </c:pt>
                <c:pt idx="2112">
                  <c:v>5651.42</c:v>
                </c:pt>
                <c:pt idx="2113">
                  <c:v>5058.9399999999996</c:v>
                </c:pt>
                <c:pt idx="2114">
                  <c:v>4661.8999999999996</c:v>
                </c:pt>
                <c:pt idx="2115">
                  <c:v>4343.8599999999997</c:v>
                </c:pt>
                <c:pt idx="2116">
                  <c:v>4138.17</c:v>
                </c:pt>
                <c:pt idx="2117">
                  <c:v>3971.64</c:v>
                </c:pt>
                <c:pt idx="2118">
                  <c:v>3865.76</c:v>
                </c:pt>
                <c:pt idx="2119">
                  <c:v>3760.06</c:v>
                </c:pt>
                <c:pt idx="2120">
                  <c:v>3686.7</c:v>
                </c:pt>
                <c:pt idx="2121">
                  <c:v>3632.03</c:v>
                </c:pt>
                <c:pt idx="2122">
                  <c:v>3563.01</c:v>
                </c:pt>
                <c:pt idx="2123">
                  <c:v>7002.39</c:v>
                </c:pt>
                <c:pt idx="2124">
                  <c:v>6379.41</c:v>
                </c:pt>
                <c:pt idx="2125">
                  <c:v>5976.22</c:v>
                </c:pt>
                <c:pt idx="2126">
                  <c:v>5733.43</c:v>
                </c:pt>
                <c:pt idx="2127">
                  <c:v>5509.27</c:v>
                </c:pt>
                <c:pt idx="2128">
                  <c:v>5355.05</c:v>
                </c:pt>
                <c:pt idx="2129">
                  <c:v>5252.72</c:v>
                </c:pt>
                <c:pt idx="2130">
                  <c:v>5149.16</c:v>
                </c:pt>
                <c:pt idx="2131">
                  <c:v>5088.2299999999996</c:v>
                </c:pt>
                <c:pt idx="2132">
                  <c:v>5015</c:v>
                </c:pt>
                <c:pt idx="2133">
                  <c:v>4938.8999999999996</c:v>
                </c:pt>
                <c:pt idx="2134">
                  <c:v>8214.94</c:v>
                </c:pt>
                <c:pt idx="2135">
                  <c:v>7883.41</c:v>
                </c:pt>
                <c:pt idx="2136">
                  <c:v>7480.13</c:v>
                </c:pt>
                <c:pt idx="2137">
                  <c:v>7124.6</c:v>
                </c:pt>
                <c:pt idx="2138">
                  <c:v>6902.58</c:v>
                </c:pt>
                <c:pt idx="2139">
                  <c:v>6804.21</c:v>
                </c:pt>
                <c:pt idx="2140">
                  <c:v>6710.38</c:v>
                </c:pt>
                <c:pt idx="2141">
                  <c:v>6639.55</c:v>
                </c:pt>
                <c:pt idx="2142">
                  <c:v>6503.55</c:v>
                </c:pt>
                <c:pt idx="2143">
                  <c:v>6406.81</c:v>
                </c:pt>
                <c:pt idx="2144">
                  <c:v>6334.01</c:v>
                </c:pt>
                <c:pt idx="2145">
                  <c:v>9941.81</c:v>
                </c:pt>
                <c:pt idx="2146">
                  <c:v>9197.68</c:v>
                </c:pt>
                <c:pt idx="2147">
                  <c:v>8943.27</c:v>
                </c:pt>
                <c:pt idx="2148">
                  <c:v>8557.25</c:v>
                </c:pt>
                <c:pt idx="2149">
                  <c:v>8420.9500000000007</c:v>
                </c:pt>
                <c:pt idx="2150">
                  <c:v>8164.43</c:v>
                </c:pt>
                <c:pt idx="2151">
                  <c:v>8039.51</c:v>
                </c:pt>
                <c:pt idx="2152">
                  <c:v>8005.53</c:v>
                </c:pt>
                <c:pt idx="2153">
                  <c:v>7853.84</c:v>
                </c:pt>
                <c:pt idx="2154">
                  <c:v>7868.08</c:v>
                </c:pt>
                <c:pt idx="2155">
                  <c:v>7749.17</c:v>
                </c:pt>
                <c:pt idx="2156">
                  <c:v>11792.8</c:v>
                </c:pt>
                <c:pt idx="2157">
                  <c:v>10963.5</c:v>
                </c:pt>
                <c:pt idx="2158">
                  <c:v>10513.3</c:v>
                </c:pt>
                <c:pt idx="2159">
                  <c:v>10242.9</c:v>
                </c:pt>
                <c:pt idx="2160">
                  <c:v>10013.1</c:v>
                </c:pt>
                <c:pt idx="2161">
                  <c:v>9834.75</c:v>
                </c:pt>
                <c:pt idx="2162">
                  <c:v>9795.06</c:v>
                </c:pt>
                <c:pt idx="2163">
                  <c:v>9572.9699999999993</c:v>
                </c:pt>
                <c:pt idx="2164">
                  <c:v>9449.8799999999992</c:v>
                </c:pt>
                <c:pt idx="2165">
                  <c:v>9368.39</c:v>
                </c:pt>
                <c:pt idx="2166">
                  <c:v>9265.67</c:v>
                </c:pt>
                <c:pt idx="2167">
                  <c:v>13400.7</c:v>
                </c:pt>
                <c:pt idx="2168">
                  <c:v>12672.2</c:v>
                </c:pt>
                <c:pt idx="2169">
                  <c:v>12108.9</c:v>
                </c:pt>
                <c:pt idx="2170">
                  <c:v>11752.3</c:v>
                </c:pt>
                <c:pt idx="2171">
                  <c:v>11546.4</c:v>
                </c:pt>
                <c:pt idx="2172">
                  <c:v>11277.2</c:v>
                </c:pt>
                <c:pt idx="2173">
                  <c:v>11126.4</c:v>
                </c:pt>
                <c:pt idx="2174">
                  <c:v>10994.7</c:v>
                </c:pt>
                <c:pt idx="2175">
                  <c:v>11037.7</c:v>
                </c:pt>
                <c:pt idx="2176">
                  <c:v>10920.7</c:v>
                </c:pt>
                <c:pt idx="2177">
                  <c:v>10809.9</c:v>
                </c:pt>
                <c:pt idx="2178">
                  <c:v>15014.6</c:v>
                </c:pt>
                <c:pt idx="2179">
                  <c:v>14157.2</c:v>
                </c:pt>
                <c:pt idx="2180">
                  <c:v>13661.2</c:v>
                </c:pt>
                <c:pt idx="2181">
                  <c:v>13417.4</c:v>
                </c:pt>
                <c:pt idx="2182">
                  <c:v>13168.4</c:v>
                </c:pt>
                <c:pt idx="2183">
                  <c:v>13009.5</c:v>
                </c:pt>
                <c:pt idx="2184">
                  <c:v>12700.2</c:v>
                </c:pt>
                <c:pt idx="2185">
                  <c:v>12613</c:v>
                </c:pt>
                <c:pt idx="2186">
                  <c:v>12579.1</c:v>
                </c:pt>
                <c:pt idx="2187">
                  <c:v>12427.3</c:v>
                </c:pt>
                <c:pt idx="2188">
                  <c:v>12453</c:v>
                </c:pt>
                <c:pt idx="2189">
                  <c:v>16613.2</c:v>
                </c:pt>
                <c:pt idx="2190">
                  <c:v>15692.9</c:v>
                </c:pt>
                <c:pt idx="2191">
                  <c:v>15400.3</c:v>
                </c:pt>
                <c:pt idx="2192">
                  <c:v>14823.7</c:v>
                </c:pt>
                <c:pt idx="2193">
                  <c:v>14549.4</c:v>
                </c:pt>
                <c:pt idx="2194">
                  <c:v>14395.6</c:v>
                </c:pt>
                <c:pt idx="2195">
                  <c:v>14233.1</c:v>
                </c:pt>
                <c:pt idx="2196">
                  <c:v>14211.6</c:v>
                </c:pt>
                <c:pt idx="2197">
                  <c:v>14042.1</c:v>
                </c:pt>
                <c:pt idx="2198">
                  <c:v>14088.1</c:v>
                </c:pt>
                <c:pt idx="2199">
                  <c:v>13990.8</c:v>
                </c:pt>
                <c:pt idx="2200">
                  <c:v>18126.7</c:v>
                </c:pt>
                <c:pt idx="2201">
                  <c:v>17199.8</c:v>
                </c:pt>
                <c:pt idx="2202">
                  <c:v>16864.599999999999</c:v>
                </c:pt>
                <c:pt idx="2203">
                  <c:v>16450.5</c:v>
                </c:pt>
                <c:pt idx="2204">
                  <c:v>16218.4</c:v>
                </c:pt>
                <c:pt idx="2205">
                  <c:v>16011.2</c:v>
                </c:pt>
                <c:pt idx="2206">
                  <c:v>15829.8</c:v>
                </c:pt>
                <c:pt idx="2207">
                  <c:v>15860.5</c:v>
                </c:pt>
                <c:pt idx="2208">
                  <c:v>15675.3</c:v>
                </c:pt>
                <c:pt idx="2209">
                  <c:v>15649.3</c:v>
                </c:pt>
                <c:pt idx="2210">
                  <c:v>15466.4</c:v>
                </c:pt>
                <c:pt idx="2211">
                  <c:v>19412.8</c:v>
                </c:pt>
                <c:pt idx="2212">
                  <c:v>18773.400000000001</c:v>
                </c:pt>
                <c:pt idx="2213">
                  <c:v>18293.400000000001</c:v>
                </c:pt>
                <c:pt idx="2214">
                  <c:v>18008.3</c:v>
                </c:pt>
                <c:pt idx="2215">
                  <c:v>17659.7</c:v>
                </c:pt>
                <c:pt idx="2216">
                  <c:v>17608.7</c:v>
                </c:pt>
                <c:pt idx="2217">
                  <c:v>17358.400000000001</c:v>
                </c:pt>
                <c:pt idx="2218">
                  <c:v>17368.8</c:v>
                </c:pt>
                <c:pt idx="2219">
                  <c:v>17296.2</c:v>
                </c:pt>
                <c:pt idx="2220">
                  <c:v>17106.7</c:v>
                </c:pt>
                <c:pt idx="2221">
                  <c:v>17066.400000000001</c:v>
                </c:pt>
                <c:pt idx="2222">
                  <c:v>21131</c:v>
                </c:pt>
                <c:pt idx="2223">
                  <c:v>20433</c:v>
                </c:pt>
                <c:pt idx="2224">
                  <c:v>19965.400000000001</c:v>
                </c:pt>
                <c:pt idx="2225">
                  <c:v>19601.900000000001</c:v>
                </c:pt>
                <c:pt idx="2226">
                  <c:v>19339.900000000001</c:v>
                </c:pt>
                <c:pt idx="2227">
                  <c:v>19261.7</c:v>
                </c:pt>
                <c:pt idx="2228">
                  <c:v>18887.099999999999</c:v>
                </c:pt>
                <c:pt idx="2229">
                  <c:v>18771.400000000001</c:v>
                </c:pt>
                <c:pt idx="2230">
                  <c:v>18656.099999999999</c:v>
                </c:pt>
                <c:pt idx="2231">
                  <c:v>18644</c:v>
                </c:pt>
                <c:pt idx="2232">
                  <c:v>18599.5</c:v>
                </c:pt>
                <c:pt idx="2233">
                  <c:v>22749.9</c:v>
                </c:pt>
                <c:pt idx="2234">
                  <c:v>21995.8</c:v>
                </c:pt>
                <c:pt idx="2235">
                  <c:v>21407.4</c:v>
                </c:pt>
                <c:pt idx="2236">
                  <c:v>21164.2</c:v>
                </c:pt>
                <c:pt idx="2237">
                  <c:v>20816.2</c:v>
                </c:pt>
                <c:pt idx="2238">
                  <c:v>20822.599999999999</c:v>
                </c:pt>
                <c:pt idx="2239">
                  <c:v>20593.400000000001</c:v>
                </c:pt>
                <c:pt idx="2240">
                  <c:v>20479.3</c:v>
                </c:pt>
                <c:pt idx="2241">
                  <c:v>20374.099999999999</c:v>
                </c:pt>
                <c:pt idx="2242">
                  <c:v>20153.599999999999</c:v>
                </c:pt>
                <c:pt idx="2243">
                  <c:v>20193.8</c:v>
                </c:pt>
                <c:pt idx="2244">
                  <c:v>5651.42</c:v>
                </c:pt>
                <c:pt idx="2245">
                  <c:v>5058.9399999999996</c:v>
                </c:pt>
                <c:pt idx="2246">
                  <c:v>4595.93</c:v>
                </c:pt>
                <c:pt idx="2247">
                  <c:v>4322.51</c:v>
                </c:pt>
                <c:pt idx="2248">
                  <c:v>4086.95</c:v>
                </c:pt>
                <c:pt idx="2249">
                  <c:v>3939.41</c:v>
                </c:pt>
                <c:pt idx="2250">
                  <c:v>3796.4</c:v>
                </c:pt>
                <c:pt idx="2251">
                  <c:v>3711.07</c:v>
                </c:pt>
                <c:pt idx="2252">
                  <c:v>3617.65</c:v>
                </c:pt>
                <c:pt idx="2253">
                  <c:v>3554.6</c:v>
                </c:pt>
                <c:pt idx="2254">
                  <c:v>3482.46</c:v>
                </c:pt>
                <c:pt idx="2255">
                  <c:v>7002.39</c:v>
                </c:pt>
                <c:pt idx="2256">
                  <c:v>6379.41</c:v>
                </c:pt>
                <c:pt idx="2257">
                  <c:v>5976.22</c:v>
                </c:pt>
                <c:pt idx="2258">
                  <c:v>5733.43</c:v>
                </c:pt>
                <c:pt idx="2259">
                  <c:v>5513.57</c:v>
                </c:pt>
                <c:pt idx="2260">
                  <c:v>5319.11</c:v>
                </c:pt>
                <c:pt idx="2261">
                  <c:v>5193.49</c:v>
                </c:pt>
                <c:pt idx="2262">
                  <c:v>5092.58</c:v>
                </c:pt>
                <c:pt idx="2263">
                  <c:v>5022.9399999999996</c:v>
                </c:pt>
                <c:pt idx="2264">
                  <c:v>4956.74</c:v>
                </c:pt>
                <c:pt idx="2265">
                  <c:v>4872.13</c:v>
                </c:pt>
                <c:pt idx="2266">
                  <c:v>8214.94</c:v>
                </c:pt>
                <c:pt idx="2267">
                  <c:v>7883.41</c:v>
                </c:pt>
                <c:pt idx="2268">
                  <c:v>7480.13</c:v>
                </c:pt>
                <c:pt idx="2269">
                  <c:v>7124.6</c:v>
                </c:pt>
                <c:pt idx="2270">
                  <c:v>6902.58</c:v>
                </c:pt>
                <c:pt idx="2271">
                  <c:v>6804.21</c:v>
                </c:pt>
                <c:pt idx="2272">
                  <c:v>6710.38</c:v>
                </c:pt>
                <c:pt idx="2273">
                  <c:v>6519.58</c:v>
                </c:pt>
                <c:pt idx="2274">
                  <c:v>6499.61</c:v>
                </c:pt>
                <c:pt idx="2275">
                  <c:v>6360.4</c:v>
                </c:pt>
                <c:pt idx="2276">
                  <c:v>6321.34</c:v>
                </c:pt>
                <c:pt idx="2277">
                  <c:v>9941.81</c:v>
                </c:pt>
                <c:pt idx="2278">
                  <c:v>9197.68</c:v>
                </c:pt>
                <c:pt idx="2279">
                  <c:v>8943.27</c:v>
                </c:pt>
                <c:pt idx="2280">
                  <c:v>8552.11</c:v>
                </c:pt>
                <c:pt idx="2281">
                  <c:v>8314.89</c:v>
                </c:pt>
                <c:pt idx="2282">
                  <c:v>8316.94</c:v>
                </c:pt>
                <c:pt idx="2283">
                  <c:v>8028.75</c:v>
                </c:pt>
                <c:pt idx="2284">
                  <c:v>7996.26</c:v>
                </c:pt>
                <c:pt idx="2285">
                  <c:v>7852.98</c:v>
                </c:pt>
                <c:pt idx="2286">
                  <c:v>7866.79</c:v>
                </c:pt>
                <c:pt idx="2287">
                  <c:v>7749.17</c:v>
                </c:pt>
                <c:pt idx="2288">
                  <c:v>11792.8</c:v>
                </c:pt>
                <c:pt idx="2289">
                  <c:v>10963.5</c:v>
                </c:pt>
                <c:pt idx="2290">
                  <c:v>10511.5</c:v>
                </c:pt>
                <c:pt idx="2291">
                  <c:v>10242.9</c:v>
                </c:pt>
                <c:pt idx="2292">
                  <c:v>9991.49</c:v>
                </c:pt>
                <c:pt idx="2293">
                  <c:v>9809.83</c:v>
                </c:pt>
                <c:pt idx="2294">
                  <c:v>9664.11</c:v>
                </c:pt>
                <c:pt idx="2295">
                  <c:v>9478.3700000000008</c:v>
                </c:pt>
                <c:pt idx="2296">
                  <c:v>9439.74</c:v>
                </c:pt>
                <c:pt idx="2297">
                  <c:v>9333.39</c:v>
                </c:pt>
                <c:pt idx="2298">
                  <c:v>9240.32</c:v>
                </c:pt>
                <c:pt idx="2299">
                  <c:v>13400.7</c:v>
                </c:pt>
                <c:pt idx="2300">
                  <c:v>12647.8</c:v>
                </c:pt>
                <c:pt idx="2301">
                  <c:v>12108.9</c:v>
                </c:pt>
                <c:pt idx="2302">
                  <c:v>11719.1</c:v>
                </c:pt>
                <c:pt idx="2303">
                  <c:v>11531.8</c:v>
                </c:pt>
                <c:pt idx="2304">
                  <c:v>11276.2</c:v>
                </c:pt>
                <c:pt idx="2305">
                  <c:v>11105.7</c:v>
                </c:pt>
                <c:pt idx="2306">
                  <c:v>11113.1</c:v>
                </c:pt>
                <c:pt idx="2307">
                  <c:v>10978.8</c:v>
                </c:pt>
                <c:pt idx="2308">
                  <c:v>10862.3</c:v>
                </c:pt>
                <c:pt idx="2309">
                  <c:v>10759.7</c:v>
                </c:pt>
                <c:pt idx="2310">
                  <c:v>15014.6</c:v>
                </c:pt>
                <c:pt idx="2311">
                  <c:v>14157.2</c:v>
                </c:pt>
                <c:pt idx="2312">
                  <c:v>13661.2</c:v>
                </c:pt>
                <c:pt idx="2313">
                  <c:v>13417.4</c:v>
                </c:pt>
                <c:pt idx="2314">
                  <c:v>13121.6</c:v>
                </c:pt>
                <c:pt idx="2315">
                  <c:v>13009.5</c:v>
                </c:pt>
                <c:pt idx="2316">
                  <c:v>12700.2</c:v>
                </c:pt>
                <c:pt idx="2317">
                  <c:v>12613</c:v>
                </c:pt>
                <c:pt idx="2318">
                  <c:v>12585</c:v>
                </c:pt>
                <c:pt idx="2319">
                  <c:v>12395.4</c:v>
                </c:pt>
                <c:pt idx="2320">
                  <c:v>12453</c:v>
                </c:pt>
                <c:pt idx="2321">
                  <c:v>16610</c:v>
                </c:pt>
                <c:pt idx="2322">
                  <c:v>15692.9</c:v>
                </c:pt>
                <c:pt idx="2323">
                  <c:v>15318.7</c:v>
                </c:pt>
                <c:pt idx="2324">
                  <c:v>14796.2</c:v>
                </c:pt>
                <c:pt idx="2325">
                  <c:v>14564.8</c:v>
                </c:pt>
                <c:pt idx="2326">
                  <c:v>14353.7</c:v>
                </c:pt>
                <c:pt idx="2327">
                  <c:v>14345.3</c:v>
                </c:pt>
                <c:pt idx="2328">
                  <c:v>14172</c:v>
                </c:pt>
                <c:pt idx="2329">
                  <c:v>14033.1</c:v>
                </c:pt>
                <c:pt idx="2330">
                  <c:v>14080.5</c:v>
                </c:pt>
                <c:pt idx="2331">
                  <c:v>13990.8</c:v>
                </c:pt>
                <c:pt idx="2332">
                  <c:v>18126.7</c:v>
                </c:pt>
                <c:pt idx="2333">
                  <c:v>17199.8</c:v>
                </c:pt>
                <c:pt idx="2334">
                  <c:v>16864.599999999999</c:v>
                </c:pt>
                <c:pt idx="2335">
                  <c:v>16438.2</c:v>
                </c:pt>
                <c:pt idx="2336">
                  <c:v>16192.2</c:v>
                </c:pt>
                <c:pt idx="2337">
                  <c:v>15984.6</c:v>
                </c:pt>
                <c:pt idx="2338">
                  <c:v>15783.3</c:v>
                </c:pt>
                <c:pt idx="2339">
                  <c:v>15683.9</c:v>
                </c:pt>
                <c:pt idx="2340">
                  <c:v>15678.8</c:v>
                </c:pt>
                <c:pt idx="2341">
                  <c:v>15628.7</c:v>
                </c:pt>
                <c:pt idx="2342">
                  <c:v>15458.1</c:v>
                </c:pt>
                <c:pt idx="2343">
                  <c:v>19412.8</c:v>
                </c:pt>
                <c:pt idx="2344">
                  <c:v>18773.400000000001</c:v>
                </c:pt>
                <c:pt idx="2345">
                  <c:v>18293.400000000001</c:v>
                </c:pt>
                <c:pt idx="2346">
                  <c:v>17968.900000000001</c:v>
                </c:pt>
                <c:pt idx="2347">
                  <c:v>17662.099999999999</c:v>
                </c:pt>
                <c:pt idx="2348">
                  <c:v>17610.8</c:v>
                </c:pt>
                <c:pt idx="2349">
                  <c:v>17360.3</c:v>
                </c:pt>
                <c:pt idx="2350">
                  <c:v>17196.7</c:v>
                </c:pt>
                <c:pt idx="2351">
                  <c:v>17284.2</c:v>
                </c:pt>
                <c:pt idx="2352">
                  <c:v>17103.900000000001</c:v>
                </c:pt>
                <c:pt idx="2353">
                  <c:v>17088.099999999999</c:v>
                </c:pt>
                <c:pt idx="2354">
                  <c:v>21131</c:v>
                </c:pt>
                <c:pt idx="2355">
                  <c:v>20433</c:v>
                </c:pt>
                <c:pt idx="2356">
                  <c:v>19825</c:v>
                </c:pt>
                <c:pt idx="2357">
                  <c:v>19577.900000000001</c:v>
                </c:pt>
                <c:pt idx="2358">
                  <c:v>19339.900000000001</c:v>
                </c:pt>
                <c:pt idx="2359">
                  <c:v>19064.2</c:v>
                </c:pt>
                <c:pt idx="2360">
                  <c:v>18887.099999999999</c:v>
                </c:pt>
                <c:pt idx="2361">
                  <c:v>18771.400000000001</c:v>
                </c:pt>
                <c:pt idx="2362">
                  <c:v>18801.5</c:v>
                </c:pt>
                <c:pt idx="2363">
                  <c:v>18653.5</c:v>
                </c:pt>
                <c:pt idx="2364">
                  <c:v>18640.400000000001</c:v>
                </c:pt>
                <c:pt idx="2365">
                  <c:v>22749.9</c:v>
                </c:pt>
                <c:pt idx="2366">
                  <c:v>21995.8</c:v>
                </c:pt>
                <c:pt idx="2367">
                  <c:v>21355.3</c:v>
                </c:pt>
                <c:pt idx="2368">
                  <c:v>21078.5</c:v>
                </c:pt>
                <c:pt idx="2369">
                  <c:v>20845.2</c:v>
                </c:pt>
                <c:pt idx="2370">
                  <c:v>20592.8</c:v>
                </c:pt>
                <c:pt idx="2371">
                  <c:v>20436.900000000001</c:v>
                </c:pt>
                <c:pt idx="2372">
                  <c:v>20334.099999999999</c:v>
                </c:pt>
                <c:pt idx="2373">
                  <c:v>20284.099999999999</c:v>
                </c:pt>
                <c:pt idx="2374">
                  <c:v>20139.8</c:v>
                </c:pt>
                <c:pt idx="2375">
                  <c:v>20158.2</c:v>
                </c:pt>
                <c:pt idx="2376">
                  <c:v>5651.42</c:v>
                </c:pt>
                <c:pt idx="2377">
                  <c:v>5058.9399999999996</c:v>
                </c:pt>
                <c:pt idx="2378">
                  <c:v>4595.93</c:v>
                </c:pt>
                <c:pt idx="2379">
                  <c:v>4327.4799999999996</c:v>
                </c:pt>
                <c:pt idx="2380">
                  <c:v>4091.92</c:v>
                </c:pt>
                <c:pt idx="2381">
                  <c:v>3892.54</c:v>
                </c:pt>
                <c:pt idx="2382">
                  <c:v>3756.73</c:v>
                </c:pt>
                <c:pt idx="2383">
                  <c:v>3652.33</c:v>
                </c:pt>
                <c:pt idx="2384">
                  <c:v>3565.46</c:v>
                </c:pt>
                <c:pt idx="2385">
                  <c:v>3508.62</c:v>
                </c:pt>
                <c:pt idx="2386">
                  <c:v>3445.39</c:v>
                </c:pt>
                <c:pt idx="2387">
                  <c:v>7002.39</c:v>
                </c:pt>
                <c:pt idx="2388">
                  <c:v>6379.41</c:v>
                </c:pt>
                <c:pt idx="2389">
                  <c:v>5976.22</c:v>
                </c:pt>
                <c:pt idx="2390">
                  <c:v>5733.43</c:v>
                </c:pt>
                <c:pt idx="2391">
                  <c:v>5518.61</c:v>
                </c:pt>
                <c:pt idx="2392">
                  <c:v>5319.11</c:v>
                </c:pt>
                <c:pt idx="2393">
                  <c:v>5193.49</c:v>
                </c:pt>
                <c:pt idx="2394">
                  <c:v>5093.18</c:v>
                </c:pt>
                <c:pt idx="2395">
                  <c:v>4975.6400000000003</c:v>
                </c:pt>
                <c:pt idx="2396">
                  <c:v>4901.0600000000004</c:v>
                </c:pt>
                <c:pt idx="2397">
                  <c:v>4858.6499999999996</c:v>
                </c:pt>
                <c:pt idx="2398">
                  <c:v>8214.94</c:v>
                </c:pt>
                <c:pt idx="2399">
                  <c:v>7883.41</c:v>
                </c:pt>
                <c:pt idx="2400">
                  <c:v>7480.13</c:v>
                </c:pt>
                <c:pt idx="2401">
                  <c:v>7124.6</c:v>
                </c:pt>
                <c:pt idx="2402">
                  <c:v>6902.58</c:v>
                </c:pt>
                <c:pt idx="2403">
                  <c:v>6804.21</c:v>
                </c:pt>
                <c:pt idx="2404">
                  <c:v>6710.38</c:v>
                </c:pt>
                <c:pt idx="2405">
                  <c:v>6519.58</c:v>
                </c:pt>
                <c:pt idx="2406">
                  <c:v>6499.61</c:v>
                </c:pt>
                <c:pt idx="2407">
                  <c:v>6353.16</c:v>
                </c:pt>
                <c:pt idx="2408">
                  <c:v>6315.74</c:v>
                </c:pt>
                <c:pt idx="2409">
                  <c:v>9941.81</c:v>
                </c:pt>
                <c:pt idx="2410">
                  <c:v>9197.68</c:v>
                </c:pt>
                <c:pt idx="2411">
                  <c:v>8943.27</c:v>
                </c:pt>
                <c:pt idx="2412">
                  <c:v>8552.11</c:v>
                </c:pt>
                <c:pt idx="2413">
                  <c:v>8314.89</c:v>
                </c:pt>
                <c:pt idx="2414">
                  <c:v>8162.9</c:v>
                </c:pt>
                <c:pt idx="2415">
                  <c:v>8162.41</c:v>
                </c:pt>
                <c:pt idx="2416">
                  <c:v>8079.32</c:v>
                </c:pt>
                <c:pt idx="2417">
                  <c:v>7852.98</c:v>
                </c:pt>
                <c:pt idx="2418">
                  <c:v>7866.79</c:v>
                </c:pt>
                <c:pt idx="2419">
                  <c:v>7749.17</c:v>
                </c:pt>
                <c:pt idx="2420">
                  <c:v>11792.8</c:v>
                </c:pt>
                <c:pt idx="2421">
                  <c:v>10963.5</c:v>
                </c:pt>
                <c:pt idx="2422">
                  <c:v>10511.5</c:v>
                </c:pt>
                <c:pt idx="2423">
                  <c:v>10242.9</c:v>
                </c:pt>
                <c:pt idx="2424">
                  <c:v>9954.1200000000008</c:v>
                </c:pt>
                <c:pt idx="2425">
                  <c:v>9788.59</c:v>
                </c:pt>
                <c:pt idx="2426">
                  <c:v>9642.24</c:v>
                </c:pt>
                <c:pt idx="2427">
                  <c:v>9458.43</c:v>
                </c:pt>
                <c:pt idx="2428">
                  <c:v>9479.83</c:v>
                </c:pt>
                <c:pt idx="2429">
                  <c:v>9324.64</c:v>
                </c:pt>
                <c:pt idx="2430">
                  <c:v>9231.3700000000008</c:v>
                </c:pt>
                <c:pt idx="2431">
                  <c:v>13400.7</c:v>
                </c:pt>
                <c:pt idx="2432">
                  <c:v>12647.8</c:v>
                </c:pt>
                <c:pt idx="2433">
                  <c:v>12108.9</c:v>
                </c:pt>
                <c:pt idx="2434">
                  <c:v>11690.9</c:v>
                </c:pt>
                <c:pt idx="2435">
                  <c:v>11508.8</c:v>
                </c:pt>
                <c:pt idx="2436">
                  <c:v>11338.4</c:v>
                </c:pt>
                <c:pt idx="2437">
                  <c:v>11109.2</c:v>
                </c:pt>
                <c:pt idx="2438">
                  <c:v>11116</c:v>
                </c:pt>
                <c:pt idx="2439">
                  <c:v>10981.4</c:v>
                </c:pt>
                <c:pt idx="2440">
                  <c:v>10864.6</c:v>
                </c:pt>
                <c:pt idx="2441">
                  <c:v>10761.8</c:v>
                </c:pt>
                <c:pt idx="2442">
                  <c:v>15014.6</c:v>
                </c:pt>
                <c:pt idx="2443">
                  <c:v>14157.2</c:v>
                </c:pt>
                <c:pt idx="2444">
                  <c:v>13661.2</c:v>
                </c:pt>
                <c:pt idx="2445">
                  <c:v>13417.4</c:v>
                </c:pt>
                <c:pt idx="2446">
                  <c:v>13121.6</c:v>
                </c:pt>
                <c:pt idx="2447">
                  <c:v>12953.4</c:v>
                </c:pt>
                <c:pt idx="2448">
                  <c:v>12700.2</c:v>
                </c:pt>
                <c:pt idx="2449">
                  <c:v>12565.9</c:v>
                </c:pt>
                <c:pt idx="2450">
                  <c:v>12567.3</c:v>
                </c:pt>
                <c:pt idx="2451">
                  <c:v>12395.4</c:v>
                </c:pt>
                <c:pt idx="2452">
                  <c:v>12453</c:v>
                </c:pt>
                <c:pt idx="2453">
                  <c:v>16610</c:v>
                </c:pt>
                <c:pt idx="2454">
                  <c:v>15692.9</c:v>
                </c:pt>
                <c:pt idx="2455">
                  <c:v>15310.4</c:v>
                </c:pt>
                <c:pt idx="2456">
                  <c:v>14796.2</c:v>
                </c:pt>
                <c:pt idx="2457">
                  <c:v>14544.4</c:v>
                </c:pt>
                <c:pt idx="2458">
                  <c:v>14370</c:v>
                </c:pt>
                <c:pt idx="2459">
                  <c:v>14323.7</c:v>
                </c:pt>
                <c:pt idx="2460">
                  <c:v>14151.7</c:v>
                </c:pt>
                <c:pt idx="2461">
                  <c:v>14153.7</c:v>
                </c:pt>
                <c:pt idx="2462">
                  <c:v>14007.9</c:v>
                </c:pt>
                <c:pt idx="2463">
                  <c:v>13990.8</c:v>
                </c:pt>
                <c:pt idx="2464">
                  <c:v>18126.7</c:v>
                </c:pt>
                <c:pt idx="2465">
                  <c:v>17199.8</c:v>
                </c:pt>
                <c:pt idx="2466">
                  <c:v>16864.599999999999</c:v>
                </c:pt>
                <c:pt idx="2467">
                  <c:v>16438.2</c:v>
                </c:pt>
                <c:pt idx="2468">
                  <c:v>16171.4</c:v>
                </c:pt>
                <c:pt idx="2469">
                  <c:v>15961.6</c:v>
                </c:pt>
                <c:pt idx="2470">
                  <c:v>15958.7</c:v>
                </c:pt>
                <c:pt idx="2471">
                  <c:v>15762.6</c:v>
                </c:pt>
                <c:pt idx="2472">
                  <c:v>15667.5</c:v>
                </c:pt>
                <c:pt idx="2473">
                  <c:v>15490.6</c:v>
                </c:pt>
                <c:pt idx="2474">
                  <c:v>15462.8</c:v>
                </c:pt>
                <c:pt idx="2475">
                  <c:v>19412.8</c:v>
                </c:pt>
                <c:pt idx="2476">
                  <c:v>18773.400000000001</c:v>
                </c:pt>
                <c:pt idx="2477">
                  <c:v>18293.400000000001</c:v>
                </c:pt>
                <c:pt idx="2478">
                  <c:v>17937.7</c:v>
                </c:pt>
                <c:pt idx="2479">
                  <c:v>17737.2</c:v>
                </c:pt>
                <c:pt idx="2480">
                  <c:v>17612.8</c:v>
                </c:pt>
                <c:pt idx="2481">
                  <c:v>17362.2</c:v>
                </c:pt>
                <c:pt idx="2482">
                  <c:v>17221.8</c:v>
                </c:pt>
                <c:pt idx="2483">
                  <c:v>17135.8</c:v>
                </c:pt>
                <c:pt idx="2484">
                  <c:v>17099.900000000001</c:v>
                </c:pt>
                <c:pt idx="2485">
                  <c:v>16968.5</c:v>
                </c:pt>
                <c:pt idx="2486">
                  <c:v>21131</c:v>
                </c:pt>
                <c:pt idx="2487">
                  <c:v>20433</c:v>
                </c:pt>
                <c:pt idx="2488">
                  <c:v>19825</c:v>
                </c:pt>
                <c:pt idx="2489">
                  <c:v>19577.900000000001</c:v>
                </c:pt>
                <c:pt idx="2490">
                  <c:v>19339.900000000001</c:v>
                </c:pt>
                <c:pt idx="2491">
                  <c:v>19064.2</c:v>
                </c:pt>
                <c:pt idx="2492">
                  <c:v>18887.099999999999</c:v>
                </c:pt>
                <c:pt idx="2493">
                  <c:v>18848.099999999999</c:v>
                </c:pt>
                <c:pt idx="2494">
                  <c:v>18757.7</c:v>
                </c:pt>
                <c:pt idx="2495">
                  <c:v>18744.8</c:v>
                </c:pt>
                <c:pt idx="2496">
                  <c:v>18628.599999999999</c:v>
                </c:pt>
                <c:pt idx="2497">
                  <c:v>22749.9</c:v>
                </c:pt>
                <c:pt idx="2498">
                  <c:v>21995.8</c:v>
                </c:pt>
                <c:pt idx="2499">
                  <c:v>21525.3</c:v>
                </c:pt>
                <c:pt idx="2500">
                  <c:v>21062.400000000001</c:v>
                </c:pt>
                <c:pt idx="2501">
                  <c:v>20843.099999999999</c:v>
                </c:pt>
                <c:pt idx="2502">
                  <c:v>20609.400000000001</c:v>
                </c:pt>
                <c:pt idx="2503">
                  <c:v>20455.3</c:v>
                </c:pt>
                <c:pt idx="2504">
                  <c:v>20323.2</c:v>
                </c:pt>
                <c:pt idx="2505">
                  <c:v>20275.7</c:v>
                </c:pt>
                <c:pt idx="2506">
                  <c:v>20139</c:v>
                </c:pt>
                <c:pt idx="2507">
                  <c:v>20158.2</c:v>
                </c:pt>
                <c:pt idx="2508">
                  <c:v>5651.42</c:v>
                </c:pt>
                <c:pt idx="2509">
                  <c:v>5058.9399999999996</c:v>
                </c:pt>
                <c:pt idx="2510">
                  <c:v>4595.93</c:v>
                </c:pt>
                <c:pt idx="2511">
                  <c:v>4327.4799999999996</c:v>
                </c:pt>
                <c:pt idx="2512">
                  <c:v>4063.03</c:v>
                </c:pt>
                <c:pt idx="2513">
                  <c:v>3864.79</c:v>
                </c:pt>
                <c:pt idx="2514">
                  <c:v>3756.15</c:v>
                </c:pt>
                <c:pt idx="2515">
                  <c:v>3623.68</c:v>
                </c:pt>
                <c:pt idx="2516">
                  <c:v>3527.89</c:v>
                </c:pt>
                <c:pt idx="2517">
                  <c:v>3457.8</c:v>
                </c:pt>
                <c:pt idx="2518">
                  <c:v>3390.66</c:v>
                </c:pt>
                <c:pt idx="2519">
                  <c:v>7002.39</c:v>
                </c:pt>
                <c:pt idx="2520">
                  <c:v>6379.41</c:v>
                </c:pt>
                <c:pt idx="2521">
                  <c:v>5976.22</c:v>
                </c:pt>
                <c:pt idx="2522">
                  <c:v>5733.43</c:v>
                </c:pt>
                <c:pt idx="2523">
                  <c:v>5543.7</c:v>
                </c:pt>
                <c:pt idx="2524">
                  <c:v>5319.11</c:v>
                </c:pt>
                <c:pt idx="2525">
                  <c:v>5193.49</c:v>
                </c:pt>
                <c:pt idx="2526">
                  <c:v>5042.45</c:v>
                </c:pt>
                <c:pt idx="2527">
                  <c:v>4950.41</c:v>
                </c:pt>
                <c:pt idx="2528">
                  <c:v>4898.09</c:v>
                </c:pt>
                <c:pt idx="2529">
                  <c:v>4812</c:v>
                </c:pt>
                <c:pt idx="2530">
                  <c:v>8214.94</c:v>
                </c:pt>
                <c:pt idx="2531">
                  <c:v>7883.41</c:v>
                </c:pt>
                <c:pt idx="2532">
                  <c:v>7480.13</c:v>
                </c:pt>
                <c:pt idx="2533">
                  <c:v>7124.6</c:v>
                </c:pt>
                <c:pt idx="2534">
                  <c:v>6902.58</c:v>
                </c:pt>
                <c:pt idx="2535">
                  <c:v>6804.21</c:v>
                </c:pt>
                <c:pt idx="2536">
                  <c:v>6710.38</c:v>
                </c:pt>
                <c:pt idx="2537">
                  <c:v>6519.58</c:v>
                </c:pt>
                <c:pt idx="2538">
                  <c:v>6402.73</c:v>
                </c:pt>
                <c:pt idx="2539">
                  <c:v>6353.16</c:v>
                </c:pt>
                <c:pt idx="2540">
                  <c:v>6287.66</c:v>
                </c:pt>
                <c:pt idx="2541">
                  <c:v>9941.81</c:v>
                </c:pt>
                <c:pt idx="2542">
                  <c:v>9197.68</c:v>
                </c:pt>
                <c:pt idx="2543">
                  <c:v>8943.27</c:v>
                </c:pt>
                <c:pt idx="2544">
                  <c:v>8552.11</c:v>
                </c:pt>
                <c:pt idx="2545">
                  <c:v>8314.89</c:v>
                </c:pt>
                <c:pt idx="2546">
                  <c:v>8280.18</c:v>
                </c:pt>
                <c:pt idx="2547">
                  <c:v>8142.62</c:v>
                </c:pt>
                <c:pt idx="2548">
                  <c:v>8031.94</c:v>
                </c:pt>
                <c:pt idx="2549">
                  <c:v>7852.98</c:v>
                </c:pt>
                <c:pt idx="2550">
                  <c:v>7866.79</c:v>
                </c:pt>
                <c:pt idx="2551">
                  <c:v>7768.18</c:v>
                </c:pt>
                <c:pt idx="2552">
                  <c:v>11792.8</c:v>
                </c:pt>
                <c:pt idx="2553">
                  <c:v>10963.5</c:v>
                </c:pt>
                <c:pt idx="2554">
                  <c:v>10511.5</c:v>
                </c:pt>
                <c:pt idx="2555">
                  <c:v>10242.9</c:v>
                </c:pt>
                <c:pt idx="2556">
                  <c:v>9950.89</c:v>
                </c:pt>
                <c:pt idx="2557">
                  <c:v>9771.57</c:v>
                </c:pt>
                <c:pt idx="2558">
                  <c:v>9623.36</c:v>
                </c:pt>
                <c:pt idx="2559">
                  <c:v>9500.64</c:v>
                </c:pt>
                <c:pt idx="2560">
                  <c:v>9471.7000000000007</c:v>
                </c:pt>
                <c:pt idx="2561">
                  <c:v>9361.73</c:v>
                </c:pt>
                <c:pt idx="2562">
                  <c:v>9265.4699999999993</c:v>
                </c:pt>
                <c:pt idx="2563">
                  <c:v>13400.7</c:v>
                </c:pt>
                <c:pt idx="2564">
                  <c:v>12647.8</c:v>
                </c:pt>
                <c:pt idx="2565">
                  <c:v>12108.9</c:v>
                </c:pt>
                <c:pt idx="2566">
                  <c:v>11702.5</c:v>
                </c:pt>
                <c:pt idx="2567">
                  <c:v>11482</c:v>
                </c:pt>
                <c:pt idx="2568">
                  <c:v>11326.9</c:v>
                </c:pt>
                <c:pt idx="2569">
                  <c:v>11177.3</c:v>
                </c:pt>
                <c:pt idx="2570">
                  <c:v>11119</c:v>
                </c:pt>
                <c:pt idx="2571">
                  <c:v>10983.9</c:v>
                </c:pt>
                <c:pt idx="2572">
                  <c:v>10866.8</c:v>
                </c:pt>
                <c:pt idx="2573">
                  <c:v>10763.7</c:v>
                </c:pt>
                <c:pt idx="2574">
                  <c:v>15014.6</c:v>
                </c:pt>
                <c:pt idx="2575">
                  <c:v>14157.2</c:v>
                </c:pt>
                <c:pt idx="2576">
                  <c:v>13661.2</c:v>
                </c:pt>
                <c:pt idx="2577">
                  <c:v>13417.4</c:v>
                </c:pt>
                <c:pt idx="2578">
                  <c:v>13121.6</c:v>
                </c:pt>
                <c:pt idx="2579">
                  <c:v>12932.8</c:v>
                </c:pt>
                <c:pt idx="2580">
                  <c:v>12700.2</c:v>
                </c:pt>
                <c:pt idx="2581">
                  <c:v>12551.3</c:v>
                </c:pt>
                <c:pt idx="2582">
                  <c:v>12567.3</c:v>
                </c:pt>
                <c:pt idx="2583">
                  <c:v>12395.4</c:v>
                </c:pt>
                <c:pt idx="2584">
                  <c:v>12333.5</c:v>
                </c:pt>
                <c:pt idx="2585">
                  <c:v>16610</c:v>
                </c:pt>
                <c:pt idx="2586">
                  <c:v>15692.9</c:v>
                </c:pt>
                <c:pt idx="2587">
                  <c:v>15310.4</c:v>
                </c:pt>
                <c:pt idx="2588">
                  <c:v>14796.2</c:v>
                </c:pt>
                <c:pt idx="2589">
                  <c:v>14544.4</c:v>
                </c:pt>
                <c:pt idx="2590">
                  <c:v>14486.8</c:v>
                </c:pt>
                <c:pt idx="2591">
                  <c:v>14304.9</c:v>
                </c:pt>
                <c:pt idx="2592">
                  <c:v>14134.1</c:v>
                </c:pt>
                <c:pt idx="2593">
                  <c:v>14098.3</c:v>
                </c:pt>
                <c:pt idx="2594">
                  <c:v>13954.7</c:v>
                </c:pt>
                <c:pt idx="2595">
                  <c:v>13868</c:v>
                </c:pt>
                <c:pt idx="2596">
                  <c:v>18126.7</c:v>
                </c:pt>
                <c:pt idx="2597">
                  <c:v>17199.8</c:v>
                </c:pt>
                <c:pt idx="2598">
                  <c:v>16864.599999999999</c:v>
                </c:pt>
                <c:pt idx="2599">
                  <c:v>16438.2</c:v>
                </c:pt>
                <c:pt idx="2600">
                  <c:v>16143.9</c:v>
                </c:pt>
                <c:pt idx="2601">
                  <c:v>15941.5</c:v>
                </c:pt>
                <c:pt idx="2602">
                  <c:v>15879.9</c:v>
                </c:pt>
                <c:pt idx="2603">
                  <c:v>15687.6</c:v>
                </c:pt>
                <c:pt idx="2604">
                  <c:v>15620.3</c:v>
                </c:pt>
                <c:pt idx="2605">
                  <c:v>15586.5</c:v>
                </c:pt>
                <c:pt idx="2606">
                  <c:v>15426.5</c:v>
                </c:pt>
                <c:pt idx="2607">
                  <c:v>19412.8</c:v>
                </c:pt>
                <c:pt idx="2608">
                  <c:v>18773.400000000001</c:v>
                </c:pt>
                <c:pt idx="2609">
                  <c:v>18293.400000000001</c:v>
                </c:pt>
                <c:pt idx="2610">
                  <c:v>17965.7</c:v>
                </c:pt>
                <c:pt idx="2611">
                  <c:v>17721.599999999999</c:v>
                </c:pt>
                <c:pt idx="2612">
                  <c:v>17503.599999999999</c:v>
                </c:pt>
                <c:pt idx="2613">
                  <c:v>17364</c:v>
                </c:pt>
                <c:pt idx="2614">
                  <c:v>17194.599999999999</c:v>
                </c:pt>
                <c:pt idx="2615">
                  <c:v>17120.5</c:v>
                </c:pt>
                <c:pt idx="2616">
                  <c:v>17106.099999999999</c:v>
                </c:pt>
                <c:pt idx="2617">
                  <c:v>17042.5</c:v>
                </c:pt>
                <c:pt idx="2618">
                  <c:v>21131</c:v>
                </c:pt>
                <c:pt idx="2619">
                  <c:v>20433</c:v>
                </c:pt>
                <c:pt idx="2620">
                  <c:v>19825</c:v>
                </c:pt>
                <c:pt idx="2621">
                  <c:v>19577.900000000001</c:v>
                </c:pt>
                <c:pt idx="2622">
                  <c:v>19339.900000000001</c:v>
                </c:pt>
                <c:pt idx="2623">
                  <c:v>19064.2</c:v>
                </c:pt>
                <c:pt idx="2624">
                  <c:v>18887.099999999999</c:v>
                </c:pt>
                <c:pt idx="2625">
                  <c:v>18830.2</c:v>
                </c:pt>
                <c:pt idx="2626">
                  <c:v>18741</c:v>
                </c:pt>
                <c:pt idx="2627">
                  <c:v>18589.5</c:v>
                </c:pt>
                <c:pt idx="2628">
                  <c:v>18495</c:v>
                </c:pt>
                <c:pt idx="2629">
                  <c:v>22749.9</c:v>
                </c:pt>
                <c:pt idx="2630">
                  <c:v>21995.8</c:v>
                </c:pt>
                <c:pt idx="2631">
                  <c:v>21385</c:v>
                </c:pt>
                <c:pt idx="2632">
                  <c:v>21062.400000000001</c:v>
                </c:pt>
                <c:pt idx="2633">
                  <c:v>20843.099999999999</c:v>
                </c:pt>
                <c:pt idx="2634">
                  <c:v>20571.400000000001</c:v>
                </c:pt>
                <c:pt idx="2635">
                  <c:v>20510.5</c:v>
                </c:pt>
                <c:pt idx="2636">
                  <c:v>20409</c:v>
                </c:pt>
                <c:pt idx="2637">
                  <c:v>20226.900000000001</c:v>
                </c:pt>
                <c:pt idx="2638">
                  <c:v>20205.400000000001</c:v>
                </c:pt>
                <c:pt idx="2639">
                  <c:v>20158.2</c:v>
                </c:pt>
                <c:pt idx="2640">
                  <c:v>5651.42</c:v>
                </c:pt>
                <c:pt idx="2641">
                  <c:v>5058.9399999999996</c:v>
                </c:pt>
                <c:pt idx="2642">
                  <c:v>4595.93</c:v>
                </c:pt>
                <c:pt idx="2643">
                  <c:v>4327.4799999999996</c:v>
                </c:pt>
                <c:pt idx="2644">
                  <c:v>4064.24</c:v>
                </c:pt>
                <c:pt idx="2645">
                  <c:v>3866.2</c:v>
                </c:pt>
                <c:pt idx="2646">
                  <c:v>3719.57</c:v>
                </c:pt>
                <c:pt idx="2647">
                  <c:v>3623.05</c:v>
                </c:pt>
                <c:pt idx="2648">
                  <c:v>3522.23</c:v>
                </c:pt>
                <c:pt idx="2649">
                  <c:v>3441.67</c:v>
                </c:pt>
                <c:pt idx="2650">
                  <c:v>3369.21</c:v>
                </c:pt>
                <c:pt idx="2651">
                  <c:v>7002.39</c:v>
                </c:pt>
                <c:pt idx="2652">
                  <c:v>6379.41</c:v>
                </c:pt>
                <c:pt idx="2653">
                  <c:v>5976.22</c:v>
                </c:pt>
                <c:pt idx="2654">
                  <c:v>5733.43</c:v>
                </c:pt>
                <c:pt idx="2655">
                  <c:v>5543.7</c:v>
                </c:pt>
                <c:pt idx="2656">
                  <c:v>5319.11</c:v>
                </c:pt>
                <c:pt idx="2657">
                  <c:v>5193.49</c:v>
                </c:pt>
                <c:pt idx="2658">
                  <c:v>5042.45</c:v>
                </c:pt>
                <c:pt idx="2659">
                  <c:v>4950.37</c:v>
                </c:pt>
                <c:pt idx="2660">
                  <c:v>4897.9799999999996</c:v>
                </c:pt>
                <c:pt idx="2661">
                  <c:v>4811.28</c:v>
                </c:pt>
                <c:pt idx="2662">
                  <c:v>8214.94</c:v>
                </c:pt>
                <c:pt idx="2663">
                  <c:v>7883.41</c:v>
                </c:pt>
                <c:pt idx="2664">
                  <c:v>7480.13</c:v>
                </c:pt>
                <c:pt idx="2665">
                  <c:v>7124.6</c:v>
                </c:pt>
                <c:pt idx="2666">
                  <c:v>6902.58</c:v>
                </c:pt>
                <c:pt idx="2667">
                  <c:v>6804.21</c:v>
                </c:pt>
                <c:pt idx="2668">
                  <c:v>6710.38</c:v>
                </c:pt>
                <c:pt idx="2669">
                  <c:v>6519.58</c:v>
                </c:pt>
                <c:pt idx="2670">
                  <c:v>6402.73</c:v>
                </c:pt>
                <c:pt idx="2671">
                  <c:v>6353.16</c:v>
                </c:pt>
                <c:pt idx="2672">
                  <c:v>6287.66</c:v>
                </c:pt>
                <c:pt idx="2673">
                  <c:v>9941.81</c:v>
                </c:pt>
                <c:pt idx="2674">
                  <c:v>9197.68</c:v>
                </c:pt>
                <c:pt idx="2675">
                  <c:v>8943.27</c:v>
                </c:pt>
                <c:pt idx="2676">
                  <c:v>8552.11</c:v>
                </c:pt>
                <c:pt idx="2677">
                  <c:v>8314.89</c:v>
                </c:pt>
                <c:pt idx="2678">
                  <c:v>8278.3799999999992</c:v>
                </c:pt>
                <c:pt idx="2679">
                  <c:v>8142.05</c:v>
                </c:pt>
                <c:pt idx="2680">
                  <c:v>8014.32</c:v>
                </c:pt>
                <c:pt idx="2681">
                  <c:v>7852.98</c:v>
                </c:pt>
                <c:pt idx="2682">
                  <c:v>7830.4</c:v>
                </c:pt>
                <c:pt idx="2683">
                  <c:v>7768.18</c:v>
                </c:pt>
                <c:pt idx="2684">
                  <c:v>11792.8</c:v>
                </c:pt>
                <c:pt idx="2685">
                  <c:v>10963.5</c:v>
                </c:pt>
                <c:pt idx="2686">
                  <c:v>10511.5</c:v>
                </c:pt>
                <c:pt idx="2687">
                  <c:v>10242.9</c:v>
                </c:pt>
                <c:pt idx="2688">
                  <c:v>9950.89</c:v>
                </c:pt>
                <c:pt idx="2689">
                  <c:v>9742.3700000000008</c:v>
                </c:pt>
                <c:pt idx="2690">
                  <c:v>9606.9599999999991</c:v>
                </c:pt>
                <c:pt idx="2691">
                  <c:v>9483.83</c:v>
                </c:pt>
                <c:pt idx="2692">
                  <c:v>9378.6200000000008</c:v>
                </c:pt>
                <c:pt idx="2693">
                  <c:v>9354.56</c:v>
                </c:pt>
                <c:pt idx="2694">
                  <c:v>9258.2000000000007</c:v>
                </c:pt>
                <c:pt idx="2695">
                  <c:v>13400.7</c:v>
                </c:pt>
                <c:pt idx="2696">
                  <c:v>12647.8</c:v>
                </c:pt>
                <c:pt idx="2697">
                  <c:v>12108.9</c:v>
                </c:pt>
                <c:pt idx="2698">
                  <c:v>11674.4</c:v>
                </c:pt>
                <c:pt idx="2699">
                  <c:v>11458.6</c:v>
                </c:pt>
                <c:pt idx="2700">
                  <c:v>11310.1</c:v>
                </c:pt>
                <c:pt idx="2701">
                  <c:v>11166.7</c:v>
                </c:pt>
                <c:pt idx="2702">
                  <c:v>11121.8</c:v>
                </c:pt>
                <c:pt idx="2703">
                  <c:v>10986.4</c:v>
                </c:pt>
                <c:pt idx="2704">
                  <c:v>10869</c:v>
                </c:pt>
                <c:pt idx="2705">
                  <c:v>10765.7</c:v>
                </c:pt>
                <c:pt idx="2706">
                  <c:v>15014.6</c:v>
                </c:pt>
                <c:pt idx="2707">
                  <c:v>14157.2</c:v>
                </c:pt>
                <c:pt idx="2708">
                  <c:v>13661.2</c:v>
                </c:pt>
                <c:pt idx="2709">
                  <c:v>13417.4</c:v>
                </c:pt>
                <c:pt idx="2710">
                  <c:v>13121.6</c:v>
                </c:pt>
                <c:pt idx="2711">
                  <c:v>12931.1</c:v>
                </c:pt>
                <c:pt idx="2712">
                  <c:v>12700.2</c:v>
                </c:pt>
                <c:pt idx="2713">
                  <c:v>12551.3</c:v>
                </c:pt>
                <c:pt idx="2714">
                  <c:v>12567.3</c:v>
                </c:pt>
                <c:pt idx="2715">
                  <c:v>12395.4</c:v>
                </c:pt>
                <c:pt idx="2716">
                  <c:v>12330.6</c:v>
                </c:pt>
                <c:pt idx="2717">
                  <c:v>16610</c:v>
                </c:pt>
                <c:pt idx="2718">
                  <c:v>15692.9</c:v>
                </c:pt>
                <c:pt idx="2719">
                  <c:v>15310.4</c:v>
                </c:pt>
                <c:pt idx="2720">
                  <c:v>14796.2</c:v>
                </c:pt>
                <c:pt idx="2721">
                  <c:v>14544.4</c:v>
                </c:pt>
                <c:pt idx="2722">
                  <c:v>14479.1</c:v>
                </c:pt>
                <c:pt idx="2723">
                  <c:v>14285.9</c:v>
                </c:pt>
                <c:pt idx="2724">
                  <c:v>14118.6</c:v>
                </c:pt>
                <c:pt idx="2725">
                  <c:v>14070.6</c:v>
                </c:pt>
                <c:pt idx="2726">
                  <c:v>13927.5</c:v>
                </c:pt>
                <c:pt idx="2727">
                  <c:v>13868</c:v>
                </c:pt>
                <c:pt idx="2728">
                  <c:v>18126.7</c:v>
                </c:pt>
                <c:pt idx="2729">
                  <c:v>17199.8</c:v>
                </c:pt>
                <c:pt idx="2730">
                  <c:v>16864.599999999999</c:v>
                </c:pt>
                <c:pt idx="2731">
                  <c:v>16438.2</c:v>
                </c:pt>
                <c:pt idx="2732">
                  <c:v>16143.9</c:v>
                </c:pt>
                <c:pt idx="2733">
                  <c:v>15925.7</c:v>
                </c:pt>
                <c:pt idx="2734">
                  <c:v>15852.7</c:v>
                </c:pt>
                <c:pt idx="2735">
                  <c:v>15665.8</c:v>
                </c:pt>
                <c:pt idx="2736">
                  <c:v>15606.7</c:v>
                </c:pt>
                <c:pt idx="2737">
                  <c:v>15574.3</c:v>
                </c:pt>
                <c:pt idx="2738">
                  <c:v>15410.5</c:v>
                </c:pt>
                <c:pt idx="2739">
                  <c:v>19412.8</c:v>
                </c:pt>
                <c:pt idx="2740">
                  <c:v>18773.400000000001</c:v>
                </c:pt>
                <c:pt idx="2741">
                  <c:v>18293.400000000001</c:v>
                </c:pt>
                <c:pt idx="2742">
                  <c:v>17926.099999999999</c:v>
                </c:pt>
                <c:pt idx="2743">
                  <c:v>17696.400000000001</c:v>
                </c:pt>
                <c:pt idx="2744">
                  <c:v>17492.2</c:v>
                </c:pt>
                <c:pt idx="2745">
                  <c:v>17390.599999999999</c:v>
                </c:pt>
                <c:pt idx="2746">
                  <c:v>17305.5</c:v>
                </c:pt>
                <c:pt idx="2747">
                  <c:v>17105.2</c:v>
                </c:pt>
                <c:pt idx="2748">
                  <c:v>17078.099999999999</c:v>
                </c:pt>
                <c:pt idx="2749">
                  <c:v>17028.2</c:v>
                </c:pt>
                <c:pt idx="2750">
                  <c:v>21131</c:v>
                </c:pt>
                <c:pt idx="2751">
                  <c:v>20433</c:v>
                </c:pt>
                <c:pt idx="2752">
                  <c:v>19825</c:v>
                </c:pt>
                <c:pt idx="2753">
                  <c:v>19577.900000000001</c:v>
                </c:pt>
                <c:pt idx="2754">
                  <c:v>19339.900000000001</c:v>
                </c:pt>
                <c:pt idx="2755">
                  <c:v>19064.2</c:v>
                </c:pt>
                <c:pt idx="2756">
                  <c:v>18887.099999999999</c:v>
                </c:pt>
                <c:pt idx="2757">
                  <c:v>18830.2</c:v>
                </c:pt>
                <c:pt idx="2758">
                  <c:v>18741</c:v>
                </c:pt>
                <c:pt idx="2759">
                  <c:v>18578.599999999999</c:v>
                </c:pt>
                <c:pt idx="2760">
                  <c:v>18600.400000000001</c:v>
                </c:pt>
                <c:pt idx="2761">
                  <c:v>22749.9</c:v>
                </c:pt>
                <c:pt idx="2762">
                  <c:v>21995.8</c:v>
                </c:pt>
                <c:pt idx="2763">
                  <c:v>21385</c:v>
                </c:pt>
                <c:pt idx="2764">
                  <c:v>21062.400000000001</c:v>
                </c:pt>
                <c:pt idx="2765">
                  <c:v>20843.099999999999</c:v>
                </c:pt>
                <c:pt idx="2766">
                  <c:v>20571.400000000001</c:v>
                </c:pt>
                <c:pt idx="2767">
                  <c:v>20502.900000000001</c:v>
                </c:pt>
                <c:pt idx="2768">
                  <c:v>20404.7</c:v>
                </c:pt>
                <c:pt idx="2769">
                  <c:v>20215.599999999999</c:v>
                </c:pt>
                <c:pt idx="2770">
                  <c:v>20188.2</c:v>
                </c:pt>
                <c:pt idx="2771">
                  <c:v>20122.7</c:v>
                </c:pt>
                <c:pt idx="2772">
                  <c:v>5651.42</c:v>
                </c:pt>
                <c:pt idx="2773">
                  <c:v>5058.9399999999996</c:v>
                </c:pt>
                <c:pt idx="2774">
                  <c:v>4595.93</c:v>
                </c:pt>
                <c:pt idx="2775">
                  <c:v>4327.4799999999996</c:v>
                </c:pt>
                <c:pt idx="2776">
                  <c:v>4064.24</c:v>
                </c:pt>
                <c:pt idx="2777">
                  <c:v>3866.87</c:v>
                </c:pt>
                <c:pt idx="2778">
                  <c:v>3719.57</c:v>
                </c:pt>
                <c:pt idx="2779">
                  <c:v>3579.48</c:v>
                </c:pt>
                <c:pt idx="2780">
                  <c:v>3482.74</c:v>
                </c:pt>
                <c:pt idx="2781">
                  <c:v>3400.68</c:v>
                </c:pt>
                <c:pt idx="2782">
                  <c:v>3327.12</c:v>
                </c:pt>
                <c:pt idx="2783">
                  <c:v>7002.39</c:v>
                </c:pt>
                <c:pt idx="2784">
                  <c:v>6379.41</c:v>
                </c:pt>
                <c:pt idx="2785">
                  <c:v>5976.22</c:v>
                </c:pt>
                <c:pt idx="2786">
                  <c:v>5733.43</c:v>
                </c:pt>
                <c:pt idx="2787">
                  <c:v>5543.7</c:v>
                </c:pt>
                <c:pt idx="2788">
                  <c:v>5319.11</c:v>
                </c:pt>
                <c:pt idx="2789">
                  <c:v>5193.49</c:v>
                </c:pt>
                <c:pt idx="2790">
                  <c:v>5042.45</c:v>
                </c:pt>
                <c:pt idx="2791">
                  <c:v>4950.37</c:v>
                </c:pt>
                <c:pt idx="2792">
                  <c:v>4845.46</c:v>
                </c:pt>
                <c:pt idx="2793">
                  <c:v>4811.28</c:v>
                </c:pt>
                <c:pt idx="2794">
                  <c:v>8214.94</c:v>
                </c:pt>
                <c:pt idx="2795">
                  <c:v>7883.41</c:v>
                </c:pt>
                <c:pt idx="2796">
                  <c:v>7480.13</c:v>
                </c:pt>
                <c:pt idx="2797">
                  <c:v>7124.6</c:v>
                </c:pt>
                <c:pt idx="2798">
                  <c:v>6902.58</c:v>
                </c:pt>
                <c:pt idx="2799">
                  <c:v>6804.21</c:v>
                </c:pt>
                <c:pt idx="2800">
                  <c:v>6710.38</c:v>
                </c:pt>
                <c:pt idx="2801">
                  <c:v>6519.58</c:v>
                </c:pt>
                <c:pt idx="2802">
                  <c:v>6402.73</c:v>
                </c:pt>
                <c:pt idx="2803">
                  <c:v>6353.16</c:v>
                </c:pt>
                <c:pt idx="2804">
                  <c:v>6287.66</c:v>
                </c:pt>
                <c:pt idx="2805">
                  <c:v>9941.81</c:v>
                </c:pt>
                <c:pt idx="2806">
                  <c:v>9197.68</c:v>
                </c:pt>
                <c:pt idx="2807">
                  <c:v>8943.27</c:v>
                </c:pt>
                <c:pt idx="2808">
                  <c:v>8552.11</c:v>
                </c:pt>
                <c:pt idx="2809">
                  <c:v>8314.89</c:v>
                </c:pt>
                <c:pt idx="2810">
                  <c:v>8278.3799999999992</c:v>
                </c:pt>
                <c:pt idx="2811">
                  <c:v>8114.31</c:v>
                </c:pt>
                <c:pt idx="2812">
                  <c:v>7998.96</c:v>
                </c:pt>
                <c:pt idx="2813">
                  <c:v>7852.98</c:v>
                </c:pt>
                <c:pt idx="2814">
                  <c:v>7821.97</c:v>
                </c:pt>
                <c:pt idx="2815">
                  <c:v>7768.18</c:v>
                </c:pt>
                <c:pt idx="2816">
                  <c:v>11792.8</c:v>
                </c:pt>
                <c:pt idx="2817">
                  <c:v>10963.5</c:v>
                </c:pt>
                <c:pt idx="2818">
                  <c:v>10511.5</c:v>
                </c:pt>
                <c:pt idx="2819">
                  <c:v>10242.9</c:v>
                </c:pt>
                <c:pt idx="2820">
                  <c:v>9950.89</c:v>
                </c:pt>
                <c:pt idx="2821">
                  <c:v>9731.3700000000008</c:v>
                </c:pt>
                <c:pt idx="2822">
                  <c:v>9600.89</c:v>
                </c:pt>
                <c:pt idx="2823">
                  <c:v>9477.59</c:v>
                </c:pt>
                <c:pt idx="2824">
                  <c:v>9372.2900000000009</c:v>
                </c:pt>
                <c:pt idx="2825">
                  <c:v>9351.94</c:v>
                </c:pt>
                <c:pt idx="2826">
                  <c:v>9255.5499999999993</c:v>
                </c:pt>
                <c:pt idx="2827">
                  <c:v>13400.7</c:v>
                </c:pt>
                <c:pt idx="2828">
                  <c:v>12647.8</c:v>
                </c:pt>
                <c:pt idx="2829">
                  <c:v>12108.9</c:v>
                </c:pt>
                <c:pt idx="2830">
                  <c:v>11674.4</c:v>
                </c:pt>
                <c:pt idx="2831">
                  <c:v>11480.5</c:v>
                </c:pt>
                <c:pt idx="2832">
                  <c:v>11288.4</c:v>
                </c:pt>
                <c:pt idx="2833">
                  <c:v>11157.6</c:v>
                </c:pt>
                <c:pt idx="2834">
                  <c:v>11029.8</c:v>
                </c:pt>
                <c:pt idx="2835">
                  <c:v>10988.8</c:v>
                </c:pt>
                <c:pt idx="2836">
                  <c:v>10871.1</c:v>
                </c:pt>
                <c:pt idx="2837">
                  <c:v>10767.6</c:v>
                </c:pt>
                <c:pt idx="2838">
                  <c:v>15014.6</c:v>
                </c:pt>
                <c:pt idx="2839">
                  <c:v>14157.2</c:v>
                </c:pt>
                <c:pt idx="2840">
                  <c:v>13661.2</c:v>
                </c:pt>
                <c:pt idx="2841">
                  <c:v>13417.4</c:v>
                </c:pt>
                <c:pt idx="2842">
                  <c:v>13121.6</c:v>
                </c:pt>
                <c:pt idx="2843">
                  <c:v>12931.1</c:v>
                </c:pt>
                <c:pt idx="2844">
                  <c:v>12700.2</c:v>
                </c:pt>
                <c:pt idx="2845">
                  <c:v>12551.3</c:v>
                </c:pt>
                <c:pt idx="2846">
                  <c:v>12567.3</c:v>
                </c:pt>
                <c:pt idx="2847">
                  <c:v>12395.4</c:v>
                </c:pt>
                <c:pt idx="2848">
                  <c:v>12330.6</c:v>
                </c:pt>
                <c:pt idx="2849">
                  <c:v>16610</c:v>
                </c:pt>
                <c:pt idx="2850">
                  <c:v>15692.9</c:v>
                </c:pt>
                <c:pt idx="2851">
                  <c:v>15310.4</c:v>
                </c:pt>
                <c:pt idx="2852">
                  <c:v>14796.2</c:v>
                </c:pt>
                <c:pt idx="2853">
                  <c:v>14544.4</c:v>
                </c:pt>
                <c:pt idx="2854">
                  <c:v>14479.1</c:v>
                </c:pt>
                <c:pt idx="2855">
                  <c:v>14267.8</c:v>
                </c:pt>
                <c:pt idx="2856">
                  <c:v>14106.9</c:v>
                </c:pt>
                <c:pt idx="2857">
                  <c:v>14061.2</c:v>
                </c:pt>
                <c:pt idx="2858">
                  <c:v>14022.6</c:v>
                </c:pt>
                <c:pt idx="2859">
                  <c:v>13868</c:v>
                </c:pt>
                <c:pt idx="2860">
                  <c:v>18126.7</c:v>
                </c:pt>
                <c:pt idx="2861">
                  <c:v>17199.8</c:v>
                </c:pt>
                <c:pt idx="2862">
                  <c:v>16864.599999999999</c:v>
                </c:pt>
                <c:pt idx="2863">
                  <c:v>16438.2</c:v>
                </c:pt>
                <c:pt idx="2864">
                  <c:v>16143.9</c:v>
                </c:pt>
                <c:pt idx="2865">
                  <c:v>15918.7</c:v>
                </c:pt>
                <c:pt idx="2866">
                  <c:v>15848.7</c:v>
                </c:pt>
                <c:pt idx="2867">
                  <c:v>15661.9</c:v>
                </c:pt>
                <c:pt idx="2868">
                  <c:v>15603.3</c:v>
                </c:pt>
                <c:pt idx="2869">
                  <c:v>15536.9</c:v>
                </c:pt>
                <c:pt idx="2870">
                  <c:v>15406.6</c:v>
                </c:pt>
                <c:pt idx="2871">
                  <c:v>19412.8</c:v>
                </c:pt>
                <c:pt idx="2872">
                  <c:v>18773.400000000001</c:v>
                </c:pt>
                <c:pt idx="2873">
                  <c:v>18293.400000000001</c:v>
                </c:pt>
                <c:pt idx="2874">
                  <c:v>17905</c:v>
                </c:pt>
                <c:pt idx="2875">
                  <c:v>17674.3</c:v>
                </c:pt>
                <c:pt idx="2876">
                  <c:v>17478.900000000001</c:v>
                </c:pt>
                <c:pt idx="2877">
                  <c:v>17385.599999999999</c:v>
                </c:pt>
                <c:pt idx="2878">
                  <c:v>17304.2</c:v>
                </c:pt>
                <c:pt idx="2879">
                  <c:v>17103.8</c:v>
                </c:pt>
                <c:pt idx="2880">
                  <c:v>17075.2</c:v>
                </c:pt>
                <c:pt idx="2881">
                  <c:v>17025.099999999999</c:v>
                </c:pt>
                <c:pt idx="2882">
                  <c:v>21131</c:v>
                </c:pt>
                <c:pt idx="2883">
                  <c:v>20433</c:v>
                </c:pt>
                <c:pt idx="2884">
                  <c:v>19825</c:v>
                </c:pt>
                <c:pt idx="2885">
                  <c:v>19577.900000000001</c:v>
                </c:pt>
                <c:pt idx="2886">
                  <c:v>19339.900000000001</c:v>
                </c:pt>
                <c:pt idx="2887">
                  <c:v>19064.2</c:v>
                </c:pt>
                <c:pt idx="2888">
                  <c:v>18887.099999999999</c:v>
                </c:pt>
                <c:pt idx="2889">
                  <c:v>18830.2</c:v>
                </c:pt>
                <c:pt idx="2890">
                  <c:v>18741</c:v>
                </c:pt>
                <c:pt idx="2891">
                  <c:v>18578.599999999999</c:v>
                </c:pt>
                <c:pt idx="2892">
                  <c:v>18599.3</c:v>
                </c:pt>
                <c:pt idx="2893">
                  <c:v>22749.9</c:v>
                </c:pt>
                <c:pt idx="2894">
                  <c:v>21995.8</c:v>
                </c:pt>
                <c:pt idx="2895">
                  <c:v>21385</c:v>
                </c:pt>
                <c:pt idx="2896">
                  <c:v>21062.400000000001</c:v>
                </c:pt>
                <c:pt idx="2897">
                  <c:v>20843.099999999999</c:v>
                </c:pt>
                <c:pt idx="2898">
                  <c:v>20571.400000000001</c:v>
                </c:pt>
                <c:pt idx="2899">
                  <c:v>20502.900000000001</c:v>
                </c:pt>
                <c:pt idx="2900">
                  <c:v>20404.7</c:v>
                </c:pt>
                <c:pt idx="2901">
                  <c:v>20215.599999999999</c:v>
                </c:pt>
                <c:pt idx="2902">
                  <c:v>20188.2</c:v>
                </c:pt>
                <c:pt idx="2903">
                  <c:v>20114.400000000001</c:v>
                </c:pt>
                <c:pt idx="2904">
                  <c:v>5651.42</c:v>
                </c:pt>
                <c:pt idx="2905">
                  <c:v>5058.9399999999996</c:v>
                </c:pt>
                <c:pt idx="2906">
                  <c:v>4595.93</c:v>
                </c:pt>
                <c:pt idx="2907">
                  <c:v>4327.4799999999996</c:v>
                </c:pt>
                <c:pt idx="2908">
                  <c:v>4064.24</c:v>
                </c:pt>
                <c:pt idx="2909">
                  <c:v>3866.87</c:v>
                </c:pt>
                <c:pt idx="2910">
                  <c:v>3719.57</c:v>
                </c:pt>
                <c:pt idx="2911">
                  <c:v>3579.48</c:v>
                </c:pt>
                <c:pt idx="2912">
                  <c:v>3482.74</c:v>
                </c:pt>
                <c:pt idx="2913">
                  <c:v>3400.66</c:v>
                </c:pt>
                <c:pt idx="2914">
                  <c:v>3326.31</c:v>
                </c:pt>
                <c:pt idx="2915">
                  <c:v>7002.39</c:v>
                </c:pt>
                <c:pt idx="2916">
                  <c:v>6379.41</c:v>
                </c:pt>
                <c:pt idx="2917">
                  <c:v>5976.22</c:v>
                </c:pt>
                <c:pt idx="2918">
                  <c:v>5733.43</c:v>
                </c:pt>
                <c:pt idx="2919">
                  <c:v>5543.7</c:v>
                </c:pt>
                <c:pt idx="2920">
                  <c:v>5319.11</c:v>
                </c:pt>
                <c:pt idx="2921">
                  <c:v>5193.49</c:v>
                </c:pt>
                <c:pt idx="2922">
                  <c:v>5042.45</c:v>
                </c:pt>
                <c:pt idx="2923">
                  <c:v>4950.37</c:v>
                </c:pt>
                <c:pt idx="2924">
                  <c:v>4845.46</c:v>
                </c:pt>
                <c:pt idx="2925">
                  <c:v>4762.13</c:v>
                </c:pt>
                <c:pt idx="2926">
                  <c:v>8214.94</c:v>
                </c:pt>
                <c:pt idx="2927">
                  <c:v>7883.41</c:v>
                </c:pt>
                <c:pt idx="2928">
                  <c:v>7480.13</c:v>
                </c:pt>
                <c:pt idx="2929">
                  <c:v>7124.6</c:v>
                </c:pt>
                <c:pt idx="2930">
                  <c:v>6902.58</c:v>
                </c:pt>
                <c:pt idx="2931">
                  <c:v>6804.21</c:v>
                </c:pt>
                <c:pt idx="2932">
                  <c:v>6710.38</c:v>
                </c:pt>
                <c:pt idx="2933">
                  <c:v>6519.58</c:v>
                </c:pt>
                <c:pt idx="2934">
                  <c:v>6402.73</c:v>
                </c:pt>
                <c:pt idx="2935">
                  <c:v>6353.16</c:v>
                </c:pt>
                <c:pt idx="2936">
                  <c:v>6287.66</c:v>
                </c:pt>
                <c:pt idx="2937">
                  <c:v>9941.81</c:v>
                </c:pt>
                <c:pt idx="2938">
                  <c:v>9197.68</c:v>
                </c:pt>
                <c:pt idx="2939">
                  <c:v>8943.27</c:v>
                </c:pt>
                <c:pt idx="2940">
                  <c:v>8552.11</c:v>
                </c:pt>
                <c:pt idx="2941">
                  <c:v>8314.89</c:v>
                </c:pt>
                <c:pt idx="2942">
                  <c:v>8278.3799999999992</c:v>
                </c:pt>
                <c:pt idx="2943">
                  <c:v>8106.21</c:v>
                </c:pt>
                <c:pt idx="2944">
                  <c:v>7997.65</c:v>
                </c:pt>
                <c:pt idx="2945">
                  <c:v>7852.98</c:v>
                </c:pt>
                <c:pt idx="2946">
                  <c:v>7820.83</c:v>
                </c:pt>
                <c:pt idx="2947">
                  <c:v>7768.18</c:v>
                </c:pt>
                <c:pt idx="2948">
                  <c:v>11792.8</c:v>
                </c:pt>
                <c:pt idx="2949">
                  <c:v>10963.5</c:v>
                </c:pt>
                <c:pt idx="2950">
                  <c:v>10511.5</c:v>
                </c:pt>
                <c:pt idx="2951">
                  <c:v>10242.9</c:v>
                </c:pt>
                <c:pt idx="2952">
                  <c:v>9950.89</c:v>
                </c:pt>
                <c:pt idx="2953">
                  <c:v>9731.3700000000008</c:v>
                </c:pt>
                <c:pt idx="2954">
                  <c:v>9600.89</c:v>
                </c:pt>
                <c:pt idx="2955">
                  <c:v>9477.59</c:v>
                </c:pt>
                <c:pt idx="2956">
                  <c:v>9372.2900000000009</c:v>
                </c:pt>
                <c:pt idx="2957">
                  <c:v>9351.94</c:v>
                </c:pt>
                <c:pt idx="2958">
                  <c:v>9255.5499999999993</c:v>
                </c:pt>
                <c:pt idx="2959">
                  <c:v>13400.7</c:v>
                </c:pt>
                <c:pt idx="2960">
                  <c:v>12647.8</c:v>
                </c:pt>
                <c:pt idx="2961">
                  <c:v>12108.9</c:v>
                </c:pt>
                <c:pt idx="2962">
                  <c:v>11674.4</c:v>
                </c:pt>
                <c:pt idx="2963">
                  <c:v>11476</c:v>
                </c:pt>
                <c:pt idx="2964">
                  <c:v>11279.3</c:v>
                </c:pt>
                <c:pt idx="2965">
                  <c:v>11149.7</c:v>
                </c:pt>
                <c:pt idx="2966">
                  <c:v>11022.7</c:v>
                </c:pt>
                <c:pt idx="2967">
                  <c:v>10990.9</c:v>
                </c:pt>
                <c:pt idx="2968">
                  <c:v>10873</c:v>
                </c:pt>
                <c:pt idx="2969">
                  <c:v>10769</c:v>
                </c:pt>
                <c:pt idx="2970">
                  <c:v>15014.6</c:v>
                </c:pt>
                <c:pt idx="2971">
                  <c:v>14157.2</c:v>
                </c:pt>
                <c:pt idx="2972">
                  <c:v>13661.2</c:v>
                </c:pt>
                <c:pt idx="2973">
                  <c:v>13417.4</c:v>
                </c:pt>
                <c:pt idx="2974">
                  <c:v>13121.6</c:v>
                </c:pt>
                <c:pt idx="2975">
                  <c:v>12931.1</c:v>
                </c:pt>
                <c:pt idx="2976">
                  <c:v>12700.2</c:v>
                </c:pt>
                <c:pt idx="2977">
                  <c:v>12551.3</c:v>
                </c:pt>
                <c:pt idx="2978">
                  <c:v>12567.3</c:v>
                </c:pt>
                <c:pt idx="2979">
                  <c:v>12395.4</c:v>
                </c:pt>
                <c:pt idx="2980">
                  <c:v>12330.6</c:v>
                </c:pt>
                <c:pt idx="2981">
                  <c:v>16610</c:v>
                </c:pt>
                <c:pt idx="2982">
                  <c:v>15692.9</c:v>
                </c:pt>
                <c:pt idx="2983">
                  <c:v>15310.4</c:v>
                </c:pt>
                <c:pt idx="2984">
                  <c:v>14796.2</c:v>
                </c:pt>
                <c:pt idx="2985">
                  <c:v>14544.4</c:v>
                </c:pt>
                <c:pt idx="2986">
                  <c:v>14479.1</c:v>
                </c:pt>
                <c:pt idx="2987">
                  <c:v>14267.8</c:v>
                </c:pt>
                <c:pt idx="2988">
                  <c:v>14106.9</c:v>
                </c:pt>
                <c:pt idx="2989">
                  <c:v>14061.2</c:v>
                </c:pt>
                <c:pt idx="2990">
                  <c:v>14022.6</c:v>
                </c:pt>
                <c:pt idx="2991">
                  <c:v>13868</c:v>
                </c:pt>
                <c:pt idx="2992">
                  <c:v>18126.7</c:v>
                </c:pt>
                <c:pt idx="2993">
                  <c:v>17199.8</c:v>
                </c:pt>
                <c:pt idx="2994">
                  <c:v>16864.599999999999</c:v>
                </c:pt>
                <c:pt idx="2995">
                  <c:v>16438.2</c:v>
                </c:pt>
                <c:pt idx="2996">
                  <c:v>16143.9</c:v>
                </c:pt>
                <c:pt idx="2997">
                  <c:v>15918.7</c:v>
                </c:pt>
                <c:pt idx="2998">
                  <c:v>15848.7</c:v>
                </c:pt>
                <c:pt idx="2999">
                  <c:v>15661.9</c:v>
                </c:pt>
                <c:pt idx="3000">
                  <c:v>15603.3</c:v>
                </c:pt>
                <c:pt idx="3001">
                  <c:v>15536.2</c:v>
                </c:pt>
                <c:pt idx="3002">
                  <c:v>15406.6</c:v>
                </c:pt>
                <c:pt idx="3003">
                  <c:v>19412.8</c:v>
                </c:pt>
                <c:pt idx="3004">
                  <c:v>18773.400000000001</c:v>
                </c:pt>
                <c:pt idx="3005">
                  <c:v>18293.400000000001</c:v>
                </c:pt>
                <c:pt idx="3006">
                  <c:v>17905</c:v>
                </c:pt>
                <c:pt idx="3007">
                  <c:v>17667.400000000001</c:v>
                </c:pt>
                <c:pt idx="3008">
                  <c:v>17473.400000000001</c:v>
                </c:pt>
                <c:pt idx="3009">
                  <c:v>17385.599999999999</c:v>
                </c:pt>
                <c:pt idx="3010">
                  <c:v>17304.2</c:v>
                </c:pt>
                <c:pt idx="3011">
                  <c:v>17103.8</c:v>
                </c:pt>
                <c:pt idx="3012">
                  <c:v>17075.2</c:v>
                </c:pt>
                <c:pt idx="3013">
                  <c:v>17025.099999999999</c:v>
                </c:pt>
                <c:pt idx="3014">
                  <c:v>21131</c:v>
                </c:pt>
                <c:pt idx="3015">
                  <c:v>20433</c:v>
                </c:pt>
                <c:pt idx="3016">
                  <c:v>19825</c:v>
                </c:pt>
                <c:pt idx="3017">
                  <c:v>19577.900000000001</c:v>
                </c:pt>
                <c:pt idx="3018">
                  <c:v>19339.900000000001</c:v>
                </c:pt>
                <c:pt idx="3019">
                  <c:v>19064.2</c:v>
                </c:pt>
                <c:pt idx="3020">
                  <c:v>18887.099999999999</c:v>
                </c:pt>
                <c:pt idx="3021">
                  <c:v>18830.2</c:v>
                </c:pt>
                <c:pt idx="3022">
                  <c:v>18741</c:v>
                </c:pt>
                <c:pt idx="3023">
                  <c:v>18578.599999999999</c:v>
                </c:pt>
                <c:pt idx="3024">
                  <c:v>18570.900000000001</c:v>
                </c:pt>
                <c:pt idx="3025">
                  <c:v>22749.9</c:v>
                </c:pt>
                <c:pt idx="3026">
                  <c:v>21995.8</c:v>
                </c:pt>
                <c:pt idx="3027">
                  <c:v>21385</c:v>
                </c:pt>
                <c:pt idx="3028">
                  <c:v>21062.400000000001</c:v>
                </c:pt>
                <c:pt idx="3029">
                  <c:v>20843.099999999999</c:v>
                </c:pt>
                <c:pt idx="3030">
                  <c:v>20571.400000000001</c:v>
                </c:pt>
                <c:pt idx="3031">
                  <c:v>20502.900000000001</c:v>
                </c:pt>
                <c:pt idx="3032">
                  <c:v>20404.7</c:v>
                </c:pt>
                <c:pt idx="3033">
                  <c:v>20215.599999999999</c:v>
                </c:pt>
                <c:pt idx="3034">
                  <c:v>20188.2</c:v>
                </c:pt>
                <c:pt idx="3035">
                  <c:v>20108.2</c:v>
                </c:pt>
                <c:pt idx="3036">
                  <c:v>5651.42</c:v>
                </c:pt>
                <c:pt idx="3037">
                  <c:v>5058.9399999999996</c:v>
                </c:pt>
                <c:pt idx="3038">
                  <c:v>4595.93</c:v>
                </c:pt>
                <c:pt idx="3039">
                  <c:v>4327.4799999999996</c:v>
                </c:pt>
                <c:pt idx="3040">
                  <c:v>4064.24</c:v>
                </c:pt>
                <c:pt idx="3041">
                  <c:v>3866.87</c:v>
                </c:pt>
                <c:pt idx="3042">
                  <c:v>3719.57</c:v>
                </c:pt>
                <c:pt idx="3043">
                  <c:v>3579.48</c:v>
                </c:pt>
                <c:pt idx="3044">
                  <c:v>3482.74</c:v>
                </c:pt>
                <c:pt idx="3045">
                  <c:v>3400.66</c:v>
                </c:pt>
                <c:pt idx="3046">
                  <c:v>3326.31</c:v>
                </c:pt>
                <c:pt idx="3047">
                  <c:v>7002.39</c:v>
                </c:pt>
                <c:pt idx="3048">
                  <c:v>6379.41</c:v>
                </c:pt>
                <c:pt idx="3049">
                  <c:v>5976.22</c:v>
                </c:pt>
                <c:pt idx="3050">
                  <c:v>5733.43</c:v>
                </c:pt>
                <c:pt idx="3051">
                  <c:v>5543.7</c:v>
                </c:pt>
                <c:pt idx="3052">
                  <c:v>5319.11</c:v>
                </c:pt>
                <c:pt idx="3053">
                  <c:v>5193.49</c:v>
                </c:pt>
                <c:pt idx="3054">
                  <c:v>5042.45</c:v>
                </c:pt>
                <c:pt idx="3055">
                  <c:v>4950.37</c:v>
                </c:pt>
                <c:pt idx="3056">
                  <c:v>4845.46</c:v>
                </c:pt>
                <c:pt idx="3057">
                  <c:v>4762.13</c:v>
                </c:pt>
                <c:pt idx="3058">
                  <c:v>8214.94</c:v>
                </c:pt>
                <c:pt idx="3059">
                  <c:v>7883.41</c:v>
                </c:pt>
                <c:pt idx="3060">
                  <c:v>7480.13</c:v>
                </c:pt>
                <c:pt idx="3061">
                  <c:v>7124.6</c:v>
                </c:pt>
                <c:pt idx="3062">
                  <c:v>6902.58</c:v>
                </c:pt>
                <c:pt idx="3063">
                  <c:v>6804.21</c:v>
                </c:pt>
                <c:pt idx="3064">
                  <c:v>6710.38</c:v>
                </c:pt>
                <c:pt idx="3065">
                  <c:v>6519.58</c:v>
                </c:pt>
                <c:pt idx="3066">
                  <c:v>6402.73</c:v>
                </c:pt>
                <c:pt idx="3067">
                  <c:v>6353.16</c:v>
                </c:pt>
                <c:pt idx="3068">
                  <c:v>6287.66</c:v>
                </c:pt>
                <c:pt idx="3069">
                  <c:v>9941.81</c:v>
                </c:pt>
                <c:pt idx="3070">
                  <c:v>9197.68</c:v>
                </c:pt>
                <c:pt idx="3071">
                  <c:v>8943.27</c:v>
                </c:pt>
                <c:pt idx="3072">
                  <c:v>8552.11</c:v>
                </c:pt>
                <c:pt idx="3073">
                  <c:v>8314.89</c:v>
                </c:pt>
                <c:pt idx="3074">
                  <c:v>8278.3799999999992</c:v>
                </c:pt>
                <c:pt idx="3075">
                  <c:v>8106.21</c:v>
                </c:pt>
                <c:pt idx="3076">
                  <c:v>7997.09</c:v>
                </c:pt>
                <c:pt idx="3077">
                  <c:v>7852.98</c:v>
                </c:pt>
                <c:pt idx="3078">
                  <c:v>7820.83</c:v>
                </c:pt>
                <c:pt idx="3079">
                  <c:v>7768.18</c:v>
                </c:pt>
                <c:pt idx="3080">
                  <c:v>11792.8</c:v>
                </c:pt>
                <c:pt idx="3081">
                  <c:v>10963.5</c:v>
                </c:pt>
                <c:pt idx="3082">
                  <c:v>10511.5</c:v>
                </c:pt>
                <c:pt idx="3083">
                  <c:v>10242.9</c:v>
                </c:pt>
                <c:pt idx="3084">
                  <c:v>9950.89</c:v>
                </c:pt>
                <c:pt idx="3085">
                  <c:v>9731.3700000000008</c:v>
                </c:pt>
                <c:pt idx="3086">
                  <c:v>9600.89</c:v>
                </c:pt>
                <c:pt idx="3087">
                  <c:v>9477.59</c:v>
                </c:pt>
                <c:pt idx="3088">
                  <c:v>9372.2900000000009</c:v>
                </c:pt>
                <c:pt idx="3089">
                  <c:v>9351.94</c:v>
                </c:pt>
                <c:pt idx="3090">
                  <c:v>9255.5499999999993</c:v>
                </c:pt>
                <c:pt idx="3091">
                  <c:v>13400.7</c:v>
                </c:pt>
                <c:pt idx="3092">
                  <c:v>12647.8</c:v>
                </c:pt>
                <c:pt idx="3093">
                  <c:v>12108.9</c:v>
                </c:pt>
                <c:pt idx="3094">
                  <c:v>11674.4</c:v>
                </c:pt>
                <c:pt idx="3095">
                  <c:v>11476</c:v>
                </c:pt>
                <c:pt idx="3096">
                  <c:v>11279.3</c:v>
                </c:pt>
                <c:pt idx="3097">
                  <c:v>11149.7</c:v>
                </c:pt>
                <c:pt idx="3098">
                  <c:v>11022.7</c:v>
                </c:pt>
                <c:pt idx="3099">
                  <c:v>10990.9</c:v>
                </c:pt>
                <c:pt idx="3100">
                  <c:v>10873</c:v>
                </c:pt>
                <c:pt idx="3101">
                  <c:v>10769</c:v>
                </c:pt>
                <c:pt idx="3102">
                  <c:v>15014.6</c:v>
                </c:pt>
                <c:pt idx="3103">
                  <c:v>14157.2</c:v>
                </c:pt>
                <c:pt idx="3104">
                  <c:v>13661.2</c:v>
                </c:pt>
                <c:pt idx="3105">
                  <c:v>13417.4</c:v>
                </c:pt>
                <c:pt idx="3106">
                  <c:v>13121.6</c:v>
                </c:pt>
                <c:pt idx="3107">
                  <c:v>12931.1</c:v>
                </c:pt>
                <c:pt idx="3108">
                  <c:v>12700.2</c:v>
                </c:pt>
                <c:pt idx="3109">
                  <c:v>12551.3</c:v>
                </c:pt>
                <c:pt idx="3110">
                  <c:v>12567.3</c:v>
                </c:pt>
                <c:pt idx="3111">
                  <c:v>12395.4</c:v>
                </c:pt>
                <c:pt idx="3112">
                  <c:v>12330.6</c:v>
                </c:pt>
                <c:pt idx="3113">
                  <c:v>16610</c:v>
                </c:pt>
                <c:pt idx="3114">
                  <c:v>15692.9</c:v>
                </c:pt>
                <c:pt idx="3115">
                  <c:v>15310.4</c:v>
                </c:pt>
                <c:pt idx="3116">
                  <c:v>14796.2</c:v>
                </c:pt>
                <c:pt idx="3117">
                  <c:v>14544.4</c:v>
                </c:pt>
                <c:pt idx="3118">
                  <c:v>14479.1</c:v>
                </c:pt>
                <c:pt idx="3119">
                  <c:v>14267.8</c:v>
                </c:pt>
                <c:pt idx="3120">
                  <c:v>14106.9</c:v>
                </c:pt>
                <c:pt idx="3121">
                  <c:v>14061.2</c:v>
                </c:pt>
                <c:pt idx="3122">
                  <c:v>14022.6</c:v>
                </c:pt>
                <c:pt idx="3123">
                  <c:v>13868</c:v>
                </c:pt>
                <c:pt idx="3124">
                  <c:v>18126.7</c:v>
                </c:pt>
                <c:pt idx="3125">
                  <c:v>17199.8</c:v>
                </c:pt>
                <c:pt idx="3126">
                  <c:v>16864.599999999999</c:v>
                </c:pt>
                <c:pt idx="3127">
                  <c:v>16438.2</c:v>
                </c:pt>
                <c:pt idx="3128">
                  <c:v>16143.9</c:v>
                </c:pt>
                <c:pt idx="3129">
                  <c:v>15918.7</c:v>
                </c:pt>
                <c:pt idx="3130">
                  <c:v>15848.7</c:v>
                </c:pt>
                <c:pt idx="3131">
                  <c:v>15661.9</c:v>
                </c:pt>
                <c:pt idx="3132">
                  <c:v>15603.3</c:v>
                </c:pt>
                <c:pt idx="3133">
                  <c:v>15536.2</c:v>
                </c:pt>
                <c:pt idx="3134">
                  <c:v>15406.6</c:v>
                </c:pt>
                <c:pt idx="3135">
                  <c:v>19412.8</c:v>
                </c:pt>
                <c:pt idx="3136">
                  <c:v>18773.400000000001</c:v>
                </c:pt>
                <c:pt idx="3137">
                  <c:v>18293.400000000001</c:v>
                </c:pt>
                <c:pt idx="3138">
                  <c:v>17905</c:v>
                </c:pt>
                <c:pt idx="3139">
                  <c:v>17667.400000000001</c:v>
                </c:pt>
                <c:pt idx="3140">
                  <c:v>17473.400000000001</c:v>
                </c:pt>
                <c:pt idx="3141">
                  <c:v>17385.599999999999</c:v>
                </c:pt>
                <c:pt idx="3142">
                  <c:v>17304.2</c:v>
                </c:pt>
                <c:pt idx="3143">
                  <c:v>17103.8</c:v>
                </c:pt>
                <c:pt idx="3144">
                  <c:v>17075.2</c:v>
                </c:pt>
                <c:pt idx="3145">
                  <c:v>17025.099999999999</c:v>
                </c:pt>
                <c:pt idx="3146">
                  <c:v>21131</c:v>
                </c:pt>
                <c:pt idx="3147">
                  <c:v>20433</c:v>
                </c:pt>
                <c:pt idx="3148">
                  <c:v>19825</c:v>
                </c:pt>
                <c:pt idx="3149">
                  <c:v>19577.900000000001</c:v>
                </c:pt>
                <c:pt idx="3150">
                  <c:v>19339.900000000001</c:v>
                </c:pt>
                <c:pt idx="3151">
                  <c:v>19064.2</c:v>
                </c:pt>
                <c:pt idx="3152">
                  <c:v>18887.099999999999</c:v>
                </c:pt>
                <c:pt idx="3153">
                  <c:v>18830.2</c:v>
                </c:pt>
                <c:pt idx="3154">
                  <c:v>18741</c:v>
                </c:pt>
                <c:pt idx="3155">
                  <c:v>18578.599999999999</c:v>
                </c:pt>
                <c:pt idx="3156">
                  <c:v>18570.900000000001</c:v>
                </c:pt>
                <c:pt idx="3157">
                  <c:v>22749.9</c:v>
                </c:pt>
                <c:pt idx="3158">
                  <c:v>21995.8</c:v>
                </c:pt>
                <c:pt idx="3159">
                  <c:v>21385</c:v>
                </c:pt>
                <c:pt idx="3160">
                  <c:v>21062.400000000001</c:v>
                </c:pt>
                <c:pt idx="3161">
                  <c:v>20843.099999999999</c:v>
                </c:pt>
                <c:pt idx="3162">
                  <c:v>20571.400000000001</c:v>
                </c:pt>
                <c:pt idx="3163">
                  <c:v>20502.900000000001</c:v>
                </c:pt>
                <c:pt idx="3164">
                  <c:v>20404.7</c:v>
                </c:pt>
                <c:pt idx="3165">
                  <c:v>20215.599999999999</c:v>
                </c:pt>
                <c:pt idx="3166">
                  <c:v>20188.2</c:v>
                </c:pt>
                <c:pt idx="3167">
                  <c:v>20108.2</c:v>
                </c:pt>
                <c:pt idx="3168">
                  <c:v>5790.5</c:v>
                </c:pt>
                <c:pt idx="3169">
                  <c:v>5212.78</c:v>
                </c:pt>
                <c:pt idx="3170">
                  <c:v>4960.6000000000004</c:v>
                </c:pt>
                <c:pt idx="3171">
                  <c:v>4742.78</c:v>
                </c:pt>
                <c:pt idx="3172">
                  <c:v>4604.29</c:v>
                </c:pt>
                <c:pt idx="3173">
                  <c:v>4518.6400000000003</c:v>
                </c:pt>
                <c:pt idx="3174">
                  <c:v>4479.9399999999996</c:v>
                </c:pt>
                <c:pt idx="3175">
                  <c:v>4286.47</c:v>
                </c:pt>
                <c:pt idx="3176">
                  <c:v>4351.3</c:v>
                </c:pt>
                <c:pt idx="3177">
                  <c:v>4222.3999999999996</c:v>
                </c:pt>
                <c:pt idx="3178">
                  <c:v>4165.5200000000004</c:v>
                </c:pt>
                <c:pt idx="3179">
                  <c:v>6839.5</c:v>
                </c:pt>
                <c:pt idx="3180">
                  <c:v>6336.96</c:v>
                </c:pt>
                <c:pt idx="3181">
                  <c:v>6106.33</c:v>
                </c:pt>
                <c:pt idx="3182">
                  <c:v>5992.8</c:v>
                </c:pt>
                <c:pt idx="3183">
                  <c:v>5747.29</c:v>
                </c:pt>
                <c:pt idx="3184">
                  <c:v>5716.52</c:v>
                </c:pt>
                <c:pt idx="3185">
                  <c:v>5596.44</c:v>
                </c:pt>
                <c:pt idx="3186">
                  <c:v>5526.72</c:v>
                </c:pt>
                <c:pt idx="3187">
                  <c:v>5418.86</c:v>
                </c:pt>
                <c:pt idx="3188">
                  <c:v>5348.39</c:v>
                </c:pt>
                <c:pt idx="3189">
                  <c:v>5398.88</c:v>
                </c:pt>
                <c:pt idx="3190">
                  <c:v>8203.69</c:v>
                </c:pt>
                <c:pt idx="3191">
                  <c:v>7906.16</c:v>
                </c:pt>
                <c:pt idx="3192">
                  <c:v>7347.79</c:v>
                </c:pt>
                <c:pt idx="3193">
                  <c:v>7131.17</c:v>
                </c:pt>
                <c:pt idx="3194">
                  <c:v>6952.36</c:v>
                </c:pt>
                <c:pt idx="3195">
                  <c:v>6830.05</c:v>
                </c:pt>
                <c:pt idx="3196">
                  <c:v>6911.02</c:v>
                </c:pt>
                <c:pt idx="3197">
                  <c:v>6642.38</c:v>
                </c:pt>
                <c:pt idx="3198">
                  <c:v>6675.21</c:v>
                </c:pt>
                <c:pt idx="3199">
                  <c:v>6665.95</c:v>
                </c:pt>
                <c:pt idx="3200">
                  <c:v>6588.15</c:v>
                </c:pt>
                <c:pt idx="3201">
                  <c:v>10637.9</c:v>
                </c:pt>
                <c:pt idx="3202">
                  <c:v>9722.92</c:v>
                </c:pt>
                <c:pt idx="3203">
                  <c:v>9386.94</c:v>
                </c:pt>
                <c:pt idx="3204">
                  <c:v>8862.7199999999993</c:v>
                </c:pt>
                <c:pt idx="3205">
                  <c:v>8786.5499999999993</c:v>
                </c:pt>
                <c:pt idx="3206">
                  <c:v>8674.18</c:v>
                </c:pt>
                <c:pt idx="3207">
                  <c:v>8230.57</c:v>
                </c:pt>
                <c:pt idx="3208">
                  <c:v>8333.27</c:v>
                </c:pt>
                <c:pt idx="3209">
                  <c:v>8183.59</c:v>
                </c:pt>
                <c:pt idx="3210">
                  <c:v>8055.64</c:v>
                </c:pt>
                <c:pt idx="3211">
                  <c:v>7944.38</c:v>
                </c:pt>
                <c:pt idx="3212">
                  <c:v>12059.7</c:v>
                </c:pt>
                <c:pt idx="3213">
                  <c:v>11111.4</c:v>
                </c:pt>
                <c:pt idx="3214">
                  <c:v>10536.6</c:v>
                </c:pt>
                <c:pt idx="3215">
                  <c:v>10296.700000000001</c:v>
                </c:pt>
                <c:pt idx="3216">
                  <c:v>10266.799999999999</c:v>
                </c:pt>
                <c:pt idx="3217">
                  <c:v>10144.5</c:v>
                </c:pt>
                <c:pt idx="3218">
                  <c:v>9941.25</c:v>
                </c:pt>
                <c:pt idx="3219">
                  <c:v>9776.5300000000007</c:v>
                </c:pt>
                <c:pt idx="3220">
                  <c:v>9639.23</c:v>
                </c:pt>
                <c:pt idx="3221">
                  <c:v>9779.67</c:v>
                </c:pt>
                <c:pt idx="3222">
                  <c:v>9762.02</c:v>
                </c:pt>
                <c:pt idx="3223">
                  <c:v>13613.8</c:v>
                </c:pt>
                <c:pt idx="3224">
                  <c:v>12749.6</c:v>
                </c:pt>
                <c:pt idx="3225">
                  <c:v>12292.3</c:v>
                </c:pt>
                <c:pt idx="3226">
                  <c:v>11941.5</c:v>
                </c:pt>
                <c:pt idx="3227">
                  <c:v>11882.8</c:v>
                </c:pt>
                <c:pt idx="3228">
                  <c:v>11729.4</c:v>
                </c:pt>
                <c:pt idx="3229">
                  <c:v>11494</c:v>
                </c:pt>
                <c:pt idx="3230">
                  <c:v>11638.3</c:v>
                </c:pt>
                <c:pt idx="3231">
                  <c:v>11456.4</c:v>
                </c:pt>
                <c:pt idx="3232">
                  <c:v>11302.7</c:v>
                </c:pt>
                <c:pt idx="3233">
                  <c:v>11170.4</c:v>
                </c:pt>
                <c:pt idx="3234">
                  <c:v>15170</c:v>
                </c:pt>
                <c:pt idx="3235">
                  <c:v>14151.7</c:v>
                </c:pt>
                <c:pt idx="3236">
                  <c:v>13520.4</c:v>
                </c:pt>
                <c:pt idx="3237">
                  <c:v>13271</c:v>
                </c:pt>
                <c:pt idx="3238">
                  <c:v>13626.6</c:v>
                </c:pt>
                <c:pt idx="3239">
                  <c:v>13202.5</c:v>
                </c:pt>
                <c:pt idx="3240">
                  <c:v>13336</c:v>
                </c:pt>
                <c:pt idx="3241">
                  <c:v>13116.8</c:v>
                </c:pt>
                <c:pt idx="3242">
                  <c:v>12937.3</c:v>
                </c:pt>
                <c:pt idx="3243">
                  <c:v>12787.1</c:v>
                </c:pt>
                <c:pt idx="3244">
                  <c:v>12773.8</c:v>
                </c:pt>
                <c:pt idx="3245">
                  <c:v>16514.900000000001</c:v>
                </c:pt>
                <c:pt idx="3246">
                  <c:v>15774.7</c:v>
                </c:pt>
                <c:pt idx="3247">
                  <c:v>15167.9</c:v>
                </c:pt>
                <c:pt idx="3248">
                  <c:v>14948.4</c:v>
                </c:pt>
                <c:pt idx="3249">
                  <c:v>15026</c:v>
                </c:pt>
                <c:pt idx="3250">
                  <c:v>14872.6</c:v>
                </c:pt>
                <c:pt idx="3251">
                  <c:v>14641.6</c:v>
                </c:pt>
                <c:pt idx="3252">
                  <c:v>14459.6</c:v>
                </c:pt>
                <c:pt idx="3253">
                  <c:v>14459.2</c:v>
                </c:pt>
                <c:pt idx="3254">
                  <c:v>14463.5</c:v>
                </c:pt>
                <c:pt idx="3255">
                  <c:v>14308.2</c:v>
                </c:pt>
                <c:pt idx="3256">
                  <c:v>18205.099999999999</c:v>
                </c:pt>
                <c:pt idx="3257">
                  <c:v>17474.5</c:v>
                </c:pt>
                <c:pt idx="3258">
                  <c:v>16928.8</c:v>
                </c:pt>
                <c:pt idx="3259">
                  <c:v>16386.8</c:v>
                </c:pt>
                <c:pt idx="3260">
                  <c:v>16592.599999999999</c:v>
                </c:pt>
                <c:pt idx="3261">
                  <c:v>16409.8</c:v>
                </c:pt>
                <c:pt idx="3262">
                  <c:v>16197.9</c:v>
                </c:pt>
                <c:pt idx="3263">
                  <c:v>16026.1</c:v>
                </c:pt>
                <c:pt idx="3264">
                  <c:v>16113.1</c:v>
                </c:pt>
                <c:pt idx="3265">
                  <c:v>15980.7</c:v>
                </c:pt>
                <c:pt idx="3266">
                  <c:v>15848.4</c:v>
                </c:pt>
                <c:pt idx="3267">
                  <c:v>19648.8</c:v>
                </c:pt>
                <c:pt idx="3268">
                  <c:v>19004.8</c:v>
                </c:pt>
                <c:pt idx="3269">
                  <c:v>18306</c:v>
                </c:pt>
                <c:pt idx="3270">
                  <c:v>17972.8</c:v>
                </c:pt>
                <c:pt idx="3271">
                  <c:v>18251</c:v>
                </c:pt>
                <c:pt idx="3272">
                  <c:v>17896.900000000001</c:v>
                </c:pt>
                <c:pt idx="3273">
                  <c:v>17718.400000000001</c:v>
                </c:pt>
                <c:pt idx="3274">
                  <c:v>17534.7</c:v>
                </c:pt>
                <c:pt idx="3275">
                  <c:v>17589.599999999999</c:v>
                </c:pt>
                <c:pt idx="3276">
                  <c:v>17474.599999999999</c:v>
                </c:pt>
                <c:pt idx="3277">
                  <c:v>17387.2</c:v>
                </c:pt>
                <c:pt idx="3278">
                  <c:v>21074</c:v>
                </c:pt>
                <c:pt idx="3279">
                  <c:v>20651.2</c:v>
                </c:pt>
                <c:pt idx="3280">
                  <c:v>19870.2</c:v>
                </c:pt>
                <c:pt idx="3281">
                  <c:v>19512.599999999999</c:v>
                </c:pt>
                <c:pt idx="3282">
                  <c:v>19632</c:v>
                </c:pt>
                <c:pt idx="3283">
                  <c:v>19361.8</c:v>
                </c:pt>
                <c:pt idx="3284">
                  <c:v>19253.7</c:v>
                </c:pt>
                <c:pt idx="3285">
                  <c:v>19388.3</c:v>
                </c:pt>
                <c:pt idx="3286">
                  <c:v>18975</c:v>
                </c:pt>
                <c:pt idx="3287">
                  <c:v>19103</c:v>
                </c:pt>
                <c:pt idx="3288">
                  <c:v>18955.7</c:v>
                </c:pt>
                <c:pt idx="3289">
                  <c:v>23184.3</c:v>
                </c:pt>
                <c:pt idx="3290">
                  <c:v>22048.6</c:v>
                </c:pt>
                <c:pt idx="3291">
                  <c:v>21502.3</c:v>
                </c:pt>
                <c:pt idx="3292">
                  <c:v>21093.8</c:v>
                </c:pt>
                <c:pt idx="3293">
                  <c:v>21321.7</c:v>
                </c:pt>
                <c:pt idx="3294">
                  <c:v>20940.900000000001</c:v>
                </c:pt>
                <c:pt idx="3295">
                  <c:v>20807.2</c:v>
                </c:pt>
                <c:pt idx="3296">
                  <c:v>20736.3</c:v>
                </c:pt>
                <c:pt idx="3297">
                  <c:v>20729.099999999999</c:v>
                </c:pt>
                <c:pt idx="3298">
                  <c:v>20560.400000000001</c:v>
                </c:pt>
                <c:pt idx="3299">
                  <c:v>20765.2</c:v>
                </c:pt>
                <c:pt idx="3300">
                  <c:v>5615.34</c:v>
                </c:pt>
                <c:pt idx="3301">
                  <c:v>5107.88</c:v>
                </c:pt>
                <c:pt idx="3302">
                  <c:v>4817.3</c:v>
                </c:pt>
                <c:pt idx="3303">
                  <c:v>4546.18</c:v>
                </c:pt>
                <c:pt idx="3304">
                  <c:v>4365.3599999999997</c:v>
                </c:pt>
                <c:pt idx="3305">
                  <c:v>4253.47</c:v>
                </c:pt>
                <c:pt idx="3306">
                  <c:v>4158.7</c:v>
                </c:pt>
                <c:pt idx="3307">
                  <c:v>4076.8</c:v>
                </c:pt>
                <c:pt idx="3308">
                  <c:v>4062.52</c:v>
                </c:pt>
                <c:pt idx="3309">
                  <c:v>3996.88</c:v>
                </c:pt>
                <c:pt idx="3310">
                  <c:v>3950.3</c:v>
                </c:pt>
                <c:pt idx="3311">
                  <c:v>6839.5</c:v>
                </c:pt>
                <c:pt idx="3312">
                  <c:v>6336.96</c:v>
                </c:pt>
                <c:pt idx="3313">
                  <c:v>6024.89</c:v>
                </c:pt>
                <c:pt idx="3314">
                  <c:v>5744.2</c:v>
                </c:pt>
                <c:pt idx="3315">
                  <c:v>5679.45</c:v>
                </c:pt>
                <c:pt idx="3316">
                  <c:v>5498.45</c:v>
                </c:pt>
                <c:pt idx="3317">
                  <c:v>5452.52</c:v>
                </c:pt>
                <c:pt idx="3318">
                  <c:v>5340.95</c:v>
                </c:pt>
                <c:pt idx="3319">
                  <c:v>5262.89</c:v>
                </c:pt>
                <c:pt idx="3320">
                  <c:v>5255.98</c:v>
                </c:pt>
                <c:pt idx="3321">
                  <c:v>5123.5200000000004</c:v>
                </c:pt>
                <c:pt idx="3322">
                  <c:v>8203.69</c:v>
                </c:pt>
                <c:pt idx="3323">
                  <c:v>7906.16</c:v>
                </c:pt>
                <c:pt idx="3324">
                  <c:v>7347.79</c:v>
                </c:pt>
                <c:pt idx="3325">
                  <c:v>7131.17</c:v>
                </c:pt>
                <c:pt idx="3326">
                  <c:v>6925.05</c:v>
                </c:pt>
                <c:pt idx="3327">
                  <c:v>6830.05</c:v>
                </c:pt>
                <c:pt idx="3328">
                  <c:v>6808.89</c:v>
                </c:pt>
                <c:pt idx="3329">
                  <c:v>6569.94</c:v>
                </c:pt>
                <c:pt idx="3330">
                  <c:v>6636.25</c:v>
                </c:pt>
                <c:pt idx="3331">
                  <c:v>6526.82</c:v>
                </c:pt>
                <c:pt idx="3332">
                  <c:v>6509.71</c:v>
                </c:pt>
                <c:pt idx="3333">
                  <c:v>10637.9</c:v>
                </c:pt>
                <c:pt idx="3334">
                  <c:v>9508.4599999999991</c:v>
                </c:pt>
                <c:pt idx="3335">
                  <c:v>9386.94</c:v>
                </c:pt>
                <c:pt idx="3336">
                  <c:v>8862.7199999999993</c:v>
                </c:pt>
                <c:pt idx="3337">
                  <c:v>8651.44</c:v>
                </c:pt>
                <c:pt idx="3338">
                  <c:v>8269.2000000000007</c:v>
                </c:pt>
                <c:pt idx="3339">
                  <c:v>8458.9699999999993</c:v>
                </c:pt>
                <c:pt idx="3340">
                  <c:v>8056.49</c:v>
                </c:pt>
                <c:pt idx="3341">
                  <c:v>7929.08</c:v>
                </c:pt>
                <c:pt idx="3342">
                  <c:v>8058.15</c:v>
                </c:pt>
                <c:pt idx="3343">
                  <c:v>7946.56</c:v>
                </c:pt>
                <c:pt idx="3344">
                  <c:v>12059.7</c:v>
                </c:pt>
                <c:pt idx="3345">
                  <c:v>10832.1</c:v>
                </c:pt>
                <c:pt idx="3346">
                  <c:v>10536.6</c:v>
                </c:pt>
                <c:pt idx="3347">
                  <c:v>10296.700000000001</c:v>
                </c:pt>
                <c:pt idx="3348">
                  <c:v>10240.700000000001</c:v>
                </c:pt>
                <c:pt idx="3349">
                  <c:v>10017</c:v>
                </c:pt>
                <c:pt idx="3350">
                  <c:v>9928.25</c:v>
                </c:pt>
                <c:pt idx="3351">
                  <c:v>9759.41</c:v>
                </c:pt>
                <c:pt idx="3352">
                  <c:v>9619.2800000000007</c:v>
                </c:pt>
                <c:pt idx="3353">
                  <c:v>9500.24</c:v>
                </c:pt>
                <c:pt idx="3354">
                  <c:v>9397.17</c:v>
                </c:pt>
                <c:pt idx="3355">
                  <c:v>13518.9</c:v>
                </c:pt>
                <c:pt idx="3356">
                  <c:v>12706.3</c:v>
                </c:pt>
                <c:pt idx="3357">
                  <c:v>12292.3</c:v>
                </c:pt>
                <c:pt idx="3358">
                  <c:v>11615.5</c:v>
                </c:pt>
                <c:pt idx="3359">
                  <c:v>11697.1</c:v>
                </c:pt>
                <c:pt idx="3360">
                  <c:v>11729.4</c:v>
                </c:pt>
                <c:pt idx="3361">
                  <c:v>11494</c:v>
                </c:pt>
                <c:pt idx="3362">
                  <c:v>11306.3</c:v>
                </c:pt>
                <c:pt idx="3363">
                  <c:v>11151.2</c:v>
                </c:pt>
                <c:pt idx="3364">
                  <c:v>11302.7</c:v>
                </c:pt>
                <c:pt idx="3365">
                  <c:v>11170.4</c:v>
                </c:pt>
                <c:pt idx="3366">
                  <c:v>15127.2</c:v>
                </c:pt>
                <c:pt idx="3367">
                  <c:v>14126.8</c:v>
                </c:pt>
                <c:pt idx="3368">
                  <c:v>13520.4</c:v>
                </c:pt>
                <c:pt idx="3369">
                  <c:v>13141.1</c:v>
                </c:pt>
                <c:pt idx="3370">
                  <c:v>13250.2</c:v>
                </c:pt>
                <c:pt idx="3371">
                  <c:v>13202.5</c:v>
                </c:pt>
                <c:pt idx="3372">
                  <c:v>12961.6</c:v>
                </c:pt>
                <c:pt idx="3373">
                  <c:v>12742.1</c:v>
                </c:pt>
                <c:pt idx="3374">
                  <c:v>12745.3</c:v>
                </c:pt>
                <c:pt idx="3375">
                  <c:v>12763.4</c:v>
                </c:pt>
                <c:pt idx="3376">
                  <c:v>12766.2</c:v>
                </c:pt>
                <c:pt idx="3377">
                  <c:v>16514.900000000001</c:v>
                </c:pt>
                <c:pt idx="3378">
                  <c:v>15683.8</c:v>
                </c:pt>
                <c:pt idx="3379">
                  <c:v>15167.9</c:v>
                </c:pt>
                <c:pt idx="3380">
                  <c:v>14948.4</c:v>
                </c:pt>
                <c:pt idx="3381">
                  <c:v>14792.1</c:v>
                </c:pt>
                <c:pt idx="3382">
                  <c:v>14766.2</c:v>
                </c:pt>
                <c:pt idx="3383">
                  <c:v>14644.2</c:v>
                </c:pt>
                <c:pt idx="3384">
                  <c:v>14461.9</c:v>
                </c:pt>
                <c:pt idx="3385">
                  <c:v>14303.4</c:v>
                </c:pt>
                <c:pt idx="3386">
                  <c:v>14165.7</c:v>
                </c:pt>
                <c:pt idx="3387">
                  <c:v>14310.6</c:v>
                </c:pt>
                <c:pt idx="3388">
                  <c:v>18134.2</c:v>
                </c:pt>
                <c:pt idx="3389">
                  <c:v>17145</c:v>
                </c:pt>
                <c:pt idx="3390">
                  <c:v>16928.8</c:v>
                </c:pt>
                <c:pt idx="3391">
                  <c:v>16339.1</c:v>
                </c:pt>
                <c:pt idx="3392">
                  <c:v>16556.400000000001</c:v>
                </c:pt>
                <c:pt idx="3393">
                  <c:v>16093.4</c:v>
                </c:pt>
                <c:pt idx="3394">
                  <c:v>16183.6</c:v>
                </c:pt>
                <c:pt idx="3395">
                  <c:v>15993</c:v>
                </c:pt>
                <c:pt idx="3396">
                  <c:v>15837.5</c:v>
                </c:pt>
                <c:pt idx="3397">
                  <c:v>15706.9</c:v>
                </c:pt>
                <c:pt idx="3398">
                  <c:v>15853.7</c:v>
                </c:pt>
                <c:pt idx="3399">
                  <c:v>19641.2</c:v>
                </c:pt>
                <c:pt idx="3400">
                  <c:v>18675.900000000001</c:v>
                </c:pt>
                <c:pt idx="3401">
                  <c:v>18265.900000000001</c:v>
                </c:pt>
                <c:pt idx="3402">
                  <c:v>17877.3</c:v>
                </c:pt>
                <c:pt idx="3403">
                  <c:v>18137</c:v>
                </c:pt>
                <c:pt idx="3404">
                  <c:v>17624.400000000001</c:v>
                </c:pt>
                <c:pt idx="3405">
                  <c:v>17721.400000000001</c:v>
                </c:pt>
                <c:pt idx="3406">
                  <c:v>17532.3</c:v>
                </c:pt>
                <c:pt idx="3407">
                  <c:v>17375.8</c:v>
                </c:pt>
                <c:pt idx="3408">
                  <c:v>17243.400000000001</c:v>
                </c:pt>
                <c:pt idx="3409">
                  <c:v>17388.599999999999</c:v>
                </c:pt>
                <c:pt idx="3410">
                  <c:v>21062.5</c:v>
                </c:pt>
                <c:pt idx="3411">
                  <c:v>20586.2</c:v>
                </c:pt>
                <c:pt idx="3412">
                  <c:v>19756.8</c:v>
                </c:pt>
                <c:pt idx="3413">
                  <c:v>19437.400000000001</c:v>
                </c:pt>
                <c:pt idx="3414">
                  <c:v>19685.099999999999</c:v>
                </c:pt>
                <c:pt idx="3415">
                  <c:v>19364.099999999999</c:v>
                </c:pt>
                <c:pt idx="3416">
                  <c:v>19147.599999999999</c:v>
                </c:pt>
                <c:pt idx="3417">
                  <c:v>18937.8</c:v>
                </c:pt>
                <c:pt idx="3418">
                  <c:v>18981.400000000001</c:v>
                </c:pt>
                <c:pt idx="3419">
                  <c:v>18835.400000000001</c:v>
                </c:pt>
                <c:pt idx="3420">
                  <c:v>18965.8</c:v>
                </c:pt>
                <c:pt idx="3421">
                  <c:v>23201.7</c:v>
                </c:pt>
                <c:pt idx="3422">
                  <c:v>21638.2</c:v>
                </c:pt>
                <c:pt idx="3423">
                  <c:v>21550.6</c:v>
                </c:pt>
                <c:pt idx="3424">
                  <c:v>21093.8</c:v>
                </c:pt>
                <c:pt idx="3425">
                  <c:v>21122.7</c:v>
                </c:pt>
                <c:pt idx="3426">
                  <c:v>20940.900000000001</c:v>
                </c:pt>
                <c:pt idx="3427">
                  <c:v>20807.2</c:v>
                </c:pt>
                <c:pt idx="3428">
                  <c:v>20653.599999999999</c:v>
                </c:pt>
                <c:pt idx="3429">
                  <c:v>20517.8</c:v>
                </c:pt>
                <c:pt idx="3430">
                  <c:v>20337.400000000001</c:v>
                </c:pt>
                <c:pt idx="3431">
                  <c:v>20476.900000000001</c:v>
                </c:pt>
                <c:pt idx="3432">
                  <c:v>5630.01</c:v>
                </c:pt>
                <c:pt idx="3433">
                  <c:v>5027.87</c:v>
                </c:pt>
                <c:pt idx="3434">
                  <c:v>4705.95</c:v>
                </c:pt>
                <c:pt idx="3435">
                  <c:v>4401.91</c:v>
                </c:pt>
                <c:pt idx="3436">
                  <c:v>4234.8</c:v>
                </c:pt>
                <c:pt idx="3437">
                  <c:v>4146.7700000000004</c:v>
                </c:pt>
                <c:pt idx="3438">
                  <c:v>4036.93</c:v>
                </c:pt>
                <c:pt idx="3439">
                  <c:v>3926.87</c:v>
                </c:pt>
                <c:pt idx="3440">
                  <c:v>3910.16</c:v>
                </c:pt>
                <c:pt idx="3441">
                  <c:v>3850.23</c:v>
                </c:pt>
                <c:pt idx="3442">
                  <c:v>3734.2</c:v>
                </c:pt>
                <c:pt idx="3443">
                  <c:v>6839.5</c:v>
                </c:pt>
                <c:pt idx="3444">
                  <c:v>6336.96</c:v>
                </c:pt>
                <c:pt idx="3445">
                  <c:v>6024.89</c:v>
                </c:pt>
                <c:pt idx="3446">
                  <c:v>5762.39</c:v>
                </c:pt>
                <c:pt idx="3447">
                  <c:v>5581.51</c:v>
                </c:pt>
                <c:pt idx="3448">
                  <c:v>5378.69</c:v>
                </c:pt>
                <c:pt idx="3449">
                  <c:v>5294.7</c:v>
                </c:pt>
                <c:pt idx="3450">
                  <c:v>5183.97</c:v>
                </c:pt>
                <c:pt idx="3451">
                  <c:v>5121.6400000000003</c:v>
                </c:pt>
                <c:pt idx="3452">
                  <c:v>5056.3599999999997</c:v>
                </c:pt>
                <c:pt idx="3453">
                  <c:v>5071.8</c:v>
                </c:pt>
                <c:pt idx="3454">
                  <c:v>8203.69</c:v>
                </c:pt>
                <c:pt idx="3455">
                  <c:v>7906.16</c:v>
                </c:pt>
                <c:pt idx="3456">
                  <c:v>7347.79</c:v>
                </c:pt>
                <c:pt idx="3457">
                  <c:v>7131.17</c:v>
                </c:pt>
                <c:pt idx="3458">
                  <c:v>6925.05</c:v>
                </c:pt>
                <c:pt idx="3459">
                  <c:v>6780.3</c:v>
                </c:pt>
                <c:pt idx="3460">
                  <c:v>6769.89</c:v>
                </c:pt>
                <c:pt idx="3461">
                  <c:v>6569.94</c:v>
                </c:pt>
                <c:pt idx="3462">
                  <c:v>6532.4</c:v>
                </c:pt>
                <c:pt idx="3463">
                  <c:v>6526.82</c:v>
                </c:pt>
                <c:pt idx="3464">
                  <c:v>6448.62</c:v>
                </c:pt>
                <c:pt idx="3465">
                  <c:v>10637.9</c:v>
                </c:pt>
                <c:pt idx="3466">
                  <c:v>9426.64</c:v>
                </c:pt>
                <c:pt idx="3467">
                  <c:v>9386.94</c:v>
                </c:pt>
                <c:pt idx="3468">
                  <c:v>8862.7199999999993</c:v>
                </c:pt>
                <c:pt idx="3469">
                  <c:v>8619.33</c:v>
                </c:pt>
                <c:pt idx="3470">
                  <c:v>8430.85</c:v>
                </c:pt>
                <c:pt idx="3471">
                  <c:v>8103.65</c:v>
                </c:pt>
                <c:pt idx="3472">
                  <c:v>8060.56</c:v>
                </c:pt>
                <c:pt idx="3473">
                  <c:v>7932.46</c:v>
                </c:pt>
                <c:pt idx="3474">
                  <c:v>7822.95</c:v>
                </c:pt>
                <c:pt idx="3475">
                  <c:v>7727.62</c:v>
                </c:pt>
                <c:pt idx="3476">
                  <c:v>12059.7</c:v>
                </c:pt>
                <c:pt idx="3477">
                  <c:v>11133.6</c:v>
                </c:pt>
                <c:pt idx="3478">
                  <c:v>10536.6</c:v>
                </c:pt>
                <c:pt idx="3479">
                  <c:v>10263</c:v>
                </c:pt>
                <c:pt idx="3480">
                  <c:v>10221.6</c:v>
                </c:pt>
                <c:pt idx="3481">
                  <c:v>9995.9699999999993</c:v>
                </c:pt>
                <c:pt idx="3482">
                  <c:v>9814.85</c:v>
                </c:pt>
                <c:pt idx="3483">
                  <c:v>9626.6</c:v>
                </c:pt>
                <c:pt idx="3484">
                  <c:v>9551.41</c:v>
                </c:pt>
                <c:pt idx="3485">
                  <c:v>9485.86</c:v>
                </c:pt>
                <c:pt idx="3486">
                  <c:v>9381.2999999999993</c:v>
                </c:pt>
                <c:pt idx="3487">
                  <c:v>13518.9</c:v>
                </c:pt>
                <c:pt idx="3488">
                  <c:v>12706.3</c:v>
                </c:pt>
                <c:pt idx="3489">
                  <c:v>11977.3</c:v>
                </c:pt>
                <c:pt idx="3490">
                  <c:v>11615.5</c:v>
                </c:pt>
                <c:pt idx="3491">
                  <c:v>11673.4</c:v>
                </c:pt>
                <c:pt idx="3492">
                  <c:v>11392.6</c:v>
                </c:pt>
                <c:pt idx="3493">
                  <c:v>11494</c:v>
                </c:pt>
                <c:pt idx="3494">
                  <c:v>11306.3</c:v>
                </c:pt>
                <c:pt idx="3495">
                  <c:v>11151.2</c:v>
                </c:pt>
                <c:pt idx="3496">
                  <c:v>11019.9</c:v>
                </c:pt>
                <c:pt idx="3497">
                  <c:v>11170.4</c:v>
                </c:pt>
                <c:pt idx="3498">
                  <c:v>15127.2</c:v>
                </c:pt>
                <c:pt idx="3499">
                  <c:v>14126.8</c:v>
                </c:pt>
                <c:pt idx="3500">
                  <c:v>13520.4</c:v>
                </c:pt>
                <c:pt idx="3501">
                  <c:v>13336.9</c:v>
                </c:pt>
                <c:pt idx="3502">
                  <c:v>13250.2</c:v>
                </c:pt>
                <c:pt idx="3503">
                  <c:v>13077.3</c:v>
                </c:pt>
                <c:pt idx="3504">
                  <c:v>12820.1</c:v>
                </c:pt>
                <c:pt idx="3505">
                  <c:v>12852.5</c:v>
                </c:pt>
                <c:pt idx="3506">
                  <c:v>12681</c:v>
                </c:pt>
                <c:pt idx="3507">
                  <c:v>12536.3</c:v>
                </c:pt>
                <c:pt idx="3508">
                  <c:v>12508.9</c:v>
                </c:pt>
                <c:pt idx="3509">
                  <c:v>16514.900000000001</c:v>
                </c:pt>
                <c:pt idx="3510">
                  <c:v>15683.8</c:v>
                </c:pt>
                <c:pt idx="3511">
                  <c:v>15167.9</c:v>
                </c:pt>
                <c:pt idx="3512">
                  <c:v>14678.4</c:v>
                </c:pt>
                <c:pt idx="3513">
                  <c:v>14756.6</c:v>
                </c:pt>
                <c:pt idx="3514">
                  <c:v>14577.3</c:v>
                </c:pt>
                <c:pt idx="3515">
                  <c:v>14559.4</c:v>
                </c:pt>
                <c:pt idx="3516">
                  <c:v>14464.2</c:v>
                </c:pt>
                <c:pt idx="3517">
                  <c:v>14305.4</c:v>
                </c:pt>
                <c:pt idx="3518">
                  <c:v>14167.5</c:v>
                </c:pt>
                <c:pt idx="3519">
                  <c:v>14055.8</c:v>
                </c:pt>
                <c:pt idx="3520">
                  <c:v>18134.2</c:v>
                </c:pt>
                <c:pt idx="3521">
                  <c:v>17073</c:v>
                </c:pt>
                <c:pt idx="3522">
                  <c:v>16614.7</c:v>
                </c:pt>
                <c:pt idx="3523">
                  <c:v>16339.1</c:v>
                </c:pt>
                <c:pt idx="3524">
                  <c:v>16351.1</c:v>
                </c:pt>
                <c:pt idx="3525">
                  <c:v>16137.8</c:v>
                </c:pt>
                <c:pt idx="3526">
                  <c:v>16045.1</c:v>
                </c:pt>
                <c:pt idx="3527">
                  <c:v>16006.8</c:v>
                </c:pt>
                <c:pt idx="3528">
                  <c:v>15851.1</c:v>
                </c:pt>
                <c:pt idx="3529">
                  <c:v>15692.9</c:v>
                </c:pt>
                <c:pt idx="3530">
                  <c:v>15572</c:v>
                </c:pt>
                <c:pt idx="3531">
                  <c:v>19641.2</c:v>
                </c:pt>
                <c:pt idx="3532">
                  <c:v>18612.2</c:v>
                </c:pt>
                <c:pt idx="3533">
                  <c:v>18265.900000000001</c:v>
                </c:pt>
                <c:pt idx="3534">
                  <c:v>17832.400000000001</c:v>
                </c:pt>
                <c:pt idx="3535">
                  <c:v>17932.8</c:v>
                </c:pt>
                <c:pt idx="3536">
                  <c:v>17648</c:v>
                </c:pt>
                <c:pt idx="3537">
                  <c:v>17434.900000000001</c:v>
                </c:pt>
                <c:pt idx="3538">
                  <c:v>17541.400000000001</c:v>
                </c:pt>
                <c:pt idx="3539">
                  <c:v>17385.599999999999</c:v>
                </c:pt>
                <c:pt idx="3540">
                  <c:v>17220</c:v>
                </c:pt>
                <c:pt idx="3541">
                  <c:v>17103.2</c:v>
                </c:pt>
                <c:pt idx="3542">
                  <c:v>21294.2</c:v>
                </c:pt>
                <c:pt idx="3543">
                  <c:v>20178.7</c:v>
                </c:pt>
                <c:pt idx="3544">
                  <c:v>19746.7</c:v>
                </c:pt>
                <c:pt idx="3545">
                  <c:v>19411</c:v>
                </c:pt>
                <c:pt idx="3546">
                  <c:v>19239</c:v>
                </c:pt>
                <c:pt idx="3547">
                  <c:v>19198</c:v>
                </c:pt>
                <c:pt idx="3548">
                  <c:v>18989.7</c:v>
                </c:pt>
                <c:pt idx="3549">
                  <c:v>19039.8</c:v>
                </c:pt>
                <c:pt idx="3550">
                  <c:v>18878.8</c:v>
                </c:pt>
                <c:pt idx="3551">
                  <c:v>18742.099999999999</c:v>
                </c:pt>
                <c:pt idx="3552">
                  <c:v>18625.400000000001</c:v>
                </c:pt>
                <c:pt idx="3553">
                  <c:v>22937.3</c:v>
                </c:pt>
                <c:pt idx="3554">
                  <c:v>21643.8</c:v>
                </c:pt>
                <c:pt idx="3555">
                  <c:v>21191.8</c:v>
                </c:pt>
                <c:pt idx="3556">
                  <c:v>21062.7</c:v>
                </c:pt>
                <c:pt idx="3557">
                  <c:v>20813.900000000001</c:v>
                </c:pt>
                <c:pt idx="3558">
                  <c:v>20618</c:v>
                </c:pt>
                <c:pt idx="3559">
                  <c:v>20807.2</c:v>
                </c:pt>
                <c:pt idx="3560">
                  <c:v>20490.7</c:v>
                </c:pt>
                <c:pt idx="3561">
                  <c:v>20496.400000000001</c:v>
                </c:pt>
                <c:pt idx="3562">
                  <c:v>20319.400000000001</c:v>
                </c:pt>
                <c:pt idx="3563">
                  <c:v>20461.599999999999</c:v>
                </c:pt>
                <c:pt idx="3564">
                  <c:v>5630.42</c:v>
                </c:pt>
                <c:pt idx="3565">
                  <c:v>5038.91</c:v>
                </c:pt>
                <c:pt idx="3566">
                  <c:v>4630.91</c:v>
                </c:pt>
                <c:pt idx="3567">
                  <c:v>4396.55</c:v>
                </c:pt>
                <c:pt idx="3568">
                  <c:v>4147.9399999999996</c:v>
                </c:pt>
                <c:pt idx="3569">
                  <c:v>4028.99</c:v>
                </c:pt>
                <c:pt idx="3570">
                  <c:v>3907.66</c:v>
                </c:pt>
                <c:pt idx="3571">
                  <c:v>3799.62</c:v>
                </c:pt>
                <c:pt idx="3572">
                  <c:v>3756.89</c:v>
                </c:pt>
                <c:pt idx="3573">
                  <c:v>3691</c:v>
                </c:pt>
                <c:pt idx="3574">
                  <c:v>3658.5</c:v>
                </c:pt>
                <c:pt idx="3575">
                  <c:v>6839.5</c:v>
                </c:pt>
                <c:pt idx="3576">
                  <c:v>6336.96</c:v>
                </c:pt>
                <c:pt idx="3577">
                  <c:v>6024.89</c:v>
                </c:pt>
                <c:pt idx="3578">
                  <c:v>5762.39</c:v>
                </c:pt>
                <c:pt idx="3579">
                  <c:v>5513.2</c:v>
                </c:pt>
                <c:pt idx="3580">
                  <c:v>5337.86</c:v>
                </c:pt>
                <c:pt idx="3581">
                  <c:v>5203.66</c:v>
                </c:pt>
                <c:pt idx="3582">
                  <c:v>5155.21</c:v>
                </c:pt>
                <c:pt idx="3583">
                  <c:v>5059.08</c:v>
                </c:pt>
                <c:pt idx="3584">
                  <c:v>5000.2</c:v>
                </c:pt>
                <c:pt idx="3585">
                  <c:v>4975.72</c:v>
                </c:pt>
                <c:pt idx="3586">
                  <c:v>8203.69</c:v>
                </c:pt>
                <c:pt idx="3587">
                  <c:v>7906.16</c:v>
                </c:pt>
                <c:pt idx="3588">
                  <c:v>7255.39</c:v>
                </c:pt>
                <c:pt idx="3589">
                  <c:v>7131.17</c:v>
                </c:pt>
                <c:pt idx="3590">
                  <c:v>6925.05</c:v>
                </c:pt>
                <c:pt idx="3591">
                  <c:v>6780.3</c:v>
                </c:pt>
                <c:pt idx="3592">
                  <c:v>6553.17</c:v>
                </c:pt>
                <c:pt idx="3593">
                  <c:v>6515.25</c:v>
                </c:pt>
                <c:pt idx="3594">
                  <c:v>6489.58</c:v>
                </c:pt>
                <c:pt idx="3595">
                  <c:v>6442.03</c:v>
                </c:pt>
                <c:pt idx="3596">
                  <c:v>6261.13</c:v>
                </c:pt>
                <c:pt idx="3597">
                  <c:v>10637.9</c:v>
                </c:pt>
                <c:pt idx="3598">
                  <c:v>9396.5</c:v>
                </c:pt>
                <c:pt idx="3599">
                  <c:v>9068.3799999999992</c:v>
                </c:pt>
                <c:pt idx="3600">
                  <c:v>8559.5300000000007</c:v>
                </c:pt>
                <c:pt idx="3601">
                  <c:v>8363.1200000000008</c:v>
                </c:pt>
                <c:pt idx="3602">
                  <c:v>8402.94</c:v>
                </c:pt>
                <c:pt idx="3603">
                  <c:v>8089.52</c:v>
                </c:pt>
                <c:pt idx="3604">
                  <c:v>7985.76</c:v>
                </c:pt>
                <c:pt idx="3605">
                  <c:v>7935.74</c:v>
                </c:pt>
                <c:pt idx="3606">
                  <c:v>7825.74</c:v>
                </c:pt>
                <c:pt idx="3607">
                  <c:v>7730.05</c:v>
                </c:pt>
                <c:pt idx="3608">
                  <c:v>11793</c:v>
                </c:pt>
                <c:pt idx="3609">
                  <c:v>11055.6</c:v>
                </c:pt>
                <c:pt idx="3610">
                  <c:v>10536.6</c:v>
                </c:pt>
                <c:pt idx="3611">
                  <c:v>10263</c:v>
                </c:pt>
                <c:pt idx="3612">
                  <c:v>10031.700000000001</c:v>
                </c:pt>
                <c:pt idx="3613">
                  <c:v>9979.9599999999991</c:v>
                </c:pt>
                <c:pt idx="3614">
                  <c:v>9797.6200000000008</c:v>
                </c:pt>
                <c:pt idx="3615">
                  <c:v>9647.01</c:v>
                </c:pt>
                <c:pt idx="3616">
                  <c:v>9448.7000000000007</c:v>
                </c:pt>
                <c:pt idx="3617">
                  <c:v>9342.9599999999991</c:v>
                </c:pt>
                <c:pt idx="3618">
                  <c:v>9424.35</c:v>
                </c:pt>
                <c:pt idx="3619">
                  <c:v>13518.9</c:v>
                </c:pt>
                <c:pt idx="3620">
                  <c:v>12706.3</c:v>
                </c:pt>
                <c:pt idx="3621">
                  <c:v>11977.3</c:v>
                </c:pt>
                <c:pt idx="3622">
                  <c:v>11615.5</c:v>
                </c:pt>
                <c:pt idx="3623">
                  <c:v>11673.4</c:v>
                </c:pt>
                <c:pt idx="3624">
                  <c:v>11375.7</c:v>
                </c:pt>
                <c:pt idx="3625">
                  <c:v>11167.6</c:v>
                </c:pt>
                <c:pt idx="3626">
                  <c:v>11187.5</c:v>
                </c:pt>
                <c:pt idx="3627">
                  <c:v>11040.1</c:v>
                </c:pt>
                <c:pt idx="3628">
                  <c:v>10915.4</c:v>
                </c:pt>
                <c:pt idx="3629">
                  <c:v>10977.9</c:v>
                </c:pt>
                <c:pt idx="3630">
                  <c:v>15127.2</c:v>
                </c:pt>
                <c:pt idx="3631">
                  <c:v>14126.8</c:v>
                </c:pt>
                <c:pt idx="3632">
                  <c:v>13520.4</c:v>
                </c:pt>
                <c:pt idx="3633">
                  <c:v>13326.2</c:v>
                </c:pt>
                <c:pt idx="3634">
                  <c:v>13071.1</c:v>
                </c:pt>
                <c:pt idx="3635">
                  <c:v>13056.4</c:v>
                </c:pt>
                <c:pt idx="3636">
                  <c:v>12820.1</c:v>
                </c:pt>
                <c:pt idx="3637">
                  <c:v>12633.2</c:v>
                </c:pt>
                <c:pt idx="3638">
                  <c:v>12681</c:v>
                </c:pt>
                <c:pt idx="3639">
                  <c:v>12536.3</c:v>
                </c:pt>
                <c:pt idx="3640">
                  <c:v>12508.9</c:v>
                </c:pt>
                <c:pt idx="3641">
                  <c:v>16677.900000000001</c:v>
                </c:pt>
                <c:pt idx="3642">
                  <c:v>15683.8</c:v>
                </c:pt>
                <c:pt idx="3643">
                  <c:v>15167.9</c:v>
                </c:pt>
                <c:pt idx="3644">
                  <c:v>14678.4</c:v>
                </c:pt>
                <c:pt idx="3645">
                  <c:v>14619.5</c:v>
                </c:pt>
                <c:pt idx="3646">
                  <c:v>14547.2</c:v>
                </c:pt>
                <c:pt idx="3647">
                  <c:v>14398.2</c:v>
                </c:pt>
                <c:pt idx="3648">
                  <c:v>14267.8</c:v>
                </c:pt>
                <c:pt idx="3649">
                  <c:v>14307.4</c:v>
                </c:pt>
                <c:pt idx="3650">
                  <c:v>14169.3</c:v>
                </c:pt>
                <c:pt idx="3651">
                  <c:v>14058.4</c:v>
                </c:pt>
                <c:pt idx="3652">
                  <c:v>18017.8</c:v>
                </c:pt>
                <c:pt idx="3653">
                  <c:v>17073</c:v>
                </c:pt>
                <c:pt idx="3654">
                  <c:v>16614.7</c:v>
                </c:pt>
                <c:pt idx="3655">
                  <c:v>16339.1</c:v>
                </c:pt>
                <c:pt idx="3656">
                  <c:v>16332.6</c:v>
                </c:pt>
                <c:pt idx="3657">
                  <c:v>16106.8</c:v>
                </c:pt>
                <c:pt idx="3658">
                  <c:v>15927.2</c:v>
                </c:pt>
                <c:pt idx="3659">
                  <c:v>15776.2</c:v>
                </c:pt>
                <c:pt idx="3660">
                  <c:v>15643.2</c:v>
                </c:pt>
                <c:pt idx="3661">
                  <c:v>15711</c:v>
                </c:pt>
                <c:pt idx="3662">
                  <c:v>15593</c:v>
                </c:pt>
                <c:pt idx="3663">
                  <c:v>19521.599999999999</c:v>
                </c:pt>
                <c:pt idx="3664">
                  <c:v>18612.2</c:v>
                </c:pt>
                <c:pt idx="3665">
                  <c:v>18265.900000000001</c:v>
                </c:pt>
                <c:pt idx="3666">
                  <c:v>17831.599999999999</c:v>
                </c:pt>
                <c:pt idx="3667">
                  <c:v>17894.900000000001</c:v>
                </c:pt>
                <c:pt idx="3668">
                  <c:v>17681.5</c:v>
                </c:pt>
                <c:pt idx="3669">
                  <c:v>17500.2</c:v>
                </c:pt>
                <c:pt idx="3670">
                  <c:v>17295.7</c:v>
                </c:pt>
                <c:pt idx="3671">
                  <c:v>17356.3</c:v>
                </c:pt>
                <c:pt idx="3672">
                  <c:v>17223.5</c:v>
                </c:pt>
                <c:pt idx="3673">
                  <c:v>17151.400000000001</c:v>
                </c:pt>
                <c:pt idx="3674">
                  <c:v>21234.799999999999</c:v>
                </c:pt>
                <c:pt idx="3675">
                  <c:v>20178.7</c:v>
                </c:pt>
                <c:pt idx="3676">
                  <c:v>19746.7</c:v>
                </c:pt>
                <c:pt idx="3677">
                  <c:v>19390.599999999999</c:v>
                </c:pt>
                <c:pt idx="3678">
                  <c:v>19215.599999999999</c:v>
                </c:pt>
                <c:pt idx="3679">
                  <c:v>19032.099999999999</c:v>
                </c:pt>
                <c:pt idx="3680">
                  <c:v>18996.3</c:v>
                </c:pt>
                <c:pt idx="3681">
                  <c:v>18826.7</c:v>
                </c:pt>
                <c:pt idx="3682">
                  <c:v>18886</c:v>
                </c:pt>
                <c:pt idx="3683">
                  <c:v>18751.5</c:v>
                </c:pt>
                <c:pt idx="3684">
                  <c:v>18640.2</c:v>
                </c:pt>
                <c:pt idx="3685">
                  <c:v>22663.1</c:v>
                </c:pt>
                <c:pt idx="3686">
                  <c:v>21650.6</c:v>
                </c:pt>
                <c:pt idx="3687">
                  <c:v>21453.200000000001</c:v>
                </c:pt>
                <c:pt idx="3688">
                  <c:v>21062.7</c:v>
                </c:pt>
                <c:pt idx="3689">
                  <c:v>20813.900000000001</c:v>
                </c:pt>
                <c:pt idx="3690">
                  <c:v>20798</c:v>
                </c:pt>
                <c:pt idx="3691">
                  <c:v>20506.7</c:v>
                </c:pt>
                <c:pt idx="3692">
                  <c:v>20464.900000000001</c:v>
                </c:pt>
                <c:pt idx="3693">
                  <c:v>20354.900000000001</c:v>
                </c:pt>
                <c:pt idx="3694">
                  <c:v>20418</c:v>
                </c:pt>
                <c:pt idx="3695">
                  <c:v>20258.599999999999</c:v>
                </c:pt>
                <c:pt idx="3696">
                  <c:v>5630.42</c:v>
                </c:pt>
                <c:pt idx="3697">
                  <c:v>5038.91</c:v>
                </c:pt>
                <c:pt idx="3698">
                  <c:v>4574.6499999999996</c:v>
                </c:pt>
                <c:pt idx="3699">
                  <c:v>4330.28</c:v>
                </c:pt>
                <c:pt idx="3700">
                  <c:v>4093.68</c:v>
                </c:pt>
                <c:pt idx="3701">
                  <c:v>3958.5</c:v>
                </c:pt>
                <c:pt idx="3702">
                  <c:v>3841.39</c:v>
                </c:pt>
                <c:pt idx="3703">
                  <c:v>3746.41</c:v>
                </c:pt>
                <c:pt idx="3704">
                  <c:v>3650.51</c:v>
                </c:pt>
                <c:pt idx="3705">
                  <c:v>3605.83</c:v>
                </c:pt>
                <c:pt idx="3706">
                  <c:v>3532.76</c:v>
                </c:pt>
                <c:pt idx="3707">
                  <c:v>6839.5</c:v>
                </c:pt>
                <c:pt idx="3708">
                  <c:v>6336.96</c:v>
                </c:pt>
                <c:pt idx="3709">
                  <c:v>6024.89</c:v>
                </c:pt>
                <c:pt idx="3710">
                  <c:v>5762.39</c:v>
                </c:pt>
                <c:pt idx="3711">
                  <c:v>5508.65</c:v>
                </c:pt>
                <c:pt idx="3712">
                  <c:v>5333.76</c:v>
                </c:pt>
                <c:pt idx="3713">
                  <c:v>5217.1000000000004</c:v>
                </c:pt>
                <c:pt idx="3714">
                  <c:v>5112.51</c:v>
                </c:pt>
                <c:pt idx="3715">
                  <c:v>5037.84</c:v>
                </c:pt>
                <c:pt idx="3716">
                  <c:v>4919.68</c:v>
                </c:pt>
                <c:pt idx="3717">
                  <c:v>4892.21</c:v>
                </c:pt>
                <c:pt idx="3718">
                  <c:v>8203.69</c:v>
                </c:pt>
                <c:pt idx="3719">
                  <c:v>7906.16</c:v>
                </c:pt>
                <c:pt idx="3720">
                  <c:v>7255.39</c:v>
                </c:pt>
                <c:pt idx="3721">
                  <c:v>7131.17</c:v>
                </c:pt>
                <c:pt idx="3722">
                  <c:v>6925.05</c:v>
                </c:pt>
                <c:pt idx="3723">
                  <c:v>6780.3</c:v>
                </c:pt>
                <c:pt idx="3724">
                  <c:v>6583.69</c:v>
                </c:pt>
                <c:pt idx="3725">
                  <c:v>6501.5</c:v>
                </c:pt>
                <c:pt idx="3726">
                  <c:v>6489.58</c:v>
                </c:pt>
                <c:pt idx="3727">
                  <c:v>6408.72</c:v>
                </c:pt>
                <c:pt idx="3728">
                  <c:v>6241.79</c:v>
                </c:pt>
                <c:pt idx="3729">
                  <c:v>10434.799999999999</c:v>
                </c:pt>
                <c:pt idx="3730">
                  <c:v>9396.5</c:v>
                </c:pt>
                <c:pt idx="3731">
                  <c:v>9042.59</c:v>
                </c:pt>
                <c:pt idx="3732">
                  <c:v>8559.5300000000007</c:v>
                </c:pt>
                <c:pt idx="3733">
                  <c:v>8549.48</c:v>
                </c:pt>
                <c:pt idx="3734">
                  <c:v>8340.7900000000009</c:v>
                </c:pt>
                <c:pt idx="3735">
                  <c:v>8075.63</c:v>
                </c:pt>
                <c:pt idx="3736">
                  <c:v>7953.88</c:v>
                </c:pt>
                <c:pt idx="3737">
                  <c:v>7827.83</c:v>
                </c:pt>
                <c:pt idx="3738">
                  <c:v>7828.46</c:v>
                </c:pt>
                <c:pt idx="3739">
                  <c:v>7732.41</c:v>
                </c:pt>
                <c:pt idx="3740">
                  <c:v>11848.6</c:v>
                </c:pt>
                <c:pt idx="3741">
                  <c:v>10997</c:v>
                </c:pt>
                <c:pt idx="3742">
                  <c:v>10420</c:v>
                </c:pt>
                <c:pt idx="3743">
                  <c:v>10263</c:v>
                </c:pt>
                <c:pt idx="3744">
                  <c:v>9999.75</c:v>
                </c:pt>
                <c:pt idx="3745">
                  <c:v>9819.82</c:v>
                </c:pt>
                <c:pt idx="3746">
                  <c:v>9784.14</c:v>
                </c:pt>
                <c:pt idx="3747">
                  <c:v>9632.7000000000007</c:v>
                </c:pt>
                <c:pt idx="3748">
                  <c:v>9504.86</c:v>
                </c:pt>
                <c:pt idx="3749">
                  <c:v>9329.24</c:v>
                </c:pt>
                <c:pt idx="3750">
                  <c:v>9410.5300000000007</c:v>
                </c:pt>
                <c:pt idx="3751">
                  <c:v>13395.1</c:v>
                </c:pt>
                <c:pt idx="3752">
                  <c:v>12706.3</c:v>
                </c:pt>
                <c:pt idx="3753">
                  <c:v>11977.3</c:v>
                </c:pt>
                <c:pt idx="3754">
                  <c:v>11615.5</c:v>
                </c:pt>
                <c:pt idx="3755">
                  <c:v>11673.4</c:v>
                </c:pt>
                <c:pt idx="3756">
                  <c:v>11369.7</c:v>
                </c:pt>
                <c:pt idx="3757">
                  <c:v>11167.6</c:v>
                </c:pt>
                <c:pt idx="3758">
                  <c:v>11187.5</c:v>
                </c:pt>
                <c:pt idx="3759">
                  <c:v>11040.1</c:v>
                </c:pt>
                <c:pt idx="3760">
                  <c:v>10915.4</c:v>
                </c:pt>
                <c:pt idx="3761">
                  <c:v>10977.9</c:v>
                </c:pt>
                <c:pt idx="3762">
                  <c:v>14999.4</c:v>
                </c:pt>
                <c:pt idx="3763">
                  <c:v>14126.8</c:v>
                </c:pt>
                <c:pt idx="3764">
                  <c:v>13520.4</c:v>
                </c:pt>
                <c:pt idx="3765">
                  <c:v>13326.2</c:v>
                </c:pt>
                <c:pt idx="3766">
                  <c:v>13019.4</c:v>
                </c:pt>
                <c:pt idx="3767">
                  <c:v>13056.4</c:v>
                </c:pt>
                <c:pt idx="3768">
                  <c:v>12820.1</c:v>
                </c:pt>
                <c:pt idx="3769">
                  <c:v>12633.2</c:v>
                </c:pt>
                <c:pt idx="3770">
                  <c:v>12681</c:v>
                </c:pt>
                <c:pt idx="3771">
                  <c:v>12536.3</c:v>
                </c:pt>
                <c:pt idx="3772">
                  <c:v>12418.9</c:v>
                </c:pt>
                <c:pt idx="3773">
                  <c:v>16677.900000000001</c:v>
                </c:pt>
                <c:pt idx="3774">
                  <c:v>15683.8</c:v>
                </c:pt>
                <c:pt idx="3775">
                  <c:v>15051.8</c:v>
                </c:pt>
                <c:pt idx="3776">
                  <c:v>14678.4</c:v>
                </c:pt>
                <c:pt idx="3777">
                  <c:v>14615.4</c:v>
                </c:pt>
                <c:pt idx="3778">
                  <c:v>14500.8</c:v>
                </c:pt>
                <c:pt idx="3779">
                  <c:v>14377.8</c:v>
                </c:pt>
                <c:pt idx="3780">
                  <c:v>14256</c:v>
                </c:pt>
                <c:pt idx="3781">
                  <c:v>14125.8</c:v>
                </c:pt>
                <c:pt idx="3782">
                  <c:v>14082.8</c:v>
                </c:pt>
                <c:pt idx="3783">
                  <c:v>13991.6</c:v>
                </c:pt>
                <c:pt idx="3784">
                  <c:v>18011.8</c:v>
                </c:pt>
                <c:pt idx="3785">
                  <c:v>17073</c:v>
                </c:pt>
                <c:pt idx="3786">
                  <c:v>16614.7</c:v>
                </c:pt>
                <c:pt idx="3787">
                  <c:v>16339.1</c:v>
                </c:pt>
                <c:pt idx="3788">
                  <c:v>16332.6</c:v>
                </c:pt>
                <c:pt idx="3789">
                  <c:v>16082</c:v>
                </c:pt>
                <c:pt idx="3790">
                  <c:v>15901.3</c:v>
                </c:pt>
                <c:pt idx="3791">
                  <c:v>15749.8</c:v>
                </c:pt>
                <c:pt idx="3792">
                  <c:v>15616.5</c:v>
                </c:pt>
                <c:pt idx="3793">
                  <c:v>15684.9</c:v>
                </c:pt>
                <c:pt idx="3794">
                  <c:v>15566.8</c:v>
                </c:pt>
                <c:pt idx="3795">
                  <c:v>19521.599999999999</c:v>
                </c:pt>
                <c:pt idx="3796">
                  <c:v>18612.2</c:v>
                </c:pt>
                <c:pt idx="3797">
                  <c:v>18265.900000000001</c:v>
                </c:pt>
                <c:pt idx="3798">
                  <c:v>17831.599999999999</c:v>
                </c:pt>
                <c:pt idx="3799">
                  <c:v>17864.5</c:v>
                </c:pt>
                <c:pt idx="3800">
                  <c:v>17649.400000000001</c:v>
                </c:pt>
                <c:pt idx="3801">
                  <c:v>17467.400000000001</c:v>
                </c:pt>
                <c:pt idx="3802">
                  <c:v>17313.599999999999</c:v>
                </c:pt>
                <c:pt idx="3803">
                  <c:v>17176.599999999999</c:v>
                </c:pt>
                <c:pt idx="3804">
                  <c:v>17241.099999999999</c:v>
                </c:pt>
                <c:pt idx="3805">
                  <c:v>17118.7</c:v>
                </c:pt>
                <c:pt idx="3806">
                  <c:v>21234.799999999999</c:v>
                </c:pt>
                <c:pt idx="3807">
                  <c:v>20178.7</c:v>
                </c:pt>
                <c:pt idx="3808">
                  <c:v>19746.7</c:v>
                </c:pt>
                <c:pt idx="3809">
                  <c:v>19513.599999999999</c:v>
                </c:pt>
                <c:pt idx="3810">
                  <c:v>19450.599999999999</c:v>
                </c:pt>
                <c:pt idx="3811">
                  <c:v>19235.5</c:v>
                </c:pt>
                <c:pt idx="3812">
                  <c:v>19051.099999999999</c:v>
                </c:pt>
                <c:pt idx="3813">
                  <c:v>18833.5</c:v>
                </c:pt>
                <c:pt idx="3814">
                  <c:v>18693.599999999999</c:v>
                </c:pt>
                <c:pt idx="3815">
                  <c:v>18629.2</c:v>
                </c:pt>
                <c:pt idx="3816">
                  <c:v>18686.7</c:v>
                </c:pt>
                <c:pt idx="3817">
                  <c:v>22576.5</c:v>
                </c:pt>
                <c:pt idx="3818">
                  <c:v>21762.799999999999</c:v>
                </c:pt>
                <c:pt idx="3819">
                  <c:v>21431</c:v>
                </c:pt>
                <c:pt idx="3820">
                  <c:v>21062.7</c:v>
                </c:pt>
                <c:pt idx="3821">
                  <c:v>20813.900000000001</c:v>
                </c:pt>
                <c:pt idx="3822">
                  <c:v>20575.099999999999</c:v>
                </c:pt>
                <c:pt idx="3823">
                  <c:v>20486.3</c:v>
                </c:pt>
                <c:pt idx="3824">
                  <c:v>20360.400000000001</c:v>
                </c:pt>
                <c:pt idx="3825">
                  <c:v>20350.099999999999</c:v>
                </c:pt>
                <c:pt idx="3826">
                  <c:v>20191.5</c:v>
                </c:pt>
                <c:pt idx="3827">
                  <c:v>20286.5</c:v>
                </c:pt>
                <c:pt idx="3828">
                  <c:v>5630.42</c:v>
                </c:pt>
                <c:pt idx="3829">
                  <c:v>5038.91</c:v>
                </c:pt>
                <c:pt idx="3830">
                  <c:v>4580.16</c:v>
                </c:pt>
                <c:pt idx="3831">
                  <c:v>4273.1899999999996</c:v>
                </c:pt>
                <c:pt idx="3832">
                  <c:v>4045.17</c:v>
                </c:pt>
                <c:pt idx="3833">
                  <c:v>3901.41</c:v>
                </c:pt>
                <c:pt idx="3834">
                  <c:v>3787.44</c:v>
                </c:pt>
                <c:pt idx="3835">
                  <c:v>3661.11</c:v>
                </c:pt>
                <c:pt idx="3836">
                  <c:v>3605.89</c:v>
                </c:pt>
                <c:pt idx="3837">
                  <c:v>3526.37</c:v>
                </c:pt>
                <c:pt idx="3838">
                  <c:v>3459.03</c:v>
                </c:pt>
                <c:pt idx="3839">
                  <c:v>6839.5</c:v>
                </c:pt>
                <c:pt idx="3840">
                  <c:v>6336.96</c:v>
                </c:pt>
                <c:pt idx="3841">
                  <c:v>6024.89</c:v>
                </c:pt>
                <c:pt idx="3842">
                  <c:v>5762.39</c:v>
                </c:pt>
                <c:pt idx="3843">
                  <c:v>5508.65</c:v>
                </c:pt>
                <c:pt idx="3844">
                  <c:v>5333.76</c:v>
                </c:pt>
                <c:pt idx="3845">
                  <c:v>5149.3599999999997</c:v>
                </c:pt>
                <c:pt idx="3846">
                  <c:v>5041.95</c:v>
                </c:pt>
                <c:pt idx="3847">
                  <c:v>4988.05</c:v>
                </c:pt>
                <c:pt idx="3848">
                  <c:v>4900.6099999999997</c:v>
                </c:pt>
                <c:pt idx="3849">
                  <c:v>4818.51</c:v>
                </c:pt>
                <c:pt idx="3850">
                  <c:v>8203.69</c:v>
                </c:pt>
                <c:pt idx="3851">
                  <c:v>7906.16</c:v>
                </c:pt>
                <c:pt idx="3852">
                  <c:v>7255.39</c:v>
                </c:pt>
                <c:pt idx="3853">
                  <c:v>7131.17</c:v>
                </c:pt>
                <c:pt idx="3854">
                  <c:v>6925.05</c:v>
                </c:pt>
                <c:pt idx="3855">
                  <c:v>6780.3</c:v>
                </c:pt>
                <c:pt idx="3856">
                  <c:v>6583.69</c:v>
                </c:pt>
                <c:pt idx="3857">
                  <c:v>6501.5</c:v>
                </c:pt>
                <c:pt idx="3858">
                  <c:v>6489.58</c:v>
                </c:pt>
                <c:pt idx="3859">
                  <c:v>6408.72</c:v>
                </c:pt>
                <c:pt idx="3860">
                  <c:v>6221.59</c:v>
                </c:pt>
                <c:pt idx="3861">
                  <c:v>10424.799999999999</c:v>
                </c:pt>
                <c:pt idx="3862">
                  <c:v>9396.5</c:v>
                </c:pt>
                <c:pt idx="3863">
                  <c:v>9042.59</c:v>
                </c:pt>
                <c:pt idx="3864">
                  <c:v>8559.5300000000007</c:v>
                </c:pt>
                <c:pt idx="3865">
                  <c:v>8497.2099999999991</c:v>
                </c:pt>
                <c:pt idx="3866">
                  <c:v>8341.68</c:v>
                </c:pt>
                <c:pt idx="3867">
                  <c:v>8175.3</c:v>
                </c:pt>
                <c:pt idx="3868">
                  <c:v>7907.94</c:v>
                </c:pt>
                <c:pt idx="3869">
                  <c:v>7817.6</c:v>
                </c:pt>
                <c:pt idx="3870">
                  <c:v>7827.62</c:v>
                </c:pt>
                <c:pt idx="3871">
                  <c:v>7744.51</c:v>
                </c:pt>
                <c:pt idx="3872">
                  <c:v>11848.6</c:v>
                </c:pt>
                <c:pt idx="3873">
                  <c:v>10974.7</c:v>
                </c:pt>
                <c:pt idx="3874">
                  <c:v>10420</c:v>
                </c:pt>
                <c:pt idx="3875">
                  <c:v>10263</c:v>
                </c:pt>
                <c:pt idx="3876">
                  <c:v>9975.01</c:v>
                </c:pt>
                <c:pt idx="3877">
                  <c:v>9790.6200000000008</c:v>
                </c:pt>
                <c:pt idx="3878">
                  <c:v>9745.92</c:v>
                </c:pt>
                <c:pt idx="3879">
                  <c:v>9595.32</c:v>
                </c:pt>
                <c:pt idx="3880">
                  <c:v>9484.42</c:v>
                </c:pt>
                <c:pt idx="3881">
                  <c:v>9393.61</c:v>
                </c:pt>
                <c:pt idx="3882">
                  <c:v>9310.02</c:v>
                </c:pt>
                <c:pt idx="3883">
                  <c:v>13395.1</c:v>
                </c:pt>
                <c:pt idx="3884">
                  <c:v>12706.3</c:v>
                </c:pt>
                <c:pt idx="3885">
                  <c:v>11977.3</c:v>
                </c:pt>
                <c:pt idx="3886">
                  <c:v>11615.5</c:v>
                </c:pt>
                <c:pt idx="3887">
                  <c:v>11673.4</c:v>
                </c:pt>
                <c:pt idx="3888">
                  <c:v>11369.7</c:v>
                </c:pt>
                <c:pt idx="3889">
                  <c:v>11167.6</c:v>
                </c:pt>
                <c:pt idx="3890">
                  <c:v>11187.5</c:v>
                </c:pt>
                <c:pt idx="3891">
                  <c:v>11040.1</c:v>
                </c:pt>
                <c:pt idx="3892">
                  <c:v>10915.4</c:v>
                </c:pt>
                <c:pt idx="3893">
                  <c:v>10807.7</c:v>
                </c:pt>
                <c:pt idx="3894">
                  <c:v>14999.4</c:v>
                </c:pt>
                <c:pt idx="3895">
                  <c:v>14126.8</c:v>
                </c:pt>
                <c:pt idx="3896">
                  <c:v>13520.4</c:v>
                </c:pt>
                <c:pt idx="3897">
                  <c:v>13326.2</c:v>
                </c:pt>
                <c:pt idx="3898">
                  <c:v>13019.4</c:v>
                </c:pt>
                <c:pt idx="3899">
                  <c:v>13056.4</c:v>
                </c:pt>
                <c:pt idx="3900">
                  <c:v>12820.1</c:v>
                </c:pt>
                <c:pt idx="3901">
                  <c:v>12633.2</c:v>
                </c:pt>
                <c:pt idx="3902">
                  <c:v>12681</c:v>
                </c:pt>
                <c:pt idx="3903">
                  <c:v>12536.3</c:v>
                </c:pt>
                <c:pt idx="3904">
                  <c:v>12418.2</c:v>
                </c:pt>
                <c:pt idx="3905">
                  <c:v>16677.900000000001</c:v>
                </c:pt>
                <c:pt idx="3906">
                  <c:v>15683.8</c:v>
                </c:pt>
                <c:pt idx="3907">
                  <c:v>15051.8</c:v>
                </c:pt>
                <c:pt idx="3908">
                  <c:v>14678.4</c:v>
                </c:pt>
                <c:pt idx="3909">
                  <c:v>14691.2</c:v>
                </c:pt>
                <c:pt idx="3910">
                  <c:v>14484.6</c:v>
                </c:pt>
                <c:pt idx="3911">
                  <c:v>14331.1</c:v>
                </c:pt>
                <c:pt idx="3912">
                  <c:v>14206.5</c:v>
                </c:pt>
                <c:pt idx="3913">
                  <c:v>14115.9</c:v>
                </c:pt>
                <c:pt idx="3914">
                  <c:v>14000.8</c:v>
                </c:pt>
                <c:pt idx="3915">
                  <c:v>13899.9</c:v>
                </c:pt>
                <c:pt idx="3916">
                  <c:v>18011.8</c:v>
                </c:pt>
                <c:pt idx="3917">
                  <c:v>17073</c:v>
                </c:pt>
                <c:pt idx="3918">
                  <c:v>16614.7</c:v>
                </c:pt>
                <c:pt idx="3919">
                  <c:v>16339.1</c:v>
                </c:pt>
                <c:pt idx="3920">
                  <c:v>16332.6</c:v>
                </c:pt>
                <c:pt idx="3921">
                  <c:v>16069.3</c:v>
                </c:pt>
                <c:pt idx="3922">
                  <c:v>15880.4</c:v>
                </c:pt>
                <c:pt idx="3923">
                  <c:v>15728.2</c:v>
                </c:pt>
                <c:pt idx="3924">
                  <c:v>15594.6</c:v>
                </c:pt>
                <c:pt idx="3925">
                  <c:v>15663.4</c:v>
                </c:pt>
                <c:pt idx="3926">
                  <c:v>15545.2</c:v>
                </c:pt>
                <c:pt idx="3927">
                  <c:v>19521.599999999999</c:v>
                </c:pt>
                <c:pt idx="3928">
                  <c:v>18612.2</c:v>
                </c:pt>
                <c:pt idx="3929">
                  <c:v>18265.900000000001</c:v>
                </c:pt>
                <c:pt idx="3930">
                  <c:v>17831.599999999999</c:v>
                </c:pt>
                <c:pt idx="3931">
                  <c:v>17776.3</c:v>
                </c:pt>
                <c:pt idx="3932">
                  <c:v>17623.2</c:v>
                </c:pt>
                <c:pt idx="3933">
                  <c:v>17440.400000000001</c:v>
                </c:pt>
                <c:pt idx="3934">
                  <c:v>17286.099999999999</c:v>
                </c:pt>
                <c:pt idx="3935">
                  <c:v>17148.8</c:v>
                </c:pt>
                <c:pt idx="3936">
                  <c:v>17213.900000000001</c:v>
                </c:pt>
                <c:pt idx="3937">
                  <c:v>17091.5</c:v>
                </c:pt>
                <c:pt idx="3938">
                  <c:v>21234.799999999999</c:v>
                </c:pt>
                <c:pt idx="3939">
                  <c:v>20178.7</c:v>
                </c:pt>
                <c:pt idx="3940">
                  <c:v>19746.7</c:v>
                </c:pt>
                <c:pt idx="3941">
                  <c:v>19330.3</c:v>
                </c:pt>
                <c:pt idx="3942">
                  <c:v>19435.400000000001</c:v>
                </c:pt>
                <c:pt idx="3943">
                  <c:v>19219.2</c:v>
                </c:pt>
                <c:pt idx="3944">
                  <c:v>19034.400000000001</c:v>
                </c:pt>
                <c:pt idx="3945">
                  <c:v>18877.400000000001</c:v>
                </c:pt>
                <c:pt idx="3946">
                  <c:v>18736.400000000001</c:v>
                </c:pt>
                <c:pt idx="3947">
                  <c:v>18612.3</c:v>
                </c:pt>
                <c:pt idx="3948">
                  <c:v>18670.3</c:v>
                </c:pt>
                <c:pt idx="3949">
                  <c:v>22622.799999999999</c:v>
                </c:pt>
                <c:pt idx="3950">
                  <c:v>21703.5</c:v>
                </c:pt>
                <c:pt idx="3951">
                  <c:v>21398.3</c:v>
                </c:pt>
                <c:pt idx="3952">
                  <c:v>21062.7</c:v>
                </c:pt>
                <c:pt idx="3953">
                  <c:v>20898</c:v>
                </c:pt>
                <c:pt idx="3954">
                  <c:v>20575.099999999999</c:v>
                </c:pt>
                <c:pt idx="3955">
                  <c:v>20486.3</c:v>
                </c:pt>
                <c:pt idx="3956">
                  <c:v>20360.400000000001</c:v>
                </c:pt>
                <c:pt idx="3957">
                  <c:v>20350.099999999999</c:v>
                </c:pt>
                <c:pt idx="3958">
                  <c:v>20202.8</c:v>
                </c:pt>
                <c:pt idx="3959">
                  <c:v>20206.099999999999</c:v>
                </c:pt>
                <c:pt idx="3960">
                  <c:v>5630.42</c:v>
                </c:pt>
                <c:pt idx="3961">
                  <c:v>5038.91</c:v>
                </c:pt>
                <c:pt idx="3962">
                  <c:v>4580.29</c:v>
                </c:pt>
                <c:pt idx="3963">
                  <c:v>4276.71</c:v>
                </c:pt>
                <c:pt idx="3964">
                  <c:v>4049.21</c:v>
                </c:pt>
                <c:pt idx="3965">
                  <c:v>3859.11</c:v>
                </c:pt>
                <c:pt idx="3966">
                  <c:v>3742.92</c:v>
                </c:pt>
                <c:pt idx="3967">
                  <c:v>3613</c:v>
                </c:pt>
                <c:pt idx="3968">
                  <c:v>3552.02</c:v>
                </c:pt>
                <c:pt idx="3969">
                  <c:v>3457.34</c:v>
                </c:pt>
                <c:pt idx="3970">
                  <c:v>3391.58</c:v>
                </c:pt>
                <c:pt idx="3971">
                  <c:v>6839.5</c:v>
                </c:pt>
                <c:pt idx="3972">
                  <c:v>6336.96</c:v>
                </c:pt>
                <c:pt idx="3973">
                  <c:v>6024.89</c:v>
                </c:pt>
                <c:pt idx="3974">
                  <c:v>5762.39</c:v>
                </c:pt>
                <c:pt idx="3975">
                  <c:v>5508.65</c:v>
                </c:pt>
                <c:pt idx="3976">
                  <c:v>5333.76</c:v>
                </c:pt>
                <c:pt idx="3977">
                  <c:v>5149.3599999999997</c:v>
                </c:pt>
                <c:pt idx="3978">
                  <c:v>5041.8500000000004</c:v>
                </c:pt>
                <c:pt idx="3979">
                  <c:v>4986.3100000000004</c:v>
                </c:pt>
                <c:pt idx="3980">
                  <c:v>4894.6899999999996</c:v>
                </c:pt>
                <c:pt idx="3981">
                  <c:v>4803.38</c:v>
                </c:pt>
                <c:pt idx="3982">
                  <c:v>8203.69</c:v>
                </c:pt>
                <c:pt idx="3983">
                  <c:v>7906.16</c:v>
                </c:pt>
                <c:pt idx="3984">
                  <c:v>7255.39</c:v>
                </c:pt>
                <c:pt idx="3985">
                  <c:v>7131.17</c:v>
                </c:pt>
                <c:pt idx="3986">
                  <c:v>6925.05</c:v>
                </c:pt>
                <c:pt idx="3987">
                  <c:v>6780.3</c:v>
                </c:pt>
                <c:pt idx="3988">
                  <c:v>6583.69</c:v>
                </c:pt>
                <c:pt idx="3989">
                  <c:v>6501.5</c:v>
                </c:pt>
                <c:pt idx="3990">
                  <c:v>6489.58</c:v>
                </c:pt>
                <c:pt idx="3991">
                  <c:v>6269.73</c:v>
                </c:pt>
                <c:pt idx="3992">
                  <c:v>6220.78</c:v>
                </c:pt>
                <c:pt idx="3993">
                  <c:v>10424.799999999999</c:v>
                </c:pt>
                <c:pt idx="3994">
                  <c:v>9396.5</c:v>
                </c:pt>
                <c:pt idx="3995">
                  <c:v>9042.59</c:v>
                </c:pt>
                <c:pt idx="3996">
                  <c:v>8559.5300000000007</c:v>
                </c:pt>
                <c:pt idx="3997">
                  <c:v>8497.2099999999991</c:v>
                </c:pt>
                <c:pt idx="3998">
                  <c:v>8280.66</c:v>
                </c:pt>
                <c:pt idx="3999">
                  <c:v>8155.73</c:v>
                </c:pt>
                <c:pt idx="4000">
                  <c:v>8037.24</c:v>
                </c:pt>
                <c:pt idx="4001">
                  <c:v>7806.8</c:v>
                </c:pt>
                <c:pt idx="4002">
                  <c:v>7722.62</c:v>
                </c:pt>
                <c:pt idx="4003">
                  <c:v>7714.15</c:v>
                </c:pt>
                <c:pt idx="4004">
                  <c:v>11848.6</c:v>
                </c:pt>
                <c:pt idx="4005">
                  <c:v>10974.7</c:v>
                </c:pt>
                <c:pt idx="4006">
                  <c:v>10420</c:v>
                </c:pt>
                <c:pt idx="4007">
                  <c:v>10263</c:v>
                </c:pt>
                <c:pt idx="4008">
                  <c:v>9971.16</c:v>
                </c:pt>
                <c:pt idx="4009">
                  <c:v>9767.34</c:v>
                </c:pt>
                <c:pt idx="4010">
                  <c:v>9620.6</c:v>
                </c:pt>
                <c:pt idx="4011">
                  <c:v>9586.07</c:v>
                </c:pt>
                <c:pt idx="4012">
                  <c:v>9458.57</c:v>
                </c:pt>
                <c:pt idx="4013">
                  <c:v>9349.11</c:v>
                </c:pt>
                <c:pt idx="4014">
                  <c:v>9253.61</c:v>
                </c:pt>
                <c:pt idx="4015">
                  <c:v>13395.1</c:v>
                </c:pt>
                <c:pt idx="4016">
                  <c:v>12706.3</c:v>
                </c:pt>
                <c:pt idx="4017">
                  <c:v>11977.3</c:v>
                </c:pt>
                <c:pt idx="4018">
                  <c:v>11615.5</c:v>
                </c:pt>
                <c:pt idx="4019">
                  <c:v>11586.6</c:v>
                </c:pt>
                <c:pt idx="4020">
                  <c:v>11323.6</c:v>
                </c:pt>
                <c:pt idx="4021">
                  <c:v>11167.6</c:v>
                </c:pt>
                <c:pt idx="4022">
                  <c:v>11187.5</c:v>
                </c:pt>
                <c:pt idx="4023">
                  <c:v>11040.1</c:v>
                </c:pt>
                <c:pt idx="4024">
                  <c:v>10915.4</c:v>
                </c:pt>
                <c:pt idx="4025">
                  <c:v>10807.7</c:v>
                </c:pt>
                <c:pt idx="4026">
                  <c:v>14999.4</c:v>
                </c:pt>
                <c:pt idx="4027">
                  <c:v>14126.8</c:v>
                </c:pt>
                <c:pt idx="4028">
                  <c:v>13520.4</c:v>
                </c:pt>
                <c:pt idx="4029">
                  <c:v>13326.2</c:v>
                </c:pt>
                <c:pt idx="4030">
                  <c:v>13019.4</c:v>
                </c:pt>
                <c:pt idx="4031">
                  <c:v>12998.2</c:v>
                </c:pt>
                <c:pt idx="4032">
                  <c:v>12766</c:v>
                </c:pt>
                <c:pt idx="4033">
                  <c:v>12717.6</c:v>
                </c:pt>
                <c:pt idx="4034">
                  <c:v>12557</c:v>
                </c:pt>
                <c:pt idx="4035">
                  <c:v>12419.6</c:v>
                </c:pt>
                <c:pt idx="4036">
                  <c:v>12418.2</c:v>
                </c:pt>
                <c:pt idx="4037">
                  <c:v>16677.900000000001</c:v>
                </c:pt>
                <c:pt idx="4038">
                  <c:v>15683.8</c:v>
                </c:pt>
                <c:pt idx="4039">
                  <c:v>15051.8</c:v>
                </c:pt>
                <c:pt idx="4040">
                  <c:v>14678.4</c:v>
                </c:pt>
                <c:pt idx="4041">
                  <c:v>14689.9</c:v>
                </c:pt>
                <c:pt idx="4042">
                  <c:v>14462.5</c:v>
                </c:pt>
                <c:pt idx="4043">
                  <c:v>14311</c:v>
                </c:pt>
                <c:pt idx="4044">
                  <c:v>14186.6</c:v>
                </c:pt>
                <c:pt idx="4045">
                  <c:v>14072.4</c:v>
                </c:pt>
                <c:pt idx="4046">
                  <c:v>13992.5</c:v>
                </c:pt>
                <c:pt idx="4047">
                  <c:v>13891.8</c:v>
                </c:pt>
                <c:pt idx="4048">
                  <c:v>18011.8</c:v>
                </c:pt>
                <c:pt idx="4049">
                  <c:v>17073</c:v>
                </c:pt>
                <c:pt idx="4050">
                  <c:v>16614.7</c:v>
                </c:pt>
                <c:pt idx="4051">
                  <c:v>16339.1</c:v>
                </c:pt>
                <c:pt idx="4052">
                  <c:v>16249.5</c:v>
                </c:pt>
                <c:pt idx="4053">
                  <c:v>15998.7</c:v>
                </c:pt>
                <c:pt idx="4054">
                  <c:v>15802.5</c:v>
                </c:pt>
                <c:pt idx="4055">
                  <c:v>15791.3</c:v>
                </c:pt>
                <c:pt idx="4056">
                  <c:v>15655.7</c:v>
                </c:pt>
                <c:pt idx="4057">
                  <c:v>15536</c:v>
                </c:pt>
                <c:pt idx="4058">
                  <c:v>15425.9</c:v>
                </c:pt>
                <c:pt idx="4059">
                  <c:v>19521.599999999999</c:v>
                </c:pt>
                <c:pt idx="4060">
                  <c:v>18612.2</c:v>
                </c:pt>
                <c:pt idx="4061">
                  <c:v>18265.900000000001</c:v>
                </c:pt>
                <c:pt idx="4062">
                  <c:v>17831.599999999999</c:v>
                </c:pt>
                <c:pt idx="4063">
                  <c:v>17746.900000000001</c:v>
                </c:pt>
                <c:pt idx="4064">
                  <c:v>17529.099999999999</c:v>
                </c:pt>
                <c:pt idx="4065">
                  <c:v>17358.400000000001</c:v>
                </c:pt>
                <c:pt idx="4066">
                  <c:v>17346</c:v>
                </c:pt>
                <c:pt idx="4067">
                  <c:v>17205.8</c:v>
                </c:pt>
                <c:pt idx="4068">
                  <c:v>17081.5</c:v>
                </c:pt>
                <c:pt idx="4069">
                  <c:v>17093.3</c:v>
                </c:pt>
                <c:pt idx="4070">
                  <c:v>21234.799999999999</c:v>
                </c:pt>
                <c:pt idx="4071">
                  <c:v>20178.7</c:v>
                </c:pt>
                <c:pt idx="4072">
                  <c:v>19746.7</c:v>
                </c:pt>
                <c:pt idx="4073">
                  <c:v>19542.3</c:v>
                </c:pt>
                <c:pt idx="4074">
                  <c:v>19339.599999999999</c:v>
                </c:pt>
                <c:pt idx="4075">
                  <c:v>19142</c:v>
                </c:pt>
                <c:pt idx="4076">
                  <c:v>18968.8</c:v>
                </c:pt>
                <c:pt idx="4077">
                  <c:v>18863.099999999999</c:v>
                </c:pt>
                <c:pt idx="4078">
                  <c:v>18722.2</c:v>
                </c:pt>
                <c:pt idx="4079">
                  <c:v>18598.099999999999</c:v>
                </c:pt>
                <c:pt idx="4080">
                  <c:v>18656.599999999999</c:v>
                </c:pt>
                <c:pt idx="4081">
                  <c:v>22596.7</c:v>
                </c:pt>
                <c:pt idx="4082">
                  <c:v>21653</c:v>
                </c:pt>
                <c:pt idx="4083">
                  <c:v>21358.3</c:v>
                </c:pt>
                <c:pt idx="4084">
                  <c:v>21062.7</c:v>
                </c:pt>
                <c:pt idx="4085">
                  <c:v>20887</c:v>
                </c:pt>
                <c:pt idx="4086">
                  <c:v>20575.099999999999</c:v>
                </c:pt>
                <c:pt idx="4087">
                  <c:v>20486.3</c:v>
                </c:pt>
                <c:pt idx="4088">
                  <c:v>20311.3</c:v>
                </c:pt>
                <c:pt idx="4089">
                  <c:v>20333.900000000001</c:v>
                </c:pt>
                <c:pt idx="4090">
                  <c:v>20177</c:v>
                </c:pt>
                <c:pt idx="4091">
                  <c:v>20061.599999999999</c:v>
                </c:pt>
                <c:pt idx="4092">
                  <c:v>5630.42</c:v>
                </c:pt>
                <c:pt idx="4093">
                  <c:v>5038.91</c:v>
                </c:pt>
                <c:pt idx="4094">
                  <c:v>4580.29</c:v>
                </c:pt>
                <c:pt idx="4095">
                  <c:v>4276.71</c:v>
                </c:pt>
                <c:pt idx="4096">
                  <c:v>4052.64</c:v>
                </c:pt>
                <c:pt idx="4097">
                  <c:v>3862.43</c:v>
                </c:pt>
                <c:pt idx="4098">
                  <c:v>3708.28</c:v>
                </c:pt>
                <c:pt idx="4099">
                  <c:v>3579.08</c:v>
                </c:pt>
                <c:pt idx="4100">
                  <c:v>3508.53</c:v>
                </c:pt>
                <c:pt idx="4101">
                  <c:v>3419.69</c:v>
                </c:pt>
                <c:pt idx="4102">
                  <c:v>3357.79</c:v>
                </c:pt>
                <c:pt idx="4103">
                  <c:v>6839.5</c:v>
                </c:pt>
                <c:pt idx="4104">
                  <c:v>6336.96</c:v>
                </c:pt>
                <c:pt idx="4105">
                  <c:v>6024.89</c:v>
                </c:pt>
                <c:pt idx="4106">
                  <c:v>5762.39</c:v>
                </c:pt>
                <c:pt idx="4107">
                  <c:v>5508.65</c:v>
                </c:pt>
                <c:pt idx="4108">
                  <c:v>5333.76</c:v>
                </c:pt>
                <c:pt idx="4109">
                  <c:v>5149.3599999999997</c:v>
                </c:pt>
                <c:pt idx="4110">
                  <c:v>5041.8500000000004</c:v>
                </c:pt>
                <c:pt idx="4111">
                  <c:v>4910.79</c:v>
                </c:pt>
                <c:pt idx="4112">
                  <c:v>4825.6099999999997</c:v>
                </c:pt>
                <c:pt idx="4113">
                  <c:v>4797.5600000000004</c:v>
                </c:pt>
                <c:pt idx="4114">
                  <c:v>8203.69</c:v>
                </c:pt>
                <c:pt idx="4115">
                  <c:v>7906.16</c:v>
                </c:pt>
                <c:pt idx="4116">
                  <c:v>7255.39</c:v>
                </c:pt>
                <c:pt idx="4117">
                  <c:v>7131.17</c:v>
                </c:pt>
                <c:pt idx="4118">
                  <c:v>6925.05</c:v>
                </c:pt>
                <c:pt idx="4119">
                  <c:v>6780.3</c:v>
                </c:pt>
                <c:pt idx="4120">
                  <c:v>6583.69</c:v>
                </c:pt>
                <c:pt idx="4121">
                  <c:v>6501.5</c:v>
                </c:pt>
                <c:pt idx="4122">
                  <c:v>6489.58</c:v>
                </c:pt>
                <c:pt idx="4123">
                  <c:v>6269.73</c:v>
                </c:pt>
                <c:pt idx="4124">
                  <c:v>6220.78</c:v>
                </c:pt>
                <c:pt idx="4125">
                  <c:v>10424.799999999999</c:v>
                </c:pt>
                <c:pt idx="4126">
                  <c:v>9396.5</c:v>
                </c:pt>
                <c:pt idx="4127">
                  <c:v>9042.59</c:v>
                </c:pt>
                <c:pt idx="4128">
                  <c:v>8559.5300000000007</c:v>
                </c:pt>
                <c:pt idx="4129">
                  <c:v>8497.2099999999991</c:v>
                </c:pt>
                <c:pt idx="4130">
                  <c:v>8273.94</c:v>
                </c:pt>
                <c:pt idx="4131">
                  <c:v>8133.21</c:v>
                </c:pt>
                <c:pt idx="4132">
                  <c:v>8019.84</c:v>
                </c:pt>
                <c:pt idx="4133">
                  <c:v>7925.14</c:v>
                </c:pt>
                <c:pt idx="4134">
                  <c:v>7788.34</c:v>
                </c:pt>
                <c:pt idx="4135">
                  <c:v>7781.15</c:v>
                </c:pt>
                <c:pt idx="4136">
                  <c:v>11848.6</c:v>
                </c:pt>
                <c:pt idx="4137">
                  <c:v>10974.7</c:v>
                </c:pt>
                <c:pt idx="4138">
                  <c:v>10420</c:v>
                </c:pt>
                <c:pt idx="4139">
                  <c:v>10263</c:v>
                </c:pt>
                <c:pt idx="4140">
                  <c:v>9971.16</c:v>
                </c:pt>
                <c:pt idx="4141">
                  <c:v>9749.34</c:v>
                </c:pt>
                <c:pt idx="4142">
                  <c:v>9599.32</c:v>
                </c:pt>
                <c:pt idx="4143">
                  <c:v>9477.3799999999992</c:v>
                </c:pt>
                <c:pt idx="4144">
                  <c:v>9450.5499999999993</c:v>
                </c:pt>
                <c:pt idx="4145">
                  <c:v>9340.6200000000008</c:v>
                </c:pt>
                <c:pt idx="4146">
                  <c:v>9244.81</c:v>
                </c:pt>
                <c:pt idx="4147">
                  <c:v>13395.1</c:v>
                </c:pt>
                <c:pt idx="4148">
                  <c:v>12706.3</c:v>
                </c:pt>
                <c:pt idx="4149">
                  <c:v>11977.3</c:v>
                </c:pt>
                <c:pt idx="4150">
                  <c:v>11615.5</c:v>
                </c:pt>
                <c:pt idx="4151">
                  <c:v>11575.4</c:v>
                </c:pt>
                <c:pt idx="4152">
                  <c:v>11323.6</c:v>
                </c:pt>
                <c:pt idx="4153">
                  <c:v>11167.6</c:v>
                </c:pt>
                <c:pt idx="4154">
                  <c:v>11135.8</c:v>
                </c:pt>
                <c:pt idx="4155">
                  <c:v>10994.3</c:v>
                </c:pt>
                <c:pt idx="4156">
                  <c:v>10874.8</c:v>
                </c:pt>
                <c:pt idx="4157">
                  <c:v>10877.1</c:v>
                </c:pt>
                <c:pt idx="4158">
                  <c:v>14999.4</c:v>
                </c:pt>
                <c:pt idx="4159">
                  <c:v>14126.8</c:v>
                </c:pt>
                <c:pt idx="4160">
                  <c:v>13520.4</c:v>
                </c:pt>
                <c:pt idx="4161">
                  <c:v>13326.2</c:v>
                </c:pt>
                <c:pt idx="4162">
                  <c:v>13019.4</c:v>
                </c:pt>
                <c:pt idx="4163">
                  <c:v>12978.5</c:v>
                </c:pt>
                <c:pt idx="4164">
                  <c:v>12749.8</c:v>
                </c:pt>
                <c:pt idx="4165">
                  <c:v>12687.1</c:v>
                </c:pt>
                <c:pt idx="4166">
                  <c:v>12530.7</c:v>
                </c:pt>
                <c:pt idx="4167">
                  <c:v>12399.2</c:v>
                </c:pt>
                <c:pt idx="4168">
                  <c:v>12418.2</c:v>
                </c:pt>
                <c:pt idx="4169">
                  <c:v>16677.900000000001</c:v>
                </c:pt>
                <c:pt idx="4170">
                  <c:v>15683.8</c:v>
                </c:pt>
                <c:pt idx="4171">
                  <c:v>15051.8</c:v>
                </c:pt>
                <c:pt idx="4172">
                  <c:v>14678.4</c:v>
                </c:pt>
                <c:pt idx="4173">
                  <c:v>14689.9</c:v>
                </c:pt>
                <c:pt idx="4174">
                  <c:v>14462.5</c:v>
                </c:pt>
                <c:pt idx="4175">
                  <c:v>14283.9</c:v>
                </c:pt>
                <c:pt idx="4176">
                  <c:v>14133.5</c:v>
                </c:pt>
                <c:pt idx="4177">
                  <c:v>14055.2</c:v>
                </c:pt>
                <c:pt idx="4178">
                  <c:v>13952.9</c:v>
                </c:pt>
                <c:pt idx="4179">
                  <c:v>13952.1</c:v>
                </c:pt>
                <c:pt idx="4180">
                  <c:v>18011.8</c:v>
                </c:pt>
                <c:pt idx="4181">
                  <c:v>17073</c:v>
                </c:pt>
                <c:pt idx="4182">
                  <c:v>16614.7</c:v>
                </c:pt>
                <c:pt idx="4183">
                  <c:v>16339.1</c:v>
                </c:pt>
                <c:pt idx="4184">
                  <c:v>16233.3</c:v>
                </c:pt>
                <c:pt idx="4185">
                  <c:v>15985.2</c:v>
                </c:pt>
                <c:pt idx="4186">
                  <c:v>15871.2</c:v>
                </c:pt>
                <c:pt idx="4187">
                  <c:v>15745.5</c:v>
                </c:pt>
                <c:pt idx="4188">
                  <c:v>15607.4</c:v>
                </c:pt>
                <c:pt idx="4189">
                  <c:v>15637.2</c:v>
                </c:pt>
                <c:pt idx="4190">
                  <c:v>15518.2</c:v>
                </c:pt>
                <c:pt idx="4191">
                  <c:v>19521.599999999999</c:v>
                </c:pt>
                <c:pt idx="4192">
                  <c:v>18612.2</c:v>
                </c:pt>
                <c:pt idx="4193">
                  <c:v>18265.900000000001</c:v>
                </c:pt>
                <c:pt idx="4194">
                  <c:v>17831.599999999999</c:v>
                </c:pt>
                <c:pt idx="4195">
                  <c:v>17739.599999999999</c:v>
                </c:pt>
                <c:pt idx="4196">
                  <c:v>17592.599999999999</c:v>
                </c:pt>
                <c:pt idx="4197">
                  <c:v>17455.900000000001</c:v>
                </c:pt>
                <c:pt idx="4198">
                  <c:v>17297.8</c:v>
                </c:pt>
                <c:pt idx="4199">
                  <c:v>17157.8</c:v>
                </c:pt>
                <c:pt idx="4200">
                  <c:v>17034.7</c:v>
                </c:pt>
                <c:pt idx="4201">
                  <c:v>17036.8</c:v>
                </c:pt>
                <c:pt idx="4202">
                  <c:v>21234.799999999999</c:v>
                </c:pt>
                <c:pt idx="4203">
                  <c:v>20178.7</c:v>
                </c:pt>
                <c:pt idx="4204">
                  <c:v>19746.7</c:v>
                </c:pt>
                <c:pt idx="4205">
                  <c:v>19516.599999999999</c:v>
                </c:pt>
                <c:pt idx="4206">
                  <c:v>19292</c:v>
                </c:pt>
                <c:pt idx="4207">
                  <c:v>19110.2</c:v>
                </c:pt>
                <c:pt idx="4208">
                  <c:v>18938.8</c:v>
                </c:pt>
                <c:pt idx="4209">
                  <c:v>18792.099999999999</c:v>
                </c:pt>
                <c:pt idx="4210">
                  <c:v>18773.3</c:v>
                </c:pt>
                <c:pt idx="4211">
                  <c:v>18646.599999999999</c:v>
                </c:pt>
                <c:pt idx="4212">
                  <c:v>18525.599999999999</c:v>
                </c:pt>
                <c:pt idx="4213">
                  <c:v>22596.7</c:v>
                </c:pt>
                <c:pt idx="4214">
                  <c:v>21976</c:v>
                </c:pt>
                <c:pt idx="4215">
                  <c:v>21323.7</c:v>
                </c:pt>
                <c:pt idx="4216">
                  <c:v>21062.7</c:v>
                </c:pt>
                <c:pt idx="4217">
                  <c:v>20887</c:v>
                </c:pt>
                <c:pt idx="4218">
                  <c:v>20575.099999999999</c:v>
                </c:pt>
                <c:pt idx="4219">
                  <c:v>20445.599999999999</c:v>
                </c:pt>
                <c:pt idx="4220">
                  <c:v>20414.7</c:v>
                </c:pt>
                <c:pt idx="4221">
                  <c:v>20333.900000000001</c:v>
                </c:pt>
                <c:pt idx="4222">
                  <c:v>20177</c:v>
                </c:pt>
                <c:pt idx="4223">
                  <c:v>20061.599999999999</c:v>
                </c:pt>
                <c:pt idx="4224">
                  <c:v>5630.42</c:v>
                </c:pt>
                <c:pt idx="4225">
                  <c:v>5038.91</c:v>
                </c:pt>
                <c:pt idx="4226">
                  <c:v>4580.29</c:v>
                </c:pt>
                <c:pt idx="4227">
                  <c:v>4276.71</c:v>
                </c:pt>
                <c:pt idx="4228">
                  <c:v>4053.45</c:v>
                </c:pt>
                <c:pt idx="4229">
                  <c:v>3835.43</c:v>
                </c:pt>
                <c:pt idx="4230">
                  <c:v>3709.8</c:v>
                </c:pt>
                <c:pt idx="4231">
                  <c:v>3580.2</c:v>
                </c:pt>
                <c:pt idx="4232">
                  <c:v>3472.64</c:v>
                </c:pt>
                <c:pt idx="4233">
                  <c:v>3413.57</c:v>
                </c:pt>
                <c:pt idx="4234">
                  <c:v>3319.44</c:v>
                </c:pt>
                <c:pt idx="4235">
                  <c:v>6839.5</c:v>
                </c:pt>
                <c:pt idx="4236">
                  <c:v>6336.96</c:v>
                </c:pt>
                <c:pt idx="4237">
                  <c:v>6024.89</c:v>
                </c:pt>
                <c:pt idx="4238">
                  <c:v>5762.39</c:v>
                </c:pt>
                <c:pt idx="4239">
                  <c:v>5508.65</c:v>
                </c:pt>
                <c:pt idx="4240">
                  <c:v>5333.76</c:v>
                </c:pt>
                <c:pt idx="4241">
                  <c:v>5149.3599999999997</c:v>
                </c:pt>
                <c:pt idx="4242">
                  <c:v>5041.8500000000004</c:v>
                </c:pt>
                <c:pt idx="4243">
                  <c:v>4910.79</c:v>
                </c:pt>
                <c:pt idx="4244">
                  <c:v>4825.6099999999997</c:v>
                </c:pt>
                <c:pt idx="4245">
                  <c:v>4796.1400000000003</c:v>
                </c:pt>
                <c:pt idx="4246">
                  <c:v>8203.69</c:v>
                </c:pt>
                <c:pt idx="4247">
                  <c:v>7906.16</c:v>
                </c:pt>
                <c:pt idx="4248">
                  <c:v>7255.39</c:v>
                </c:pt>
                <c:pt idx="4249">
                  <c:v>7131.17</c:v>
                </c:pt>
                <c:pt idx="4250">
                  <c:v>6925.05</c:v>
                </c:pt>
                <c:pt idx="4251">
                  <c:v>6780.3</c:v>
                </c:pt>
                <c:pt idx="4252">
                  <c:v>6583.69</c:v>
                </c:pt>
                <c:pt idx="4253">
                  <c:v>6501.5</c:v>
                </c:pt>
                <c:pt idx="4254">
                  <c:v>6397.06</c:v>
                </c:pt>
                <c:pt idx="4255">
                  <c:v>6269.73</c:v>
                </c:pt>
                <c:pt idx="4256">
                  <c:v>6220.78</c:v>
                </c:pt>
                <c:pt idx="4257">
                  <c:v>10424.799999999999</c:v>
                </c:pt>
                <c:pt idx="4258">
                  <c:v>9396.5</c:v>
                </c:pt>
                <c:pt idx="4259">
                  <c:v>9042.59</c:v>
                </c:pt>
                <c:pt idx="4260">
                  <c:v>8559.5300000000007</c:v>
                </c:pt>
                <c:pt idx="4261">
                  <c:v>8497.2099999999991</c:v>
                </c:pt>
                <c:pt idx="4262">
                  <c:v>8273.94</c:v>
                </c:pt>
                <c:pt idx="4263">
                  <c:v>8107.44</c:v>
                </c:pt>
                <c:pt idx="4264">
                  <c:v>8008.38</c:v>
                </c:pt>
                <c:pt idx="4265">
                  <c:v>7876.17</c:v>
                </c:pt>
                <c:pt idx="4266">
                  <c:v>7826.42</c:v>
                </c:pt>
                <c:pt idx="4267">
                  <c:v>7734.86</c:v>
                </c:pt>
                <c:pt idx="4268">
                  <c:v>11848.6</c:v>
                </c:pt>
                <c:pt idx="4269">
                  <c:v>10974.7</c:v>
                </c:pt>
                <c:pt idx="4270">
                  <c:v>10420</c:v>
                </c:pt>
                <c:pt idx="4271">
                  <c:v>10263</c:v>
                </c:pt>
                <c:pt idx="4272">
                  <c:v>9971.16</c:v>
                </c:pt>
                <c:pt idx="4273">
                  <c:v>9736.5300000000007</c:v>
                </c:pt>
                <c:pt idx="4274">
                  <c:v>9705.7999999999993</c:v>
                </c:pt>
                <c:pt idx="4275">
                  <c:v>9576.64</c:v>
                </c:pt>
                <c:pt idx="4276">
                  <c:v>9466.8700000000008</c:v>
                </c:pt>
                <c:pt idx="4277">
                  <c:v>9333.69</c:v>
                </c:pt>
                <c:pt idx="4278">
                  <c:v>9237.5400000000009</c:v>
                </c:pt>
                <c:pt idx="4279">
                  <c:v>13395.1</c:v>
                </c:pt>
                <c:pt idx="4280">
                  <c:v>12706.3</c:v>
                </c:pt>
                <c:pt idx="4281">
                  <c:v>11977.3</c:v>
                </c:pt>
                <c:pt idx="4282">
                  <c:v>11615.5</c:v>
                </c:pt>
                <c:pt idx="4283">
                  <c:v>11575.4</c:v>
                </c:pt>
                <c:pt idx="4284">
                  <c:v>11323.6</c:v>
                </c:pt>
                <c:pt idx="4285">
                  <c:v>11167.6</c:v>
                </c:pt>
                <c:pt idx="4286">
                  <c:v>11123.2</c:v>
                </c:pt>
                <c:pt idx="4287">
                  <c:v>10983.3</c:v>
                </c:pt>
                <c:pt idx="4288">
                  <c:v>10864.9</c:v>
                </c:pt>
                <c:pt idx="4289">
                  <c:v>10858</c:v>
                </c:pt>
                <c:pt idx="4290">
                  <c:v>14999.4</c:v>
                </c:pt>
                <c:pt idx="4291">
                  <c:v>14126.8</c:v>
                </c:pt>
                <c:pt idx="4292">
                  <c:v>13520.4</c:v>
                </c:pt>
                <c:pt idx="4293">
                  <c:v>13326.2</c:v>
                </c:pt>
                <c:pt idx="4294">
                  <c:v>13019.4</c:v>
                </c:pt>
                <c:pt idx="4295">
                  <c:v>12968.4</c:v>
                </c:pt>
                <c:pt idx="4296">
                  <c:v>12745.1</c:v>
                </c:pt>
                <c:pt idx="4297">
                  <c:v>12685.1</c:v>
                </c:pt>
                <c:pt idx="4298">
                  <c:v>12530.7</c:v>
                </c:pt>
                <c:pt idx="4299">
                  <c:v>12399.2</c:v>
                </c:pt>
                <c:pt idx="4300">
                  <c:v>12377.8</c:v>
                </c:pt>
                <c:pt idx="4301">
                  <c:v>16677.900000000001</c:v>
                </c:pt>
                <c:pt idx="4302">
                  <c:v>15683.8</c:v>
                </c:pt>
                <c:pt idx="4303">
                  <c:v>15051.8</c:v>
                </c:pt>
                <c:pt idx="4304">
                  <c:v>14678.4</c:v>
                </c:pt>
                <c:pt idx="4305">
                  <c:v>14689.9</c:v>
                </c:pt>
                <c:pt idx="4306">
                  <c:v>14462.5</c:v>
                </c:pt>
                <c:pt idx="4307">
                  <c:v>14282.2</c:v>
                </c:pt>
                <c:pt idx="4308">
                  <c:v>14151.6</c:v>
                </c:pt>
                <c:pt idx="4309">
                  <c:v>14040.3</c:v>
                </c:pt>
                <c:pt idx="4310">
                  <c:v>14044.8</c:v>
                </c:pt>
                <c:pt idx="4311">
                  <c:v>13947.7</c:v>
                </c:pt>
                <c:pt idx="4312">
                  <c:v>18011.8</c:v>
                </c:pt>
                <c:pt idx="4313">
                  <c:v>17073</c:v>
                </c:pt>
                <c:pt idx="4314">
                  <c:v>16614.7</c:v>
                </c:pt>
                <c:pt idx="4315">
                  <c:v>16339.1</c:v>
                </c:pt>
                <c:pt idx="4316">
                  <c:v>16233.3</c:v>
                </c:pt>
                <c:pt idx="4317">
                  <c:v>15985.2</c:v>
                </c:pt>
                <c:pt idx="4318">
                  <c:v>15867.2</c:v>
                </c:pt>
                <c:pt idx="4319">
                  <c:v>15694.6</c:v>
                </c:pt>
                <c:pt idx="4320">
                  <c:v>15593.2</c:v>
                </c:pt>
                <c:pt idx="4321">
                  <c:v>15578.6</c:v>
                </c:pt>
                <c:pt idx="4322">
                  <c:v>15472.3</c:v>
                </c:pt>
                <c:pt idx="4323">
                  <c:v>19521.599999999999</c:v>
                </c:pt>
                <c:pt idx="4324">
                  <c:v>18612.2</c:v>
                </c:pt>
                <c:pt idx="4325">
                  <c:v>18265.900000000001</c:v>
                </c:pt>
                <c:pt idx="4326">
                  <c:v>17831.599999999999</c:v>
                </c:pt>
                <c:pt idx="4327">
                  <c:v>17739.599999999999</c:v>
                </c:pt>
                <c:pt idx="4328">
                  <c:v>17584</c:v>
                </c:pt>
                <c:pt idx="4329">
                  <c:v>17394.8</c:v>
                </c:pt>
                <c:pt idx="4330">
                  <c:v>17241.099999999999</c:v>
                </c:pt>
                <c:pt idx="4331">
                  <c:v>17136.2</c:v>
                </c:pt>
                <c:pt idx="4332">
                  <c:v>17117.400000000001</c:v>
                </c:pt>
                <c:pt idx="4333">
                  <c:v>17013.2</c:v>
                </c:pt>
                <c:pt idx="4334">
                  <c:v>21234.799999999999</c:v>
                </c:pt>
                <c:pt idx="4335">
                  <c:v>20178.7</c:v>
                </c:pt>
                <c:pt idx="4336">
                  <c:v>19746.7</c:v>
                </c:pt>
                <c:pt idx="4337">
                  <c:v>19509.7</c:v>
                </c:pt>
                <c:pt idx="4338">
                  <c:v>19268.7</c:v>
                </c:pt>
                <c:pt idx="4339">
                  <c:v>19099.2</c:v>
                </c:pt>
                <c:pt idx="4340">
                  <c:v>18923.3</c:v>
                </c:pt>
                <c:pt idx="4341">
                  <c:v>18774.3</c:v>
                </c:pt>
                <c:pt idx="4342">
                  <c:v>18748.400000000001</c:v>
                </c:pt>
                <c:pt idx="4343">
                  <c:v>18623.2</c:v>
                </c:pt>
                <c:pt idx="4344">
                  <c:v>18621.7</c:v>
                </c:pt>
                <c:pt idx="4345">
                  <c:v>22596.7</c:v>
                </c:pt>
                <c:pt idx="4346">
                  <c:v>21930.3</c:v>
                </c:pt>
                <c:pt idx="4347">
                  <c:v>21353.9</c:v>
                </c:pt>
                <c:pt idx="4348">
                  <c:v>21062.7</c:v>
                </c:pt>
                <c:pt idx="4349">
                  <c:v>20887</c:v>
                </c:pt>
                <c:pt idx="4350">
                  <c:v>20575.099999999999</c:v>
                </c:pt>
                <c:pt idx="4351">
                  <c:v>20445.599999999999</c:v>
                </c:pt>
                <c:pt idx="4352">
                  <c:v>20412.7</c:v>
                </c:pt>
                <c:pt idx="4353">
                  <c:v>20333.900000000001</c:v>
                </c:pt>
                <c:pt idx="4354">
                  <c:v>20177</c:v>
                </c:pt>
                <c:pt idx="4355">
                  <c:v>20061.599999999999</c:v>
                </c:pt>
                <c:pt idx="4356">
                  <c:v>5630.42</c:v>
                </c:pt>
                <c:pt idx="4357">
                  <c:v>5038.91</c:v>
                </c:pt>
                <c:pt idx="4358">
                  <c:v>4580.29</c:v>
                </c:pt>
                <c:pt idx="4359">
                  <c:v>4276.71</c:v>
                </c:pt>
                <c:pt idx="4360">
                  <c:v>4053.45</c:v>
                </c:pt>
                <c:pt idx="4361">
                  <c:v>3835.43</c:v>
                </c:pt>
                <c:pt idx="4362">
                  <c:v>3711.16</c:v>
                </c:pt>
                <c:pt idx="4363">
                  <c:v>3581.56</c:v>
                </c:pt>
                <c:pt idx="4364">
                  <c:v>3472.63</c:v>
                </c:pt>
                <c:pt idx="4365">
                  <c:v>3373.3</c:v>
                </c:pt>
                <c:pt idx="4366">
                  <c:v>3317</c:v>
                </c:pt>
                <c:pt idx="4367">
                  <c:v>6839.5</c:v>
                </c:pt>
                <c:pt idx="4368">
                  <c:v>6336.96</c:v>
                </c:pt>
                <c:pt idx="4369">
                  <c:v>6024.89</c:v>
                </c:pt>
                <c:pt idx="4370">
                  <c:v>5762.39</c:v>
                </c:pt>
                <c:pt idx="4371">
                  <c:v>5508.65</c:v>
                </c:pt>
                <c:pt idx="4372">
                  <c:v>5333.76</c:v>
                </c:pt>
                <c:pt idx="4373">
                  <c:v>5149.3599999999997</c:v>
                </c:pt>
                <c:pt idx="4374">
                  <c:v>5041.8500000000004</c:v>
                </c:pt>
                <c:pt idx="4375">
                  <c:v>4910.79</c:v>
                </c:pt>
                <c:pt idx="4376">
                  <c:v>4825.6099999999997</c:v>
                </c:pt>
                <c:pt idx="4377">
                  <c:v>4742.13</c:v>
                </c:pt>
                <c:pt idx="4378">
                  <c:v>8203.69</c:v>
                </c:pt>
                <c:pt idx="4379">
                  <c:v>7906.16</c:v>
                </c:pt>
                <c:pt idx="4380">
                  <c:v>7255.39</c:v>
                </c:pt>
                <c:pt idx="4381">
                  <c:v>7131.17</c:v>
                </c:pt>
                <c:pt idx="4382">
                  <c:v>6925.05</c:v>
                </c:pt>
                <c:pt idx="4383">
                  <c:v>6780.3</c:v>
                </c:pt>
                <c:pt idx="4384">
                  <c:v>6583.69</c:v>
                </c:pt>
                <c:pt idx="4385">
                  <c:v>6501.5</c:v>
                </c:pt>
                <c:pt idx="4386">
                  <c:v>6397.06</c:v>
                </c:pt>
                <c:pt idx="4387">
                  <c:v>6269.73</c:v>
                </c:pt>
                <c:pt idx="4388">
                  <c:v>6220.78</c:v>
                </c:pt>
                <c:pt idx="4389">
                  <c:v>10424.799999999999</c:v>
                </c:pt>
                <c:pt idx="4390">
                  <c:v>9396.5</c:v>
                </c:pt>
                <c:pt idx="4391">
                  <c:v>9042.59</c:v>
                </c:pt>
                <c:pt idx="4392">
                  <c:v>8559.5300000000007</c:v>
                </c:pt>
                <c:pt idx="4393">
                  <c:v>8497.2099999999991</c:v>
                </c:pt>
                <c:pt idx="4394">
                  <c:v>8273.94</c:v>
                </c:pt>
                <c:pt idx="4395">
                  <c:v>8097.31</c:v>
                </c:pt>
                <c:pt idx="4396">
                  <c:v>7985.08</c:v>
                </c:pt>
                <c:pt idx="4397">
                  <c:v>7895.43</c:v>
                </c:pt>
                <c:pt idx="4398">
                  <c:v>7811.97</c:v>
                </c:pt>
                <c:pt idx="4399">
                  <c:v>7738.3</c:v>
                </c:pt>
                <c:pt idx="4400">
                  <c:v>11848.6</c:v>
                </c:pt>
                <c:pt idx="4401">
                  <c:v>10974.7</c:v>
                </c:pt>
                <c:pt idx="4402">
                  <c:v>10420</c:v>
                </c:pt>
                <c:pt idx="4403">
                  <c:v>10263</c:v>
                </c:pt>
                <c:pt idx="4404">
                  <c:v>9971.16</c:v>
                </c:pt>
                <c:pt idx="4405">
                  <c:v>9736.5300000000007</c:v>
                </c:pt>
                <c:pt idx="4406">
                  <c:v>9693.17</c:v>
                </c:pt>
                <c:pt idx="4407">
                  <c:v>9556.4699999999993</c:v>
                </c:pt>
                <c:pt idx="4408">
                  <c:v>9442.75</c:v>
                </c:pt>
                <c:pt idx="4409">
                  <c:v>9344.6299999999992</c:v>
                </c:pt>
                <c:pt idx="4410">
                  <c:v>9231.56</c:v>
                </c:pt>
                <c:pt idx="4411">
                  <c:v>13395.1</c:v>
                </c:pt>
                <c:pt idx="4412">
                  <c:v>12706.3</c:v>
                </c:pt>
                <c:pt idx="4413">
                  <c:v>11977.3</c:v>
                </c:pt>
                <c:pt idx="4414">
                  <c:v>11615.5</c:v>
                </c:pt>
                <c:pt idx="4415">
                  <c:v>11575.4</c:v>
                </c:pt>
                <c:pt idx="4416">
                  <c:v>11323.6</c:v>
                </c:pt>
                <c:pt idx="4417">
                  <c:v>11167.6</c:v>
                </c:pt>
                <c:pt idx="4418">
                  <c:v>11118</c:v>
                </c:pt>
                <c:pt idx="4419">
                  <c:v>10978.5</c:v>
                </c:pt>
                <c:pt idx="4420">
                  <c:v>10860.4</c:v>
                </c:pt>
                <c:pt idx="4421">
                  <c:v>10849.9</c:v>
                </c:pt>
                <c:pt idx="4422">
                  <c:v>14999.4</c:v>
                </c:pt>
                <c:pt idx="4423">
                  <c:v>14126.8</c:v>
                </c:pt>
                <c:pt idx="4424">
                  <c:v>13520.4</c:v>
                </c:pt>
                <c:pt idx="4425">
                  <c:v>13326.2</c:v>
                </c:pt>
                <c:pt idx="4426">
                  <c:v>13019.4</c:v>
                </c:pt>
                <c:pt idx="4427">
                  <c:v>12968.4</c:v>
                </c:pt>
                <c:pt idx="4428">
                  <c:v>12745.1</c:v>
                </c:pt>
                <c:pt idx="4429">
                  <c:v>12685.1</c:v>
                </c:pt>
                <c:pt idx="4430">
                  <c:v>12530.7</c:v>
                </c:pt>
                <c:pt idx="4431">
                  <c:v>12399.2</c:v>
                </c:pt>
                <c:pt idx="4432">
                  <c:v>12370</c:v>
                </c:pt>
                <c:pt idx="4433">
                  <c:v>16677.900000000001</c:v>
                </c:pt>
                <c:pt idx="4434">
                  <c:v>15683.8</c:v>
                </c:pt>
                <c:pt idx="4435">
                  <c:v>15051.8</c:v>
                </c:pt>
                <c:pt idx="4436">
                  <c:v>14678.4</c:v>
                </c:pt>
                <c:pt idx="4437">
                  <c:v>14689.9</c:v>
                </c:pt>
                <c:pt idx="4438">
                  <c:v>14462.5</c:v>
                </c:pt>
                <c:pt idx="4439">
                  <c:v>14282.2</c:v>
                </c:pt>
                <c:pt idx="4440">
                  <c:v>14133.1</c:v>
                </c:pt>
                <c:pt idx="4441">
                  <c:v>14029.1</c:v>
                </c:pt>
                <c:pt idx="4442">
                  <c:v>14022.3</c:v>
                </c:pt>
                <c:pt idx="4443">
                  <c:v>13926.4</c:v>
                </c:pt>
                <c:pt idx="4444">
                  <c:v>18011.8</c:v>
                </c:pt>
                <c:pt idx="4445">
                  <c:v>17073</c:v>
                </c:pt>
                <c:pt idx="4446">
                  <c:v>16614.7</c:v>
                </c:pt>
                <c:pt idx="4447">
                  <c:v>16339.1</c:v>
                </c:pt>
                <c:pt idx="4448">
                  <c:v>16233.3</c:v>
                </c:pt>
                <c:pt idx="4449">
                  <c:v>15985.2</c:v>
                </c:pt>
                <c:pt idx="4450">
                  <c:v>15867.2</c:v>
                </c:pt>
                <c:pt idx="4451">
                  <c:v>15752.5</c:v>
                </c:pt>
                <c:pt idx="4452">
                  <c:v>15581.3</c:v>
                </c:pt>
                <c:pt idx="4453">
                  <c:v>15566.5</c:v>
                </c:pt>
                <c:pt idx="4454">
                  <c:v>15475.9</c:v>
                </c:pt>
                <c:pt idx="4455">
                  <c:v>19521.599999999999</c:v>
                </c:pt>
                <c:pt idx="4456">
                  <c:v>18612.2</c:v>
                </c:pt>
                <c:pt idx="4457">
                  <c:v>18265.900000000001</c:v>
                </c:pt>
                <c:pt idx="4458">
                  <c:v>17831.599999999999</c:v>
                </c:pt>
                <c:pt idx="4459">
                  <c:v>17739.599999999999</c:v>
                </c:pt>
                <c:pt idx="4460">
                  <c:v>17584</c:v>
                </c:pt>
                <c:pt idx="4461">
                  <c:v>17380.900000000001</c:v>
                </c:pt>
                <c:pt idx="4462">
                  <c:v>17226.7</c:v>
                </c:pt>
                <c:pt idx="4463">
                  <c:v>17223.3</c:v>
                </c:pt>
                <c:pt idx="4464">
                  <c:v>17107.5</c:v>
                </c:pt>
                <c:pt idx="4465">
                  <c:v>17015.3</c:v>
                </c:pt>
                <c:pt idx="4466">
                  <c:v>21234.799999999999</c:v>
                </c:pt>
                <c:pt idx="4467">
                  <c:v>20178.7</c:v>
                </c:pt>
                <c:pt idx="4468">
                  <c:v>19746.7</c:v>
                </c:pt>
                <c:pt idx="4469">
                  <c:v>19509.7</c:v>
                </c:pt>
                <c:pt idx="4470">
                  <c:v>19248.2</c:v>
                </c:pt>
                <c:pt idx="4471">
                  <c:v>19074.900000000001</c:v>
                </c:pt>
                <c:pt idx="4472">
                  <c:v>18915.099999999999</c:v>
                </c:pt>
                <c:pt idx="4473">
                  <c:v>18765.8</c:v>
                </c:pt>
                <c:pt idx="4474">
                  <c:v>18740.099999999999</c:v>
                </c:pt>
                <c:pt idx="4475">
                  <c:v>18614.8</c:v>
                </c:pt>
                <c:pt idx="4476">
                  <c:v>18613.5</c:v>
                </c:pt>
                <c:pt idx="4477">
                  <c:v>22596.7</c:v>
                </c:pt>
                <c:pt idx="4478">
                  <c:v>21930.3</c:v>
                </c:pt>
                <c:pt idx="4479">
                  <c:v>21336.9</c:v>
                </c:pt>
                <c:pt idx="4480">
                  <c:v>21062.7</c:v>
                </c:pt>
                <c:pt idx="4481">
                  <c:v>20887</c:v>
                </c:pt>
                <c:pt idx="4482">
                  <c:v>20575.099999999999</c:v>
                </c:pt>
                <c:pt idx="4483">
                  <c:v>20445.599999999999</c:v>
                </c:pt>
                <c:pt idx="4484">
                  <c:v>20412.7</c:v>
                </c:pt>
                <c:pt idx="4485">
                  <c:v>20296.2</c:v>
                </c:pt>
                <c:pt idx="4486">
                  <c:v>20146.3</c:v>
                </c:pt>
                <c:pt idx="4487">
                  <c:v>20061.599999999999</c:v>
                </c:pt>
                <c:pt idx="4488">
                  <c:v>5630.42</c:v>
                </c:pt>
                <c:pt idx="4489">
                  <c:v>5038.91</c:v>
                </c:pt>
                <c:pt idx="4490">
                  <c:v>4580.29</c:v>
                </c:pt>
                <c:pt idx="4491">
                  <c:v>4276.71</c:v>
                </c:pt>
                <c:pt idx="4492">
                  <c:v>4053.45</c:v>
                </c:pt>
                <c:pt idx="4493">
                  <c:v>3835.43</c:v>
                </c:pt>
                <c:pt idx="4494">
                  <c:v>3711.65</c:v>
                </c:pt>
                <c:pt idx="4495">
                  <c:v>3593.2</c:v>
                </c:pt>
                <c:pt idx="4496">
                  <c:v>3472.63</c:v>
                </c:pt>
                <c:pt idx="4497">
                  <c:v>3373.3</c:v>
                </c:pt>
                <c:pt idx="4498">
                  <c:v>3316.9</c:v>
                </c:pt>
                <c:pt idx="4499">
                  <c:v>6839.5</c:v>
                </c:pt>
                <c:pt idx="4500">
                  <c:v>6336.96</c:v>
                </c:pt>
                <c:pt idx="4501">
                  <c:v>6024.89</c:v>
                </c:pt>
                <c:pt idx="4502">
                  <c:v>5762.39</c:v>
                </c:pt>
                <c:pt idx="4503">
                  <c:v>5508.65</c:v>
                </c:pt>
                <c:pt idx="4504">
                  <c:v>5333.76</c:v>
                </c:pt>
                <c:pt idx="4505">
                  <c:v>5149.3599999999997</c:v>
                </c:pt>
                <c:pt idx="4506">
                  <c:v>5041.8500000000004</c:v>
                </c:pt>
                <c:pt idx="4507">
                  <c:v>4910.79</c:v>
                </c:pt>
                <c:pt idx="4508">
                  <c:v>4825.6099999999997</c:v>
                </c:pt>
                <c:pt idx="4509">
                  <c:v>4742.13</c:v>
                </c:pt>
                <c:pt idx="4510">
                  <c:v>8203.69</c:v>
                </c:pt>
                <c:pt idx="4511">
                  <c:v>7906.16</c:v>
                </c:pt>
                <c:pt idx="4512">
                  <c:v>7255.39</c:v>
                </c:pt>
                <c:pt idx="4513">
                  <c:v>7131.17</c:v>
                </c:pt>
                <c:pt idx="4514">
                  <c:v>6925.05</c:v>
                </c:pt>
                <c:pt idx="4515">
                  <c:v>6780.3</c:v>
                </c:pt>
                <c:pt idx="4516">
                  <c:v>6583.69</c:v>
                </c:pt>
                <c:pt idx="4517">
                  <c:v>6501.5</c:v>
                </c:pt>
                <c:pt idx="4518">
                  <c:v>6397.06</c:v>
                </c:pt>
                <c:pt idx="4519">
                  <c:v>6269.73</c:v>
                </c:pt>
                <c:pt idx="4520">
                  <c:v>6220.78</c:v>
                </c:pt>
                <c:pt idx="4521">
                  <c:v>10424.799999999999</c:v>
                </c:pt>
                <c:pt idx="4522">
                  <c:v>9396.5</c:v>
                </c:pt>
                <c:pt idx="4523">
                  <c:v>9042.59</c:v>
                </c:pt>
                <c:pt idx="4524">
                  <c:v>8559.5300000000007</c:v>
                </c:pt>
                <c:pt idx="4525">
                  <c:v>8497.2099999999991</c:v>
                </c:pt>
                <c:pt idx="4526">
                  <c:v>8273.94</c:v>
                </c:pt>
                <c:pt idx="4527">
                  <c:v>8097.31</c:v>
                </c:pt>
                <c:pt idx="4528">
                  <c:v>7974.91</c:v>
                </c:pt>
                <c:pt idx="4529">
                  <c:v>7890.82</c:v>
                </c:pt>
                <c:pt idx="4530">
                  <c:v>7800.59</c:v>
                </c:pt>
                <c:pt idx="4531">
                  <c:v>7725.2</c:v>
                </c:pt>
                <c:pt idx="4532">
                  <c:v>11848.6</c:v>
                </c:pt>
                <c:pt idx="4533">
                  <c:v>10974.7</c:v>
                </c:pt>
                <c:pt idx="4534">
                  <c:v>10420</c:v>
                </c:pt>
                <c:pt idx="4535">
                  <c:v>10263</c:v>
                </c:pt>
                <c:pt idx="4536">
                  <c:v>9971.16</c:v>
                </c:pt>
                <c:pt idx="4537">
                  <c:v>9736.5300000000007</c:v>
                </c:pt>
                <c:pt idx="4538">
                  <c:v>9669.4699999999993</c:v>
                </c:pt>
                <c:pt idx="4539">
                  <c:v>9545.86</c:v>
                </c:pt>
                <c:pt idx="4540">
                  <c:v>9430.92</c:v>
                </c:pt>
                <c:pt idx="4541">
                  <c:v>9332.4599999999991</c:v>
                </c:pt>
                <c:pt idx="4542">
                  <c:v>9246.1200000000008</c:v>
                </c:pt>
                <c:pt idx="4543">
                  <c:v>13395.1</c:v>
                </c:pt>
                <c:pt idx="4544">
                  <c:v>12706.3</c:v>
                </c:pt>
                <c:pt idx="4545">
                  <c:v>11977.3</c:v>
                </c:pt>
                <c:pt idx="4546">
                  <c:v>11615.5</c:v>
                </c:pt>
                <c:pt idx="4547">
                  <c:v>11575.4</c:v>
                </c:pt>
                <c:pt idx="4548">
                  <c:v>11323.6</c:v>
                </c:pt>
                <c:pt idx="4549">
                  <c:v>11167.6</c:v>
                </c:pt>
                <c:pt idx="4550">
                  <c:v>11118</c:v>
                </c:pt>
                <c:pt idx="4551">
                  <c:v>10978.5</c:v>
                </c:pt>
                <c:pt idx="4552">
                  <c:v>10860.4</c:v>
                </c:pt>
                <c:pt idx="4553">
                  <c:v>10849.9</c:v>
                </c:pt>
                <c:pt idx="4554">
                  <c:v>14999.4</c:v>
                </c:pt>
                <c:pt idx="4555">
                  <c:v>14126.8</c:v>
                </c:pt>
                <c:pt idx="4556">
                  <c:v>13520.4</c:v>
                </c:pt>
                <c:pt idx="4557">
                  <c:v>13326.2</c:v>
                </c:pt>
                <c:pt idx="4558">
                  <c:v>13019.4</c:v>
                </c:pt>
                <c:pt idx="4559">
                  <c:v>12968.4</c:v>
                </c:pt>
                <c:pt idx="4560">
                  <c:v>12745.1</c:v>
                </c:pt>
                <c:pt idx="4561">
                  <c:v>12685.1</c:v>
                </c:pt>
                <c:pt idx="4562">
                  <c:v>12530.7</c:v>
                </c:pt>
                <c:pt idx="4563">
                  <c:v>12399.2</c:v>
                </c:pt>
                <c:pt idx="4564">
                  <c:v>12366</c:v>
                </c:pt>
                <c:pt idx="4565">
                  <c:v>16677.900000000001</c:v>
                </c:pt>
                <c:pt idx="4566">
                  <c:v>15683.8</c:v>
                </c:pt>
                <c:pt idx="4567">
                  <c:v>15051.8</c:v>
                </c:pt>
                <c:pt idx="4568">
                  <c:v>14678.4</c:v>
                </c:pt>
                <c:pt idx="4569">
                  <c:v>14689.9</c:v>
                </c:pt>
                <c:pt idx="4570">
                  <c:v>14462.5</c:v>
                </c:pt>
                <c:pt idx="4571">
                  <c:v>14282.2</c:v>
                </c:pt>
                <c:pt idx="4572">
                  <c:v>14133.1</c:v>
                </c:pt>
                <c:pt idx="4573">
                  <c:v>14112.7</c:v>
                </c:pt>
                <c:pt idx="4574">
                  <c:v>14012.1</c:v>
                </c:pt>
                <c:pt idx="4575">
                  <c:v>13916.1</c:v>
                </c:pt>
                <c:pt idx="4576">
                  <c:v>18011.8</c:v>
                </c:pt>
                <c:pt idx="4577">
                  <c:v>17073</c:v>
                </c:pt>
                <c:pt idx="4578">
                  <c:v>16614.7</c:v>
                </c:pt>
                <c:pt idx="4579">
                  <c:v>16339.1</c:v>
                </c:pt>
                <c:pt idx="4580">
                  <c:v>16233.3</c:v>
                </c:pt>
                <c:pt idx="4581">
                  <c:v>15985.2</c:v>
                </c:pt>
                <c:pt idx="4582">
                  <c:v>15867.2</c:v>
                </c:pt>
                <c:pt idx="4583">
                  <c:v>15752.5</c:v>
                </c:pt>
                <c:pt idx="4584">
                  <c:v>15598.1</c:v>
                </c:pt>
                <c:pt idx="4585">
                  <c:v>15586.6</c:v>
                </c:pt>
                <c:pt idx="4586">
                  <c:v>15481.7</c:v>
                </c:pt>
                <c:pt idx="4587">
                  <c:v>19521.599999999999</c:v>
                </c:pt>
                <c:pt idx="4588">
                  <c:v>18612.2</c:v>
                </c:pt>
                <c:pt idx="4589">
                  <c:v>18265.900000000001</c:v>
                </c:pt>
                <c:pt idx="4590">
                  <c:v>17831.599999999999</c:v>
                </c:pt>
                <c:pt idx="4591">
                  <c:v>17739.599999999999</c:v>
                </c:pt>
                <c:pt idx="4592">
                  <c:v>17584</c:v>
                </c:pt>
                <c:pt idx="4593">
                  <c:v>17378.099999999999</c:v>
                </c:pt>
                <c:pt idx="4594">
                  <c:v>17223.8</c:v>
                </c:pt>
                <c:pt idx="4595">
                  <c:v>17218.099999999999</c:v>
                </c:pt>
                <c:pt idx="4596">
                  <c:v>17105.3</c:v>
                </c:pt>
                <c:pt idx="4597">
                  <c:v>17013.5</c:v>
                </c:pt>
                <c:pt idx="4598">
                  <c:v>21234.799999999999</c:v>
                </c:pt>
                <c:pt idx="4599">
                  <c:v>20178.7</c:v>
                </c:pt>
                <c:pt idx="4600">
                  <c:v>19746.7</c:v>
                </c:pt>
                <c:pt idx="4601">
                  <c:v>19509.7</c:v>
                </c:pt>
                <c:pt idx="4602">
                  <c:v>19245.8</c:v>
                </c:pt>
                <c:pt idx="4603">
                  <c:v>19072.400000000001</c:v>
                </c:pt>
                <c:pt idx="4604">
                  <c:v>18914.099999999999</c:v>
                </c:pt>
                <c:pt idx="4605">
                  <c:v>18764.8</c:v>
                </c:pt>
                <c:pt idx="4606">
                  <c:v>18739.099999999999</c:v>
                </c:pt>
                <c:pt idx="4607">
                  <c:v>18613.8</c:v>
                </c:pt>
                <c:pt idx="4608">
                  <c:v>18580.900000000001</c:v>
                </c:pt>
                <c:pt idx="4609">
                  <c:v>22596.7</c:v>
                </c:pt>
                <c:pt idx="4610">
                  <c:v>21930.3</c:v>
                </c:pt>
                <c:pt idx="4611">
                  <c:v>21336.9</c:v>
                </c:pt>
                <c:pt idx="4612">
                  <c:v>21062.7</c:v>
                </c:pt>
                <c:pt idx="4613">
                  <c:v>20887</c:v>
                </c:pt>
                <c:pt idx="4614">
                  <c:v>20575.099999999999</c:v>
                </c:pt>
                <c:pt idx="4615">
                  <c:v>20445.599999999999</c:v>
                </c:pt>
                <c:pt idx="4616">
                  <c:v>20412.7</c:v>
                </c:pt>
                <c:pt idx="4617">
                  <c:v>20296.2</c:v>
                </c:pt>
                <c:pt idx="4618">
                  <c:v>20146.3</c:v>
                </c:pt>
                <c:pt idx="4619">
                  <c:v>20061.599999999999</c:v>
                </c:pt>
                <c:pt idx="4620">
                  <c:v>5630.42</c:v>
                </c:pt>
                <c:pt idx="4621">
                  <c:v>5038.91</c:v>
                </c:pt>
                <c:pt idx="4622">
                  <c:v>4580.29</c:v>
                </c:pt>
                <c:pt idx="4623">
                  <c:v>4276.71</c:v>
                </c:pt>
                <c:pt idx="4624">
                  <c:v>4053.45</c:v>
                </c:pt>
                <c:pt idx="4625">
                  <c:v>3835.43</c:v>
                </c:pt>
                <c:pt idx="4626">
                  <c:v>3711.65</c:v>
                </c:pt>
                <c:pt idx="4627">
                  <c:v>3593.2</c:v>
                </c:pt>
                <c:pt idx="4628">
                  <c:v>3472.63</c:v>
                </c:pt>
                <c:pt idx="4629">
                  <c:v>3373.3</c:v>
                </c:pt>
                <c:pt idx="4630">
                  <c:v>3282.18</c:v>
                </c:pt>
                <c:pt idx="4631">
                  <c:v>6839.5</c:v>
                </c:pt>
                <c:pt idx="4632">
                  <c:v>6336.96</c:v>
                </c:pt>
                <c:pt idx="4633">
                  <c:v>6024.89</c:v>
                </c:pt>
                <c:pt idx="4634">
                  <c:v>5762.39</c:v>
                </c:pt>
                <c:pt idx="4635">
                  <c:v>5508.65</c:v>
                </c:pt>
                <c:pt idx="4636">
                  <c:v>5333.76</c:v>
                </c:pt>
                <c:pt idx="4637">
                  <c:v>5149.3599999999997</c:v>
                </c:pt>
                <c:pt idx="4638">
                  <c:v>5041.8500000000004</c:v>
                </c:pt>
                <c:pt idx="4639">
                  <c:v>4910.79</c:v>
                </c:pt>
                <c:pt idx="4640">
                  <c:v>4825.6099999999997</c:v>
                </c:pt>
                <c:pt idx="4641">
                  <c:v>4742.13</c:v>
                </c:pt>
                <c:pt idx="4642">
                  <c:v>8203.69</c:v>
                </c:pt>
                <c:pt idx="4643">
                  <c:v>7906.16</c:v>
                </c:pt>
                <c:pt idx="4644">
                  <c:v>7255.39</c:v>
                </c:pt>
                <c:pt idx="4645">
                  <c:v>7131.17</c:v>
                </c:pt>
                <c:pt idx="4646">
                  <c:v>6925.05</c:v>
                </c:pt>
                <c:pt idx="4647">
                  <c:v>6780.3</c:v>
                </c:pt>
                <c:pt idx="4648">
                  <c:v>6583.69</c:v>
                </c:pt>
                <c:pt idx="4649">
                  <c:v>6501.5</c:v>
                </c:pt>
                <c:pt idx="4650">
                  <c:v>6397.06</c:v>
                </c:pt>
                <c:pt idx="4651">
                  <c:v>6269.73</c:v>
                </c:pt>
                <c:pt idx="4652">
                  <c:v>6220.78</c:v>
                </c:pt>
                <c:pt idx="4653">
                  <c:v>10424.799999999999</c:v>
                </c:pt>
                <c:pt idx="4654">
                  <c:v>9396.5</c:v>
                </c:pt>
                <c:pt idx="4655">
                  <c:v>9042.59</c:v>
                </c:pt>
                <c:pt idx="4656">
                  <c:v>8559.5300000000007</c:v>
                </c:pt>
                <c:pt idx="4657">
                  <c:v>8497.2099999999991</c:v>
                </c:pt>
                <c:pt idx="4658">
                  <c:v>8273.94</c:v>
                </c:pt>
                <c:pt idx="4659">
                  <c:v>8097.31</c:v>
                </c:pt>
                <c:pt idx="4660">
                  <c:v>7974.91</c:v>
                </c:pt>
                <c:pt idx="4661">
                  <c:v>7890.82</c:v>
                </c:pt>
                <c:pt idx="4662">
                  <c:v>7800.59</c:v>
                </c:pt>
                <c:pt idx="4663">
                  <c:v>7724.79</c:v>
                </c:pt>
                <c:pt idx="4664">
                  <c:v>11848.6</c:v>
                </c:pt>
                <c:pt idx="4665">
                  <c:v>10974.7</c:v>
                </c:pt>
                <c:pt idx="4666">
                  <c:v>10420</c:v>
                </c:pt>
                <c:pt idx="4667">
                  <c:v>10263</c:v>
                </c:pt>
                <c:pt idx="4668">
                  <c:v>9971.16</c:v>
                </c:pt>
                <c:pt idx="4669">
                  <c:v>9736.5300000000007</c:v>
                </c:pt>
                <c:pt idx="4670">
                  <c:v>9669.4699999999993</c:v>
                </c:pt>
                <c:pt idx="4671">
                  <c:v>9545.86</c:v>
                </c:pt>
                <c:pt idx="4672">
                  <c:v>9430.92</c:v>
                </c:pt>
                <c:pt idx="4673">
                  <c:v>9332.4599999999991</c:v>
                </c:pt>
                <c:pt idx="4674">
                  <c:v>9246.1200000000008</c:v>
                </c:pt>
                <c:pt idx="4675">
                  <c:v>13395.1</c:v>
                </c:pt>
                <c:pt idx="4676">
                  <c:v>12706.3</c:v>
                </c:pt>
                <c:pt idx="4677">
                  <c:v>11977.3</c:v>
                </c:pt>
                <c:pt idx="4678">
                  <c:v>11615.5</c:v>
                </c:pt>
                <c:pt idx="4679">
                  <c:v>11575.4</c:v>
                </c:pt>
                <c:pt idx="4680">
                  <c:v>11323.6</c:v>
                </c:pt>
                <c:pt idx="4681">
                  <c:v>11167.6</c:v>
                </c:pt>
                <c:pt idx="4682">
                  <c:v>11118</c:v>
                </c:pt>
                <c:pt idx="4683">
                  <c:v>10978.5</c:v>
                </c:pt>
                <c:pt idx="4684">
                  <c:v>10860.4</c:v>
                </c:pt>
                <c:pt idx="4685">
                  <c:v>10849.9</c:v>
                </c:pt>
                <c:pt idx="4686">
                  <c:v>14999.4</c:v>
                </c:pt>
                <c:pt idx="4687">
                  <c:v>14126.8</c:v>
                </c:pt>
                <c:pt idx="4688">
                  <c:v>13520.4</c:v>
                </c:pt>
                <c:pt idx="4689">
                  <c:v>13326.2</c:v>
                </c:pt>
                <c:pt idx="4690">
                  <c:v>13019.4</c:v>
                </c:pt>
                <c:pt idx="4691">
                  <c:v>12968.4</c:v>
                </c:pt>
                <c:pt idx="4692">
                  <c:v>12745.1</c:v>
                </c:pt>
                <c:pt idx="4693">
                  <c:v>12685.1</c:v>
                </c:pt>
                <c:pt idx="4694">
                  <c:v>12530.7</c:v>
                </c:pt>
                <c:pt idx="4695">
                  <c:v>12399.2</c:v>
                </c:pt>
                <c:pt idx="4696">
                  <c:v>12366</c:v>
                </c:pt>
                <c:pt idx="4697">
                  <c:v>16677.900000000001</c:v>
                </c:pt>
                <c:pt idx="4698">
                  <c:v>15683.8</c:v>
                </c:pt>
                <c:pt idx="4699">
                  <c:v>15051.8</c:v>
                </c:pt>
                <c:pt idx="4700">
                  <c:v>14678.4</c:v>
                </c:pt>
                <c:pt idx="4701">
                  <c:v>14689.9</c:v>
                </c:pt>
                <c:pt idx="4702">
                  <c:v>14462.5</c:v>
                </c:pt>
                <c:pt idx="4703">
                  <c:v>14282.2</c:v>
                </c:pt>
                <c:pt idx="4704">
                  <c:v>14133.1</c:v>
                </c:pt>
                <c:pt idx="4705">
                  <c:v>14112.7</c:v>
                </c:pt>
                <c:pt idx="4706">
                  <c:v>14012.1</c:v>
                </c:pt>
                <c:pt idx="4707">
                  <c:v>13916.1</c:v>
                </c:pt>
                <c:pt idx="4708">
                  <c:v>18011.8</c:v>
                </c:pt>
                <c:pt idx="4709">
                  <c:v>17073</c:v>
                </c:pt>
                <c:pt idx="4710">
                  <c:v>16614.7</c:v>
                </c:pt>
                <c:pt idx="4711">
                  <c:v>16339.1</c:v>
                </c:pt>
                <c:pt idx="4712">
                  <c:v>16233.3</c:v>
                </c:pt>
                <c:pt idx="4713">
                  <c:v>15985.2</c:v>
                </c:pt>
                <c:pt idx="4714">
                  <c:v>15867.2</c:v>
                </c:pt>
                <c:pt idx="4715">
                  <c:v>15752.5</c:v>
                </c:pt>
                <c:pt idx="4716">
                  <c:v>15598.1</c:v>
                </c:pt>
                <c:pt idx="4717">
                  <c:v>15586.6</c:v>
                </c:pt>
                <c:pt idx="4718">
                  <c:v>15481.7</c:v>
                </c:pt>
                <c:pt idx="4719">
                  <c:v>19521.599999999999</c:v>
                </c:pt>
                <c:pt idx="4720">
                  <c:v>18612.2</c:v>
                </c:pt>
                <c:pt idx="4721">
                  <c:v>18265.900000000001</c:v>
                </c:pt>
                <c:pt idx="4722">
                  <c:v>17831.599999999999</c:v>
                </c:pt>
                <c:pt idx="4723">
                  <c:v>17739.599999999999</c:v>
                </c:pt>
                <c:pt idx="4724">
                  <c:v>17584</c:v>
                </c:pt>
                <c:pt idx="4725">
                  <c:v>17378.099999999999</c:v>
                </c:pt>
                <c:pt idx="4726">
                  <c:v>17223.8</c:v>
                </c:pt>
                <c:pt idx="4727">
                  <c:v>17218.099999999999</c:v>
                </c:pt>
                <c:pt idx="4728">
                  <c:v>17105.3</c:v>
                </c:pt>
                <c:pt idx="4729">
                  <c:v>17013.5</c:v>
                </c:pt>
                <c:pt idx="4730">
                  <c:v>21234.799999999999</c:v>
                </c:pt>
                <c:pt idx="4731">
                  <c:v>20178.7</c:v>
                </c:pt>
                <c:pt idx="4732">
                  <c:v>19746.7</c:v>
                </c:pt>
                <c:pt idx="4733">
                  <c:v>19509.7</c:v>
                </c:pt>
                <c:pt idx="4734">
                  <c:v>19245.8</c:v>
                </c:pt>
                <c:pt idx="4735">
                  <c:v>19072.400000000001</c:v>
                </c:pt>
                <c:pt idx="4736">
                  <c:v>18914.099999999999</c:v>
                </c:pt>
                <c:pt idx="4737">
                  <c:v>18764.8</c:v>
                </c:pt>
                <c:pt idx="4738">
                  <c:v>18739.099999999999</c:v>
                </c:pt>
                <c:pt idx="4739">
                  <c:v>18613.8</c:v>
                </c:pt>
                <c:pt idx="4740">
                  <c:v>18580.900000000001</c:v>
                </c:pt>
                <c:pt idx="4741">
                  <c:v>22596.7</c:v>
                </c:pt>
                <c:pt idx="4742">
                  <c:v>21930.3</c:v>
                </c:pt>
                <c:pt idx="4743">
                  <c:v>21336.9</c:v>
                </c:pt>
                <c:pt idx="4744">
                  <c:v>21062.7</c:v>
                </c:pt>
                <c:pt idx="4745">
                  <c:v>20887</c:v>
                </c:pt>
                <c:pt idx="4746">
                  <c:v>20575.099999999999</c:v>
                </c:pt>
                <c:pt idx="4747">
                  <c:v>20445.599999999999</c:v>
                </c:pt>
                <c:pt idx="4748">
                  <c:v>20412.7</c:v>
                </c:pt>
                <c:pt idx="4749">
                  <c:v>20296.2</c:v>
                </c:pt>
                <c:pt idx="4750">
                  <c:v>20146.3</c:v>
                </c:pt>
                <c:pt idx="4751">
                  <c:v>20061.599999999999</c:v>
                </c:pt>
                <c:pt idx="4752">
                  <c:v>5725.65</c:v>
                </c:pt>
                <c:pt idx="4753">
                  <c:v>5144.74</c:v>
                </c:pt>
                <c:pt idx="4754">
                  <c:v>4938.7299999999996</c:v>
                </c:pt>
                <c:pt idx="4755">
                  <c:v>4694.42</c:v>
                </c:pt>
                <c:pt idx="4756">
                  <c:v>4544.38</c:v>
                </c:pt>
                <c:pt idx="4757">
                  <c:v>4387.07</c:v>
                </c:pt>
                <c:pt idx="4758">
                  <c:v>4334.0200000000004</c:v>
                </c:pt>
                <c:pt idx="4759">
                  <c:v>4281.9399999999996</c:v>
                </c:pt>
                <c:pt idx="4760">
                  <c:v>4208.53</c:v>
                </c:pt>
                <c:pt idx="4761">
                  <c:v>4102.66</c:v>
                </c:pt>
                <c:pt idx="4762">
                  <c:v>4082.17</c:v>
                </c:pt>
                <c:pt idx="4763">
                  <c:v>7087.77</c:v>
                </c:pt>
                <c:pt idx="4764">
                  <c:v>6385.28</c:v>
                </c:pt>
                <c:pt idx="4765">
                  <c:v>5993.63</c:v>
                </c:pt>
                <c:pt idx="4766">
                  <c:v>5749.4</c:v>
                </c:pt>
                <c:pt idx="4767">
                  <c:v>5666.81</c:v>
                </c:pt>
                <c:pt idx="4768">
                  <c:v>5512.46</c:v>
                </c:pt>
                <c:pt idx="4769">
                  <c:v>5475.11</c:v>
                </c:pt>
                <c:pt idx="4770">
                  <c:v>5362.07</c:v>
                </c:pt>
                <c:pt idx="4771">
                  <c:v>5340.89</c:v>
                </c:pt>
                <c:pt idx="4772">
                  <c:v>5209.8100000000004</c:v>
                </c:pt>
                <c:pt idx="4773">
                  <c:v>5253.98</c:v>
                </c:pt>
                <c:pt idx="4774">
                  <c:v>9250.7800000000007</c:v>
                </c:pt>
                <c:pt idx="4775">
                  <c:v>8191.72</c:v>
                </c:pt>
                <c:pt idx="4776">
                  <c:v>7230.14</c:v>
                </c:pt>
                <c:pt idx="4777">
                  <c:v>6993.68</c:v>
                </c:pt>
                <c:pt idx="4778">
                  <c:v>7001.29</c:v>
                </c:pt>
                <c:pt idx="4779">
                  <c:v>6764.33</c:v>
                </c:pt>
                <c:pt idx="4780">
                  <c:v>6805.01</c:v>
                </c:pt>
                <c:pt idx="4781">
                  <c:v>6500.74</c:v>
                </c:pt>
                <c:pt idx="4782">
                  <c:v>6453.79</c:v>
                </c:pt>
                <c:pt idx="4783">
                  <c:v>6619.81</c:v>
                </c:pt>
                <c:pt idx="4784">
                  <c:v>6363.61</c:v>
                </c:pt>
                <c:pt idx="4785">
                  <c:v>10619</c:v>
                </c:pt>
                <c:pt idx="4786">
                  <c:v>9295.74</c:v>
                </c:pt>
                <c:pt idx="4787">
                  <c:v>9110.06</c:v>
                </c:pt>
                <c:pt idx="4788">
                  <c:v>8839.6299999999992</c:v>
                </c:pt>
                <c:pt idx="4789">
                  <c:v>8895.23</c:v>
                </c:pt>
                <c:pt idx="4790">
                  <c:v>8610.27</c:v>
                </c:pt>
                <c:pt idx="4791">
                  <c:v>8179.49</c:v>
                </c:pt>
                <c:pt idx="4792">
                  <c:v>8047.89</c:v>
                </c:pt>
                <c:pt idx="4793">
                  <c:v>7885.81</c:v>
                </c:pt>
                <c:pt idx="4794">
                  <c:v>7776.9</c:v>
                </c:pt>
                <c:pt idx="4795">
                  <c:v>7763.2</c:v>
                </c:pt>
                <c:pt idx="4796">
                  <c:v>11893.1</c:v>
                </c:pt>
                <c:pt idx="4797">
                  <c:v>11468.1</c:v>
                </c:pt>
                <c:pt idx="4798">
                  <c:v>10741.9</c:v>
                </c:pt>
                <c:pt idx="4799">
                  <c:v>10504.3</c:v>
                </c:pt>
                <c:pt idx="4800">
                  <c:v>10041.6</c:v>
                </c:pt>
                <c:pt idx="4801">
                  <c:v>10101.200000000001</c:v>
                </c:pt>
                <c:pt idx="4802">
                  <c:v>9582.33</c:v>
                </c:pt>
                <c:pt idx="4803">
                  <c:v>9427.5400000000009</c:v>
                </c:pt>
                <c:pt idx="4804">
                  <c:v>9425.27</c:v>
                </c:pt>
                <c:pt idx="4805">
                  <c:v>9305.5499999999993</c:v>
                </c:pt>
                <c:pt idx="4806">
                  <c:v>9423.9699999999993</c:v>
                </c:pt>
                <c:pt idx="4807">
                  <c:v>13173.5</c:v>
                </c:pt>
                <c:pt idx="4808">
                  <c:v>12967</c:v>
                </c:pt>
                <c:pt idx="4809">
                  <c:v>12329.4</c:v>
                </c:pt>
                <c:pt idx="4810">
                  <c:v>12085.7</c:v>
                </c:pt>
                <c:pt idx="4811">
                  <c:v>11875.2</c:v>
                </c:pt>
                <c:pt idx="4812">
                  <c:v>11586.1</c:v>
                </c:pt>
                <c:pt idx="4813">
                  <c:v>11170.3</c:v>
                </c:pt>
                <c:pt idx="4814">
                  <c:v>11038.4</c:v>
                </c:pt>
                <c:pt idx="4815">
                  <c:v>10914.7</c:v>
                </c:pt>
                <c:pt idx="4816">
                  <c:v>10812.7</c:v>
                </c:pt>
                <c:pt idx="4817">
                  <c:v>10957.4</c:v>
                </c:pt>
                <c:pt idx="4818">
                  <c:v>14788</c:v>
                </c:pt>
                <c:pt idx="4819">
                  <c:v>14245</c:v>
                </c:pt>
                <c:pt idx="4820">
                  <c:v>13642.1</c:v>
                </c:pt>
                <c:pt idx="4821">
                  <c:v>13599.5</c:v>
                </c:pt>
                <c:pt idx="4822">
                  <c:v>13108</c:v>
                </c:pt>
                <c:pt idx="4823">
                  <c:v>13279.6</c:v>
                </c:pt>
                <c:pt idx="4824">
                  <c:v>12670.3</c:v>
                </c:pt>
                <c:pt idx="4825">
                  <c:v>12775.1</c:v>
                </c:pt>
                <c:pt idx="4826">
                  <c:v>12552.1</c:v>
                </c:pt>
                <c:pt idx="4827">
                  <c:v>12436.1</c:v>
                </c:pt>
                <c:pt idx="4828">
                  <c:v>12474.2</c:v>
                </c:pt>
                <c:pt idx="4829">
                  <c:v>16229.2</c:v>
                </c:pt>
                <c:pt idx="4830">
                  <c:v>15851.3</c:v>
                </c:pt>
                <c:pt idx="4831">
                  <c:v>15455.5</c:v>
                </c:pt>
                <c:pt idx="4832">
                  <c:v>15038</c:v>
                </c:pt>
                <c:pt idx="4833">
                  <c:v>15054</c:v>
                </c:pt>
                <c:pt idx="4834">
                  <c:v>14835.7</c:v>
                </c:pt>
                <c:pt idx="4835">
                  <c:v>14284.4</c:v>
                </c:pt>
                <c:pt idx="4836">
                  <c:v>14104.5</c:v>
                </c:pt>
                <c:pt idx="4837">
                  <c:v>13968.4</c:v>
                </c:pt>
                <c:pt idx="4838">
                  <c:v>13895.6</c:v>
                </c:pt>
                <c:pt idx="4839">
                  <c:v>13936.9</c:v>
                </c:pt>
                <c:pt idx="4840">
                  <c:v>17953.5</c:v>
                </c:pt>
                <c:pt idx="4841">
                  <c:v>17376.7</c:v>
                </c:pt>
                <c:pt idx="4842">
                  <c:v>16950.900000000001</c:v>
                </c:pt>
                <c:pt idx="4843">
                  <c:v>16554</c:v>
                </c:pt>
                <c:pt idx="4844">
                  <c:v>16414.3</c:v>
                </c:pt>
                <c:pt idx="4845">
                  <c:v>16257.6</c:v>
                </c:pt>
                <c:pt idx="4846">
                  <c:v>15773.6</c:v>
                </c:pt>
                <c:pt idx="4847">
                  <c:v>15865.7</c:v>
                </c:pt>
                <c:pt idx="4848">
                  <c:v>15698.4</c:v>
                </c:pt>
                <c:pt idx="4849">
                  <c:v>15569.4</c:v>
                </c:pt>
                <c:pt idx="4850">
                  <c:v>15466.2</c:v>
                </c:pt>
                <c:pt idx="4851">
                  <c:v>19518.599999999999</c:v>
                </c:pt>
                <c:pt idx="4852">
                  <c:v>19129.7</c:v>
                </c:pt>
                <c:pt idx="4853">
                  <c:v>18434.400000000001</c:v>
                </c:pt>
                <c:pt idx="4854">
                  <c:v>18295.900000000001</c:v>
                </c:pt>
                <c:pt idx="4855">
                  <c:v>18074.599999999999</c:v>
                </c:pt>
                <c:pt idx="4856">
                  <c:v>17868</c:v>
                </c:pt>
                <c:pt idx="4857">
                  <c:v>17314</c:v>
                </c:pt>
                <c:pt idx="4858">
                  <c:v>17152.900000000001</c:v>
                </c:pt>
                <c:pt idx="4859">
                  <c:v>17296.400000000001</c:v>
                </c:pt>
                <c:pt idx="4860">
                  <c:v>17138</c:v>
                </c:pt>
                <c:pt idx="4861">
                  <c:v>16938.099999999999</c:v>
                </c:pt>
                <c:pt idx="4862">
                  <c:v>20993.5</c:v>
                </c:pt>
                <c:pt idx="4863">
                  <c:v>20615.7</c:v>
                </c:pt>
                <c:pt idx="4864">
                  <c:v>20068.7</c:v>
                </c:pt>
                <c:pt idx="4865">
                  <c:v>19641.2</c:v>
                </c:pt>
                <c:pt idx="4866">
                  <c:v>19503.2</c:v>
                </c:pt>
                <c:pt idx="4867">
                  <c:v>19370.599999999999</c:v>
                </c:pt>
                <c:pt idx="4868">
                  <c:v>18812.7</c:v>
                </c:pt>
                <c:pt idx="4869">
                  <c:v>18877</c:v>
                </c:pt>
                <c:pt idx="4870">
                  <c:v>18733.3</c:v>
                </c:pt>
                <c:pt idx="4871">
                  <c:v>18613.5</c:v>
                </c:pt>
                <c:pt idx="4872">
                  <c:v>18513.900000000001</c:v>
                </c:pt>
                <c:pt idx="4873">
                  <c:v>22687.3</c:v>
                </c:pt>
                <c:pt idx="4874">
                  <c:v>21786.6</c:v>
                </c:pt>
                <c:pt idx="4875">
                  <c:v>21626.6</c:v>
                </c:pt>
                <c:pt idx="4876">
                  <c:v>21175.5</c:v>
                </c:pt>
                <c:pt idx="4877">
                  <c:v>21146.6</c:v>
                </c:pt>
                <c:pt idx="4878">
                  <c:v>20810.7</c:v>
                </c:pt>
                <c:pt idx="4879">
                  <c:v>20660.2</c:v>
                </c:pt>
                <c:pt idx="4880">
                  <c:v>20367.2</c:v>
                </c:pt>
                <c:pt idx="4881">
                  <c:v>20298.5</c:v>
                </c:pt>
                <c:pt idx="4882">
                  <c:v>20096.400000000001</c:v>
                </c:pt>
                <c:pt idx="4883">
                  <c:v>20214.7</c:v>
                </c:pt>
                <c:pt idx="4884">
                  <c:v>5635.49</c:v>
                </c:pt>
                <c:pt idx="4885">
                  <c:v>5047.76</c:v>
                </c:pt>
                <c:pt idx="4886">
                  <c:v>4754.47</c:v>
                </c:pt>
                <c:pt idx="4887">
                  <c:v>4490.95</c:v>
                </c:pt>
                <c:pt idx="4888">
                  <c:v>4318.8999999999996</c:v>
                </c:pt>
                <c:pt idx="4889">
                  <c:v>4211.3500000000004</c:v>
                </c:pt>
                <c:pt idx="4890">
                  <c:v>4149.25</c:v>
                </c:pt>
                <c:pt idx="4891">
                  <c:v>4018.5</c:v>
                </c:pt>
                <c:pt idx="4892">
                  <c:v>3965.87</c:v>
                </c:pt>
                <c:pt idx="4893">
                  <c:v>3942.35</c:v>
                </c:pt>
                <c:pt idx="4894">
                  <c:v>3824.03</c:v>
                </c:pt>
                <c:pt idx="4895">
                  <c:v>7087.77</c:v>
                </c:pt>
                <c:pt idx="4896">
                  <c:v>6385.28</c:v>
                </c:pt>
                <c:pt idx="4897">
                  <c:v>5884.05</c:v>
                </c:pt>
                <c:pt idx="4898">
                  <c:v>5719.55</c:v>
                </c:pt>
                <c:pt idx="4899">
                  <c:v>5519.25</c:v>
                </c:pt>
                <c:pt idx="4900">
                  <c:v>5387.89</c:v>
                </c:pt>
                <c:pt idx="4901">
                  <c:v>5271.5</c:v>
                </c:pt>
                <c:pt idx="4902">
                  <c:v>5196.9399999999996</c:v>
                </c:pt>
                <c:pt idx="4903">
                  <c:v>5154.84</c:v>
                </c:pt>
                <c:pt idx="4904">
                  <c:v>5137.21</c:v>
                </c:pt>
                <c:pt idx="4905">
                  <c:v>5066.72</c:v>
                </c:pt>
                <c:pt idx="4906">
                  <c:v>9250.7800000000007</c:v>
                </c:pt>
                <c:pt idx="4907">
                  <c:v>7751.36</c:v>
                </c:pt>
                <c:pt idx="4908">
                  <c:v>7230.14</c:v>
                </c:pt>
                <c:pt idx="4909">
                  <c:v>6993.68</c:v>
                </c:pt>
                <c:pt idx="4910">
                  <c:v>7001.29</c:v>
                </c:pt>
                <c:pt idx="4911">
                  <c:v>6742.92</c:v>
                </c:pt>
                <c:pt idx="4912">
                  <c:v>6484.97</c:v>
                </c:pt>
                <c:pt idx="4913">
                  <c:v>6663.37</c:v>
                </c:pt>
                <c:pt idx="4914">
                  <c:v>6453.79</c:v>
                </c:pt>
                <c:pt idx="4915">
                  <c:v>6434.45</c:v>
                </c:pt>
                <c:pt idx="4916">
                  <c:v>6363.61</c:v>
                </c:pt>
                <c:pt idx="4917">
                  <c:v>10124.4</c:v>
                </c:pt>
                <c:pt idx="4918">
                  <c:v>9563.51</c:v>
                </c:pt>
                <c:pt idx="4919">
                  <c:v>9162.31</c:v>
                </c:pt>
                <c:pt idx="4920">
                  <c:v>8839.6299999999992</c:v>
                </c:pt>
                <c:pt idx="4921">
                  <c:v>8491.0300000000007</c:v>
                </c:pt>
                <c:pt idx="4922">
                  <c:v>8250.7800000000007</c:v>
                </c:pt>
                <c:pt idx="4923">
                  <c:v>7927.35</c:v>
                </c:pt>
                <c:pt idx="4924">
                  <c:v>7779.39</c:v>
                </c:pt>
                <c:pt idx="4925">
                  <c:v>7691.95</c:v>
                </c:pt>
                <c:pt idx="4926">
                  <c:v>7751.34</c:v>
                </c:pt>
                <c:pt idx="4927">
                  <c:v>7652.79</c:v>
                </c:pt>
                <c:pt idx="4928">
                  <c:v>11893.1</c:v>
                </c:pt>
                <c:pt idx="4929">
                  <c:v>11468.1</c:v>
                </c:pt>
                <c:pt idx="4930">
                  <c:v>10741.9</c:v>
                </c:pt>
                <c:pt idx="4931">
                  <c:v>10133.700000000001</c:v>
                </c:pt>
                <c:pt idx="4932">
                  <c:v>10041.6</c:v>
                </c:pt>
                <c:pt idx="4933">
                  <c:v>9747.2000000000007</c:v>
                </c:pt>
                <c:pt idx="4934">
                  <c:v>9582.33</c:v>
                </c:pt>
                <c:pt idx="4935">
                  <c:v>9427.5400000000009</c:v>
                </c:pt>
                <c:pt idx="4936">
                  <c:v>9425.27</c:v>
                </c:pt>
                <c:pt idx="4937">
                  <c:v>9305.5499999999993</c:v>
                </c:pt>
                <c:pt idx="4938">
                  <c:v>9205.39</c:v>
                </c:pt>
                <c:pt idx="4939">
                  <c:v>13173.5</c:v>
                </c:pt>
                <c:pt idx="4940">
                  <c:v>12967</c:v>
                </c:pt>
                <c:pt idx="4941">
                  <c:v>12329.4</c:v>
                </c:pt>
                <c:pt idx="4942">
                  <c:v>11722.1</c:v>
                </c:pt>
                <c:pt idx="4943">
                  <c:v>11657.6</c:v>
                </c:pt>
                <c:pt idx="4944">
                  <c:v>11279.2</c:v>
                </c:pt>
                <c:pt idx="4945">
                  <c:v>11076.7</c:v>
                </c:pt>
                <c:pt idx="4946">
                  <c:v>11023.6</c:v>
                </c:pt>
                <c:pt idx="4947">
                  <c:v>10905.4</c:v>
                </c:pt>
                <c:pt idx="4948">
                  <c:v>10822.5</c:v>
                </c:pt>
                <c:pt idx="4949">
                  <c:v>10739.6</c:v>
                </c:pt>
                <c:pt idx="4950">
                  <c:v>14788</c:v>
                </c:pt>
                <c:pt idx="4951">
                  <c:v>14245</c:v>
                </c:pt>
                <c:pt idx="4952">
                  <c:v>13642.1</c:v>
                </c:pt>
                <c:pt idx="4953">
                  <c:v>13234.1</c:v>
                </c:pt>
                <c:pt idx="4954">
                  <c:v>13058</c:v>
                </c:pt>
                <c:pt idx="4955">
                  <c:v>12901.7</c:v>
                </c:pt>
                <c:pt idx="4956">
                  <c:v>12670.3</c:v>
                </c:pt>
                <c:pt idx="4957">
                  <c:v>12487.5</c:v>
                </c:pt>
                <c:pt idx="4958">
                  <c:v>12343.2</c:v>
                </c:pt>
                <c:pt idx="4959">
                  <c:v>12436.1</c:v>
                </c:pt>
                <c:pt idx="4960">
                  <c:v>12242.3</c:v>
                </c:pt>
                <c:pt idx="4961">
                  <c:v>16229.2</c:v>
                </c:pt>
                <c:pt idx="4962">
                  <c:v>15800.1</c:v>
                </c:pt>
                <c:pt idx="4963">
                  <c:v>15455.5</c:v>
                </c:pt>
                <c:pt idx="4964">
                  <c:v>15038</c:v>
                </c:pt>
                <c:pt idx="4965">
                  <c:v>14656.1</c:v>
                </c:pt>
                <c:pt idx="4966">
                  <c:v>14450.6</c:v>
                </c:pt>
                <c:pt idx="4967">
                  <c:v>14294.7</c:v>
                </c:pt>
                <c:pt idx="4968">
                  <c:v>14113.9</c:v>
                </c:pt>
                <c:pt idx="4969">
                  <c:v>13977.1</c:v>
                </c:pt>
                <c:pt idx="4970">
                  <c:v>13868</c:v>
                </c:pt>
                <c:pt idx="4971">
                  <c:v>13787.1</c:v>
                </c:pt>
                <c:pt idx="4972">
                  <c:v>17896.099999999999</c:v>
                </c:pt>
                <c:pt idx="4973">
                  <c:v>17310.5</c:v>
                </c:pt>
                <c:pt idx="4974">
                  <c:v>16950.900000000001</c:v>
                </c:pt>
                <c:pt idx="4975">
                  <c:v>16554</c:v>
                </c:pt>
                <c:pt idx="4976">
                  <c:v>16099.5</c:v>
                </c:pt>
                <c:pt idx="4977">
                  <c:v>16160.8</c:v>
                </c:pt>
                <c:pt idx="4978">
                  <c:v>15783.1</c:v>
                </c:pt>
                <c:pt idx="4979">
                  <c:v>15588.5</c:v>
                </c:pt>
                <c:pt idx="4980">
                  <c:v>15466.3</c:v>
                </c:pt>
                <c:pt idx="4981">
                  <c:v>15507</c:v>
                </c:pt>
                <c:pt idx="4982">
                  <c:v>15427.8</c:v>
                </c:pt>
                <c:pt idx="4983">
                  <c:v>19416.3</c:v>
                </c:pt>
                <c:pt idx="4984">
                  <c:v>19129.7</c:v>
                </c:pt>
                <c:pt idx="4985">
                  <c:v>18434.400000000001</c:v>
                </c:pt>
                <c:pt idx="4986">
                  <c:v>17933.5</c:v>
                </c:pt>
                <c:pt idx="4987">
                  <c:v>17793.5</c:v>
                </c:pt>
                <c:pt idx="4988">
                  <c:v>17807.2</c:v>
                </c:pt>
                <c:pt idx="4989">
                  <c:v>17215.2</c:v>
                </c:pt>
                <c:pt idx="4990">
                  <c:v>17152.900000000001</c:v>
                </c:pt>
                <c:pt idx="4991">
                  <c:v>17038.8</c:v>
                </c:pt>
                <c:pt idx="4992">
                  <c:v>16897.599999999999</c:v>
                </c:pt>
                <c:pt idx="4993">
                  <c:v>16920.7</c:v>
                </c:pt>
                <c:pt idx="4994">
                  <c:v>20993.5</c:v>
                </c:pt>
                <c:pt idx="4995">
                  <c:v>20615.7</c:v>
                </c:pt>
                <c:pt idx="4996">
                  <c:v>19991.2</c:v>
                </c:pt>
                <c:pt idx="4997">
                  <c:v>19560.400000000001</c:v>
                </c:pt>
                <c:pt idx="4998">
                  <c:v>19332.7</c:v>
                </c:pt>
                <c:pt idx="4999">
                  <c:v>19007.3</c:v>
                </c:pt>
                <c:pt idx="5000">
                  <c:v>18805.400000000001</c:v>
                </c:pt>
                <c:pt idx="5001">
                  <c:v>18735.2</c:v>
                </c:pt>
                <c:pt idx="5002">
                  <c:v>18574.5</c:v>
                </c:pt>
                <c:pt idx="5003">
                  <c:v>18458.8</c:v>
                </c:pt>
                <c:pt idx="5004">
                  <c:v>18398.099999999999</c:v>
                </c:pt>
                <c:pt idx="5005">
                  <c:v>22614.9</c:v>
                </c:pt>
                <c:pt idx="5006">
                  <c:v>22275.1</c:v>
                </c:pt>
                <c:pt idx="5007">
                  <c:v>21636.799999999999</c:v>
                </c:pt>
                <c:pt idx="5008">
                  <c:v>21186</c:v>
                </c:pt>
                <c:pt idx="5009">
                  <c:v>20797.5</c:v>
                </c:pt>
                <c:pt idx="5010">
                  <c:v>20674.5</c:v>
                </c:pt>
                <c:pt idx="5011">
                  <c:v>20306.2</c:v>
                </c:pt>
                <c:pt idx="5012">
                  <c:v>20222.8</c:v>
                </c:pt>
                <c:pt idx="5013">
                  <c:v>20080.599999999999</c:v>
                </c:pt>
                <c:pt idx="5014">
                  <c:v>20171.3</c:v>
                </c:pt>
                <c:pt idx="5015">
                  <c:v>20078.8</c:v>
                </c:pt>
                <c:pt idx="5016">
                  <c:v>5566.56</c:v>
                </c:pt>
                <c:pt idx="5017">
                  <c:v>4971.83</c:v>
                </c:pt>
                <c:pt idx="5018">
                  <c:v>4655.01</c:v>
                </c:pt>
                <c:pt idx="5019">
                  <c:v>4370.63</c:v>
                </c:pt>
                <c:pt idx="5020">
                  <c:v>4214.2700000000004</c:v>
                </c:pt>
                <c:pt idx="5021">
                  <c:v>4069.47</c:v>
                </c:pt>
                <c:pt idx="5022">
                  <c:v>3976.61</c:v>
                </c:pt>
                <c:pt idx="5023">
                  <c:v>3888.51</c:v>
                </c:pt>
                <c:pt idx="5024">
                  <c:v>3822.56</c:v>
                </c:pt>
                <c:pt idx="5025">
                  <c:v>3792.29</c:v>
                </c:pt>
                <c:pt idx="5026">
                  <c:v>3731.94</c:v>
                </c:pt>
                <c:pt idx="5027">
                  <c:v>7087.77</c:v>
                </c:pt>
                <c:pt idx="5028">
                  <c:v>6385.28</c:v>
                </c:pt>
                <c:pt idx="5029">
                  <c:v>5884.05</c:v>
                </c:pt>
                <c:pt idx="5030">
                  <c:v>5675.33</c:v>
                </c:pt>
                <c:pt idx="5031">
                  <c:v>5512.63</c:v>
                </c:pt>
                <c:pt idx="5032">
                  <c:v>5285.01</c:v>
                </c:pt>
                <c:pt idx="5033">
                  <c:v>5282.13</c:v>
                </c:pt>
                <c:pt idx="5034">
                  <c:v>5120.7</c:v>
                </c:pt>
                <c:pt idx="5035">
                  <c:v>5038.29</c:v>
                </c:pt>
                <c:pt idx="5036">
                  <c:v>5022.57</c:v>
                </c:pt>
                <c:pt idx="5037">
                  <c:v>4971.8900000000003</c:v>
                </c:pt>
                <c:pt idx="5038">
                  <c:v>8713.67</c:v>
                </c:pt>
                <c:pt idx="5039">
                  <c:v>7737.73</c:v>
                </c:pt>
                <c:pt idx="5040">
                  <c:v>7230.14</c:v>
                </c:pt>
                <c:pt idx="5041">
                  <c:v>6993.68</c:v>
                </c:pt>
                <c:pt idx="5042">
                  <c:v>7001.29</c:v>
                </c:pt>
                <c:pt idx="5043">
                  <c:v>6742.92</c:v>
                </c:pt>
                <c:pt idx="5044">
                  <c:v>6651.25</c:v>
                </c:pt>
                <c:pt idx="5045">
                  <c:v>6385.94</c:v>
                </c:pt>
                <c:pt idx="5046">
                  <c:v>6342.09</c:v>
                </c:pt>
                <c:pt idx="5047">
                  <c:v>6370.13</c:v>
                </c:pt>
                <c:pt idx="5048">
                  <c:v>6363.61</c:v>
                </c:pt>
                <c:pt idx="5049">
                  <c:v>10124.4</c:v>
                </c:pt>
                <c:pt idx="5050">
                  <c:v>9481.9500000000007</c:v>
                </c:pt>
                <c:pt idx="5051">
                  <c:v>8909.2999999999993</c:v>
                </c:pt>
                <c:pt idx="5052">
                  <c:v>8614.2900000000009</c:v>
                </c:pt>
                <c:pt idx="5053">
                  <c:v>8474.31</c:v>
                </c:pt>
                <c:pt idx="5054">
                  <c:v>8238.74</c:v>
                </c:pt>
                <c:pt idx="5055">
                  <c:v>7905.44</c:v>
                </c:pt>
                <c:pt idx="5056">
                  <c:v>7801.67</c:v>
                </c:pt>
                <c:pt idx="5057">
                  <c:v>7672.47</c:v>
                </c:pt>
                <c:pt idx="5058">
                  <c:v>7596.27</c:v>
                </c:pt>
                <c:pt idx="5059">
                  <c:v>7508.93</c:v>
                </c:pt>
                <c:pt idx="5060">
                  <c:v>11893.1</c:v>
                </c:pt>
                <c:pt idx="5061">
                  <c:v>11150.4</c:v>
                </c:pt>
                <c:pt idx="5062">
                  <c:v>10683.9</c:v>
                </c:pt>
                <c:pt idx="5063">
                  <c:v>10146.5</c:v>
                </c:pt>
                <c:pt idx="5064">
                  <c:v>10077.6</c:v>
                </c:pt>
                <c:pt idx="5065">
                  <c:v>9708.83</c:v>
                </c:pt>
                <c:pt idx="5066">
                  <c:v>9582.33</c:v>
                </c:pt>
                <c:pt idx="5067">
                  <c:v>9427.5400000000009</c:v>
                </c:pt>
                <c:pt idx="5068">
                  <c:v>9214.68</c:v>
                </c:pt>
                <c:pt idx="5069">
                  <c:v>9305.5499999999993</c:v>
                </c:pt>
                <c:pt idx="5070">
                  <c:v>9205.39</c:v>
                </c:pt>
                <c:pt idx="5071">
                  <c:v>13361.2</c:v>
                </c:pt>
                <c:pt idx="5072">
                  <c:v>12586.4</c:v>
                </c:pt>
                <c:pt idx="5073">
                  <c:v>11998.1</c:v>
                </c:pt>
                <c:pt idx="5074">
                  <c:v>11722.1</c:v>
                </c:pt>
                <c:pt idx="5075">
                  <c:v>11400.7</c:v>
                </c:pt>
                <c:pt idx="5076">
                  <c:v>11226.4</c:v>
                </c:pt>
                <c:pt idx="5077">
                  <c:v>11013.5</c:v>
                </c:pt>
                <c:pt idx="5078">
                  <c:v>10933.1</c:v>
                </c:pt>
                <c:pt idx="5079">
                  <c:v>10908.1</c:v>
                </c:pt>
                <c:pt idx="5080">
                  <c:v>10810.8</c:v>
                </c:pt>
                <c:pt idx="5081">
                  <c:v>10748.1</c:v>
                </c:pt>
                <c:pt idx="5082">
                  <c:v>14591.1</c:v>
                </c:pt>
                <c:pt idx="5083">
                  <c:v>14245</c:v>
                </c:pt>
                <c:pt idx="5084">
                  <c:v>13642.1</c:v>
                </c:pt>
                <c:pt idx="5085">
                  <c:v>13234.1</c:v>
                </c:pt>
                <c:pt idx="5086">
                  <c:v>12978.3</c:v>
                </c:pt>
                <c:pt idx="5087">
                  <c:v>12789</c:v>
                </c:pt>
                <c:pt idx="5088">
                  <c:v>12645.4</c:v>
                </c:pt>
                <c:pt idx="5089">
                  <c:v>12458.1</c:v>
                </c:pt>
                <c:pt idx="5090">
                  <c:v>12343.2</c:v>
                </c:pt>
                <c:pt idx="5091">
                  <c:v>12243.1</c:v>
                </c:pt>
                <c:pt idx="5092">
                  <c:v>12242.3</c:v>
                </c:pt>
                <c:pt idx="5093">
                  <c:v>16426.3</c:v>
                </c:pt>
                <c:pt idx="5094">
                  <c:v>15800.1</c:v>
                </c:pt>
                <c:pt idx="5095">
                  <c:v>15180.8</c:v>
                </c:pt>
                <c:pt idx="5096">
                  <c:v>15038</c:v>
                </c:pt>
                <c:pt idx="5097">
                  <c:v>14629.2</c:v>
                </c:pt>
                <c:pt idx="5098">
                  <c:v>14399.2</c:v>
                </c:pt>
                <c:pt idx="5099">
                  <c:v>14304.3</c:v>
                </c:pt>
                <c:pt idx="5100">
                  <c:v>14122.8</c:v>
                </c:pt>
                <c:pt idx="5101">
                  <c:v>13985.3</c:v>
                </c:pt>
                <c:pt idx="5102">
                  <c:v>13875.6</c:v>
                </c:pt>
                <c:pt idx="5103">
                  <c:v>13794.2</c:v>
                </c:pt>
                <c:pt idx="5104">
                  <c:v>17887.599999999999</c:v>
                </c:pt>
                <c:pt idx="5105">
                  <c:v>17310.5</c:v>
                </c:pt>
                <c:pt idx="5106">
                  <c:v>16610.099999999999</c:v>
                </c:pt>
                <c:pt idx="5107">
                  <c:v>16554</c:v>
                </c:pt>
                <c:pt idx="5108">
                  <c:v>16099.5</c:v>
                </c:pt>
                <c:pt idx="5109">
                  <c:v>16015.1</c:v>
                </c:pt>
                <c:pt idx="5110">
                  <c:v>15621.7</c:v>
                </c:pt>
                <c:pt idx="5111">
                  <c:v>15561.6</c:v>
                </c:pt>
                <c:pt idx="5112">
                  <c:v>15419.4</c:v>
                </c:pt>
                <c:pt idx="5113">
                  <c:v>15310.8</c:v>
                </c:pt>
                <c:pt idx="5114">
                  <c:v>15376.6</c:v>
                </c:pt>
                <c:pt idx="5115">
                  <c:v>19281.599999999999</c:v>
                </c:pt>
                <c:pt idx="5116">
                  <c:v>18723.099999999999</c:v>
                </c:pt>
                <c:pt idx="5117">
                  <c:v>18395.900000000001</c:v>
                </c:pt>
                <c:pt idx="5118">
                  <c:v>17933.5</c:v>
                </c:pt>
                <c:pt idx="5119">
                  <c:v>17837.099999999999</c:v>
                </c:pt>
                <c:pt idx="5120">
                  <c:v>17421.8</c:v>
                </c:pt>
                <c:pt idx="5121">
                  <c:v>17150.599999999999</c:v>
                </c:pt>
                <c:pt idx="5122">
                  <c:v>17152.900000000001</c:v>
                </c:pt>
                <c:pt idx="5123">
                  <c:v>17051</c:v>
                </c:pt>
                <c:pt idx="5124">
                  <c:v>16877</c:v>
                </c:pt>
                <c:pt idx="5125">
                  <c:v>16928.8</c:v>
                </c:pt>
                <c:pt idx="5126">
                  <c:v>20796.5</c:v>
                </c:pt>
                <c:pt idx="5127">
                  <c:v>20207.8</c:v>
                </c:pt>
                <c:pt idx="5128">
                  <c:v>19874.7</c:v>
                </c:pt>
                <c:pt idx="5129">
                  <c:v>19450.8</c:v>
                </c:pt>
                <c:pt idx="5130">
                  <c:v>19355.400000000001</c:v>
                </c:pt>
                <c:pt idx="5131">
                  <c:v>18967.5</c:v>
                </c:pt>
                <c:pt idx="5132">
                  <c:v>18772.400000000001</c:v>
                </c:pt>
                <c:pt idx="5133">
                  <c:v>18617</c:v>
                </c:pt>
                <c:pt idx="5134">
                  <c:v>18691.8</c:v>
                </c:pt>
                <c:pt idx="5135">
                  <c:v>18565.3</c:v>
                </c:pt>
                <c:pt idx="5136">
                  <c:v>18465.5</c:v>
                </c:pt>
                <c:pt idx="5137">
                  <c:v>22468.7</c:v>
                </c:pt>
                <c:pt idx="5138">
                  <c:v>21858.3</c:v>
                </c:pt>
                <c:pt idx="5139">
                  <c:v>21704.2</c:v>
                </c:pt>
                <c:pt idx="5140">
                  <c:v>21269.7</c:v>
                </c:pt>
                <c:pt idx="5141">
                  <c:v>20732.099999999999</c:v>
                </c:pt>
                <c:pt idx="5142">
                  <c:v>20631.400000000001</c:v>
                </c:pt>
                <c:pt idx="5143">
                  <c:v>20242.099999999999</c:v>
                </c:pt>
                <c:pt idx="5144">
                  <c:v>20211.599999999999</c:v>
                </c:pt>
                <c:pt idx="5145">
                  <c:v>20053.900000000001</c:v>
                </c:pt>
                <c:pt idx="5146">
                  <c:v>19946.5</c:v>
                </c:pt>
                <c:pt idx="5147">
                  <c:v>19906.2</c:v>
                </c:pt>
                <c:pt idx="5148">
                  <c:v>5539.43</c:v>
                </c:pt>
                <c:pt idx="5149">
                  <c:v>4982.75</c:v>
                </c:pt>
                <c:pt idx="5150">
                  <c:v>4583.53</c:v>
                </c:pt>
                <c:pt idx="5151">
                  <c:v>4292.08</c:v>
                </c:pt>
                <c:pt idx="5152">
                  <c:v>4143.55</c:v>
                </c:pt>
                <c:pt idx="5153">
                  <c:v>3977.27</c:v>
                </c:pt>
                <c:pt idx="5154">
                  <c:v>3846.92</c:v>
                </c:pt>
                <c:pt idx="5155">
                  <c:v>3771.38</c:v>
                </c:pt>
                <c:pt idx="5156">
                  <c:v>3696.49</c:v>
                </c:pt>
                <c:pt idx="5157">
                  <c:v>3614.79</c:v>
                </c:pt>
                <c:pt idx="5158">
                  <c:v>3586.21</c:v>
                </c:pt>
                <c:pt idx="5159">
                  <c:v>7087.77</c:v>
                </c:pt>
                <c:pt idx="5160">
                  <c:v>6385.28</c:v>
                </c:pt>
                <c:pt idx="5161">
                  <c:v>5884.05</c:v>
                </c:pt>
                <c:pt idx="5162">
                  <c:v>5675.33</c:v>
                </c:pt>
                <c:pt idx="5163">
                  <c:v>5512.63</c:v>
                </c:pt>
                <c:pt idx="5164">
                  <c:v>5285.01</c:v>
                </c:pt>
                <c:pt idx="5165">
                  <c:v>5144.3599999999997</c:v>
                </c:pt>
                <c:pt idx="5166">
                  <c:v>5130.53</c:v>
                </c:pt>
                <c:pt idx="5167">
                  <c:v>5008.58</c:v>
                </c:pt>
                <c:pt idx="5168">
                  <c:v>4934.63</c:v>
                </c:pt>
                <c:pt idx="5169">
                  <c:v>4881.76</c:v>
                </c:pt>
                <c:pt idx="5170">
                  <c:v>8713.67</c:v>
                </c:pt>
                <c:pt idx="5171">
                  <c:v>7737.73</c:v>
                </c:pt>
                <c:pt idx="5172">
                  <c:v>7230.14</c:v>
                </c:pt>
                <c:pt idx="5173">
                  <c:v>6903.83</c:v>
                </c:pt>
                <c:pt idx="5174">
                  <c:v>6756.31</c:v>
                </c:pt>
                <c:pt idx="5175">
                  <c:v>6708.43</c:v>
                </c:pt>
                <c:pt idx="5176">
                  <c:v>6447.9</c:v>
                </c:pt>
                <c:pt idx="5177">
                  <c:v>6370.74</c:v>
                </c:pt>
                <c:pt idx="5178">
                  <c:v>6342.09</c:v>
                </c:pt>
                <c:pt idx="5179">
                  <c:v>6370.13</c:v>
                </c:pt>
                <c:pt idx="5180">
                  <c:v>6363.61</c:v>
                </c:pt>
                <c:pt idx="5181">
                  <c:v>10124.4</c:v>
                </c:pt>
                <c:pt idx="5182">
                  <c:v>9458.7199999999993</c:v>
                </c:pt>
                <c:pt idx="5183">
                  <c:v>8847.56</c:v>
                </c:pt>
                <c:pt idx="5184">
                  <c:v>8548.1200000000008</c:v>
                </c:pt>
                <c:pt idx="5185">
                  <c:v>8437.35</c:v>
                </c:pt>
                <c:pt idx="5186">
                  <c:v>8200.4</c:v>
                </c:pt>
                <c:pt idx="5187">
                  <c:v>7889.16</c:v>
                </c:pt>
                <c:pt idx="5188">
                  <c:v>7783.84</c:v>
                </c:pt>
                <c:pt idx="5189">
                  <c:v>7695.17</c:v>
                </c:pt>
                <c:pt idx="5190">
                  <c:v>7580.79</c:v>
                </c:pt>
                <c:pt idx="5191">
                  <c:v>7513.55</c:v>
                </c:pt>
                <c:pt idx="5192">
                  <c:v>11704.1</c:v>
                </c:pt>
                <c:pt idx="5193">
                  <c:v>11070.8</c:v>
                </c:pt>
                <c:pt idx="5194">
                  <c:v>10683.9</c:v>
                </c:pt>
                <c:pt idx="5195">
                  <c:v>10217.799999999999</c:v>
                </c:pt>
                <c:pt idx="5196">
                  <c:v>10007.299999999999</c:v>
                </c:pt>
                <c:pt idx="5197">
                  <c:v>9708.83</c:v>
                </c:pt>
                <c:pt idx="5198">
                  <c:v>9582.33</c:v>
                </c:pt>
                <c:pt idx="5199">
                  <c:v>9427.5400000000009</c:v>
                </c:pt>
                <c:pt idx="5200">
                  <c:v>9214.68</c:v>
                </c:pt>
                <c:pt idx="5201">
                  <c:v>9305.5499999999993</c:v>
                </c:pt>
                <c:pt idx="5202">
                  <c:v>9205.39</c:v>
                </c:pt>
                <c:pt idx="5203">
                  <c:v>13361.2</c:v>
                </c:pt>
                <c:pt idx="5204">
                  <c:v>12560.2</c:v>
                </c:pt>
                <c:pt idx="5205">
                  <c:v>11981</c:v>
                </c:pt>
                <c:pt idx="5206">
                  <c:v>11722.1</c:v>
                </c:pt>
                <c:pt idx="5207">
                  <c:v>11400.7</c:v>
                </c:pt>
                <c:pt idx="5208">
                  <c:v>11226.4</c:v>
                </c:pt>
                <c:pt idx="5209">
                  <c:v>10978.1</c:v>
                </c:pt>
                <c:pt idx="5210">
                  <c:v>10874.3</c:v>
                </c:pt>
                <c:pt idx="5211">
                  <c:v>10823.2</c:v>
                </c:pt>
                <c:pt idx="5212">
                  <c:v>10813.2</c:v>
                </c:pt>
                <c:pt idx="5213">
                  <c:v>10735.8</c:v>
                </c:pt>
                <c:pt idx="5214">
                  <c:v>14591.1</c:v>
                </c:pt>
                <c:pt idx="5215">
                  <c:v>14245</c:v>
                </c:pt>
                <c:pt idx="5216">
                  <c:v>13642.1</c:v>
                </c:pt>
                <c:pt idx="5217">
                  <c:v>13234.1</c:v>
                </c:pt>
                <c:pt idx="5218">
                  <c:v>12945.4</c:v>
                </c:pt>
                <c:pt idx="5219">
                  <c:v>12944.2</c:v>
                </c:pt>
                <c:pt idx="5220">
                  <c:v>12641.6</c:v>
                </c:pt>
                <c:pt idx="5221">
                  <c:v>12458.1</c:v>
                </c:pt>
                <c:pt idx="5222">
                  <c:v>12343.2</c:v>
                </c:pt>
                <c:pt idx="5223">
                  <c:v>12243.1</c:v>
                </c:pt>
                <c:pt idx="5224">
                  <c:v>12207.4</c:v>
                </c:pt>
                <c:pt idx="5225">
                  <c:v>16426.3</c:v>
                </c:pt>
                <c:pt idx="5226">
                  <c:v>15800.1</c:v>
                </c:pt>
                <c:pt idx="5227">
                  <c:v>15117.3</c:v>
                </c:pt>
                <c:pt idx="5228">
                  <c:v>14764.1</c:v>
                </c:pt>
                <c:pt idx="5229">
                  <c:v>14614</c:v>
                </c:pt>
                <c:pt idx="5230">
                  <c:v>14372.5</c:v>
                </c:pt>
                <c:pt idx="5231">
                  <c:v>14118.5</c:v>
                </c:pt>
                <c:pt idx="5232">
                  <c:v>13938</c:v>
                </c:pt>
                <c:pt idx="5233">
                  <c:v>13957</c:v>
                </c:pt>
                <c:pt idx="5234">
                  <c:v>13850.9</c:v>
                </c:pt>
                <c:pt idx="5235">
                  <c:v>13781.7</c:v>
                </c:pt>
                <c:pt idx="5236">
                  <c:v>17887.599999999999</c:v>
                </c:pt>
                <c:pt idx="5237">
                  <c:v>17310.5</c:v>
                </c:pt>
                <c:pt idx="5238">
                  <c:v>16607.5</c:v>
                </c:pt>
                <c:pt idx="5239">
                  <c:v>16283.6</c:v>
                </c:pt>
                <c:pt idx="5240">
                  <c:v>16099.5</c:v>
                </c:pt>
                <c:pt idx="5241">
                  <c:v>15974.1</c:v>
                </c:pt>
                <c:pt idx="5242">
                  <c:v>15590.7</c:v>
                </c:pt>
                <c:pt idx="5243">
                  <c:v>15565.4</c:v>
                </c:pt>
                <c:pt idx="5244">
                  <c:v>15422.9</c:v>
                </c:pt>
                <c:pt idx="5245">
                  <c:v>15314.2</c:v>
                </c:pt>
                <c:pt idx="5246">
                  <c:v>15234.4</c:v>
                </c:pt>
                <c:pt idx="5247">
                  <c:v>19280.400000000001</c:v>
                </c:pt>
                <c:pt idx="5248">
                  <c:v>18721</c:v>
                </c:pt>
                <c:pt idx="5249">
                  <c:v>18395.900000000001</c:v>
                </c:pt>
                <c:pt idx="5250">
                  <c:v>17933.5</c:v>
                </c:pt>
                <c:pt idx="5251">
                  <c:v>17613.400000000001</c:v>
                </c:pt>
                <c:pt idx="5252">
                  <c:v>17516</c:v>
                </c:pt>
                <c:pt idx="5253">
                  <c:v>17324.5</c:v>
                </c:pt>
                <c:pt idx="5254">
                  <c:v>17152.900000000001</c:v>
                </c:pt>
                <c:pt idx="5255">
                  <c:v>17019.5</c:v>
                </c:pt>
                <c:pt idx="5256">
                  <c:v>16877</c:v>
                </c:pt>
                <c:pt idx="5257">
                  <c:v>16936.3</c:v>
                </c:pt>
                <c:pt idx="5258">
                  <c:v>20794.400000000001</c:v>
                </c:pt>
                <c:pt idx="5259">
                  <c:v>20207.8</c:v>
                </c:pt>
                <c:pt idx="5260">
                  <c:v>19859.599999999999</c:v>
                </c:pt>
                <c:pt idx="5261">
                  <c:v>19510</c:v>
                </c:pt>
                <c:pt idx="5262">
                  <c:v>19268.3</c:v>
                </c:pt>
                <c:pt idx="5263">
                  <c:v>18978.400000000001</c:v>
                </c:pt>
                <c:pt idx="5264">
                  <c:v>18764.099999999999</c:v>
                </c:pt>
                <c:pt idx="5265">
                  <c:v>18689.5</c:v>
                </c:pt>
                <c:pt idx="5266">
                  <c:v>18541.400000000001</c:v>
                </c:pt>
                <c:pt idx="5267">
                  <c:v>18440.900000000001</c:v>
                </c:pt>
                <c:pt idx="5268">
                  <c:v>18364.8</c:v>
                </c:pt>
                <c:pt idx="5269">
                  <c:v>22425.3</c:v>
                </c:pt>
                <c:pt idx="5270">
                  <c:v>21799.5</c:v>
                </c:pt>
                <c:pt idx="5271">
                  <c:v>21345.200000000001</c:v>
                </c:pt>
                <c:pt idx="5272">
                  <c:v>20959.400000000001</c:v>
                </c:pt>
                <c:pt idx="5273">
                  <c:v>20736.400000000001</c:v>
                </c:pt>
                <c:pt idx="5274">
                  <c:v>20558.900000000001</c:v>
                </c:pt>
                <c:pt idx="5275">
                  <c:v>20386.8</c:v>
                </c:pt>
                <c:pt idx="5276">
                  <c:v>20107.3</c:v>
                </c:pt>
                <c:pt idx="5277">
                  <c:v>20092.400000000001</c:v>
                </c:pt>
                <c:pt idx="5278">
                  <c:v>19966.5</c:v>
                </c:pt>
                <c:pt idx="5279">
                  <c:v>19888.2</c:v>
                </c:pt>
                <c:pt idx="5280">
                  <c:v>5539.43</c:v>
                </c:pt>
                <c:pt idx="5281">
                  <c:v>4982.75</c:v>
                </c:pt>
                <c:pt idx="5282">
                  <c:v>4595.2299999999996</c:v>
                </c:pt>
                <c:pt idx="5283">
                  <c:v>4294.92</c:v>
                </c:pt>
                <c:pt idx="5284">
                  <c:v>4060.92</c:v>
                </c:pt>
                <c:pt idx="5285">
                  <c:v>3908.79</c:v>
                </c:pt>
                <c:pt idx="5286">
                  <c:v>3799.14</c:v>
                </c:pt>
                <c:pt idx="5287">
                  <c:v>3688.2</c:v>
                </c:pt>
                <c:pt idx="5288">
                  <c:v>3624.93</c:v>
                </c:pt>
                <c:pt idx="5289">
                  <c:v>3548.09</c:v>
                </c:pt>
                <c:pt idx="5290">
                  <c:v>3475.68</c:v>
                </c:pt>
                <c:pt idx="5291">
                  <c:v>7087.77</c:v>
                </c:pt>
                <c:pt idx="5292">
                  <c:v>6385.28</c:v>
                </c:pt>
                <c:pt idx="5293">
                  <c:v>5884.05</c:v>
                </c:pt>
                <c:pt idx="5294">
                  <c:v>5675.33</c:v>
                </c:pt>
                <c:pt idx="5295">
                  <c:v>5512.63</c:v>
                </c:pt>
                <c:pt idx="5296">
                  <c:v>5285.01</c:v>
                </c:pt>
                <c:pt idx="5297">
                  <c:v>5142.46</c:v>
                </c:pt>
                <c:pt idx="5298">
                  <c:v>5001.96</c:v>
                </c:pt>
                <c:pt idx="5299">
                  <c:v>4987.16</c:v>
                </c:pt>
                <c:pt idx="5300">
                  <c:v>4900.07</c:v>
                </c:pt>
                <c:pt idx="5301">
                  <c:v>4791.99</c:v>
                </c:pt>
                <c:pt idx="5302">
                  <c:v>8713.67</c:v>
                </c:pt>
                <c:pt idx="5303">
                  <c:v>7737.73</c:v>
                </c:pt>
                <c:pt idx="5304">
                  <c:v>7230.14</c:v>
                </c:pt>
                <c:pt idx="5305">
                  <c:v>7101.14</c:v>
                </c:pt>
                <c:pt idx="5306">
                  <c:v>6756.31</c:v>
                </c:pt>
                <c:pt idx="5307">
                  <c:v>6708.43</c:v>
                </c:pt>
                <c:pt idx="5308">
                  <c:v>6447.9</c:v>
                </c:pt>
                <c:pt idx="5309">
                  <c:v>6370.74</c:v>
                </c:pt>
                <c:pt idx="5310">
                  <c:v>6342.09</c:v>
                </c:pt>
                <c:pt idx="5311">
                  <c:v>6370.13</c:v>
                </c:pt>
                <c:pt idx="5312">
                  <c:v>6148.42</c:v>
                </c:pt>
                <c:pt idx="5313">
                  <c:v>10124.4</c:v>
                </c:pt>
                <c:pt idx="5314">
                  <c:v>9458.7199999999993</c:v>
                </c:pt>
                <c:pt idx="5315">
                  <c:v>8781.7199999999993</c:v>
                </c:pt>
                <c:pt idx="5316">
                  <c:v>8548.1200000000008</c:v>
                </c:pt>
                <c:pt idx="5317">
                  <c:v>8437.35</c:v>
                </c:pt>
                <c:pt idx="5318">
                  <c:v>8200.4</c:v>
                </c:pt>
                <c:pt idx="5319">
                  <c:v>7979.29</c:v>
                </c:pt>
                <c:pt idx="5320">
                  <c:v>7770.12</c:v>
                </c:pt>
                <c:pt idx="5321">
                  <c:v>7680.39</c:v>
                </c:pt>
                <c:pt idx="5322">
                  <c:v>7603.4</c:v>
                </c:pt>
                <c:pt idx="5323">
                  <c:v>7565.59</c:v>
                </c:pt>
                <c:pt idx="5324">
                  <c:v>11704.1</c:v>
                </c:pt>
                <c:pt idx="5325">
                  <c:v>11070.8</c:v>
                </c:pt>
                <c:pt idx="5326">
                  <c:v>10683.9</c:v>
                </c:pt>
                <c:pt idx="5327">
                  <c:v>10222.4</c:v>
                </c:pt>
                <c:pt idx="5328">
                  <c:v>10007.299999999999</c:v>
                </c:pt>
                <c:pt idx="5329">
                  <c:v>9708.83</c:v>
                </c:pt>
                <c:pt idx="5330">
                  <c:v>9582.33</c:v>
                </c:pt>
                <c:pt idx="5331">
                  <c:v>9427.5400000000009</c:v>
                </c:pt>
                <c:pt idx="5332">
                  <c:v>9276.49</c:v>
                </c:pt>
                <c:pt idx="5333">
                  <c:v>9161.5400000000009</c:v>
                </c:pt>
                <c:pt idx="5334">
                  <c:v>9069</c:v>
                </c:pt>
                <c:pt idx="5335">
                  <c:v>13361.2</c:v>
                </c:pt>
                <c:pt idx="5336">
                  <c:v>12560.2</c:v>
                </c:pt>
                <c:pt idx="5337">
                  <c:v>11981</c:v>
                </c:pt>
                <c:pt idx="5338">
                  <c:v>11820.2</c:v>
                </c:pt>
                <c:pt idx="5339">
                  <c:v>11400.7</c:v>
                </c:pt>
                <c:pt idx="5340">
                  <c:v>11226.4</c:v>
                </c:pt>
                <c:pt idx="5341">
                  <c:v>11119.7</c:v>
                </c:pt>
                <c:pt idx="5342">
                  <c:v>10845.5</c:v>
                </c:pt>
                <c:pt idx="5343">
                  <c:v>10769.8</c:v>
                </c:pt>
                <c:pt idx="5344">
                  <c:v>10734</c:v>
                </c:pt>
                <c:pt idx="5345">
                  <c:v>10737.8</c:v>
                </c:pt>
                <c:pt idx="5346">
                  <c:v>14591.1</c:v>
                </c:pt>
                <c:pt idx="5347">
                  <c:v>14097.9</c:v>
                </c:pt>
                <c:pt idx="5348">
                  <c:v>13521.2</c:v>
                </c:pt>
                <c:pt idx="5349">
                  <c:v>13331.7</c:v>
                </c:pt>
                <c:pt idx="5350">
                  <c:v>12945.4</c:v>
                </c:pt>
                <c:pt idx="5351">
                  <c:v>12910.7</c:v>
                </c:pt>
                <c:pt idx="5352">
                  <c:v>12641.6</c:v>
                </c:pt>
                <c:pt idx="5353">
                  <c:v>12458.1</c:v>
                </c:pt>
                <c:pt idx="5354">
                  <c:v>12343.2</c:v>
                </c:pt>
                <c:pt idx="5355">
                  <c:v>12243.1</c:v>
                </c:pt>
                <c:pt idx="5356">
                  <c:v>12207.4</c:v>
                </c:pt>
                <c:pt idx="5357">
                  <c:v>16426.3</c:v>
                </c:pt>
                <c:pt idx="5358">
                  <c:v>15800.1</c:v>
                </c:pt>
                <c:pt idx="5359">
                  <c:v>15117.3</c:v>
                </c:pt>
                <c:pt idx="5360">
                  <c:v>14764.1</c:v>
                </c:pt>
                <c:pt idx="5361">
                  <c:v>14614</c:v>
                </c:pt>
                <c:pt idx="5362">
                  <c:v>14372.5</c:v>
                </c:pt>
                <c:pt idx="5363">
                  <c:v>14106</c:v>
                </c:pt>
                <c:pt idx="5364">
                  <c:v>13941.9</c:v>
                </c:pt>
                <c:pt idx="5365">
                  <c:v>13960.5</c:v>
                </c:pt>
                <c:pt idx="5366">
                  <c:v>13854.1</c:v>
                </c:pt>
                <c:pt idx="5367">
                  <c:v>13776.7</c:v>
                </c:pt>
                <c:pt idx="5368">
                  <c:v>17887.599999999999</c:v>
                </c:pt>
                <c:pt idx="5369">
                  <c:v>17310.5</c:v>
                </c:pt>
                <c:pt idx="5370">
                  <c:v>16607.5</c:v>
                </c:pt>
                <c:pt idx="5371">
                  <c:v>16283.6</c:v>
                </c:pt>
                <c:pt idx="5372">
                  <c:v>16222.7</c:v>
                </c:pt>
                <c:pt idx="5373">
                  <c:v>15974.1</c:v>
                </c:pt>
                <c:pt idx="5374">
                  <c:v>15594.7</c:v>
                </c:pt>
                <c:pt idx="5375">
                  <c:v>15569</c:v>
                </c:pt>
                <c:pt idx="5376">
                  <c:v>15426.2</c:v>
                </c:pt>
                <c:pt idx="5377">
                  <c:v>15317.4</c:v>
                </c:pt>
                <c:pt idx="5378">
                  <c:v>15237.2</c:v>
                </c:pt>
                <c:pt idx="5379">
                  <c:v>19249.3</c:v>
                </c:pt>
                <c:pt idx="5380">
                  <c:v>18721</c:v>
                </c:pt>
                <c:pt idx="5381">
                  <c:v>18395.900000000001</c:v>
                </c:pt>
                <c:pt idx="5382">
                  <c:v>17845.2</c:v>
                </c:pt>
                <c:pt idx="5383">
                  <c:v>17600.8</c:v>
                </c:pt>
                <c:pt idx="5384">
                  <c:v>17549.8</c:v>
                </c:pt>
                <c:pt idx="5385">
                  <c:v>17260.599999999999</c:v>
                </c:pt>
                <c:pt idx="5386">
                  <c:v>17152.900000000001</c:v>
                </c:pt>
                <c:pt idx="5387">
                  <c:v>17019.5</c:v>
                </c:pt>
                <c:pt idx="5388">
                  <c:v>16877</c:v>
                </c:pt>
                <c:pt idx="5389">
                  <c:v>16778.599999999999</c:v>
                </c:pt>
                <c:pt idx="5390">
                  <c:v>20794.400000000001</c:v>
                </c:pt>
                <c:pt idx="5391">
                  <c:v>20207.8</c:v>
                </c:pt>
                <c:pt idx="5392">
                  <c:v>19859.599999999999</c:v>
                </c:pt>
                <c:pt idx="5393">
                  <c:v>19431.5</c:v>
                </c:pt>
                <c:pt idx="5394">
                  <c:v>19221</c:v>
                </c:pt>
                <c:pt idx="5395">
                  <c:v>19068</c:v>
                </c:pt>
                <c:pt idx="5396">
                  <c:v>18829.099999999999</c:v>
                </c:pt>
                <c:pt idx="5397">
                  <c:v>18660</c:v>
                </c:pt>
                <c:pt idx="5398">
                  <c:v>18484.3</c:v>
                </c:pt>
                <c:pt idx="5399">
                  <c:v>18503.7</c:v>
                </c:pt>
                <c:pt idx="5400">
                  <c:v>18322.8</c:v>
                </c:pt>
                <c:pt idx="5401">
                  <c:v>22425.3</c:v>
                </c:pt>
                <c:pt idx="5402">
                  <c:v>21803.7</c:v>
                </c:pt>
                <c:pt idx="5403">
                  <c:v>21316.5</c:v>
                </c:pt>
                <c:pt idx="5404">
                  <c:v>20930.7</c:v>
                </c:pt>
                <c:pt idx="5405">
                  <c:v>20740.599999999999</c:v>
                </c:pt>
                <c:pt idx="5406">
                  <c:v>20528.5</c:v>
                </c:pt>
                <c:pt idx="5407">
                  <c:v>20270</c:v>
                </c:pt>
                <c:pt idx="5408">
                  <c:v>20199.5</c:v>
                </c:pt>
                <c:pt idx="5409">
                  <c:v>20034.400000000001</c:v>
                </c:pt>
                <c:pt idx="5410">
                  <c:v>19956.5</c:v>
                </c:pt>
                <c:pt idx="5411">
                  <c:v>19993.099999999999</c:v>
                </c:pt>
                <c:pt idx="5412">
                  <c:v>5539.43</c:v>
                </c:pt>
                <c:pt idx="5413">
                  <c:v>4982.75</c:v>
                </c:pt>
                <c:pt idx="5414">
                  <c:v>4600.26</c:v>
                </c:pt>
                <c:pt idx="5415">
                  <c:v>4237.96</c:v>
                </c:pt>
                <c:pt idx="5416">
                  <c:v>4026.15</c:v>
                </c:pt>
                <c:pt idx="5417">
                  <c:v>3859.33</c:v>
                </c:pt>
                <c:pt idx="5418">
                  <c:v>3738.28</c:v>
                </c:pt>
                <c:pt idx="5419">
                  <c:v>3621.58</c:v>
                </c:pt>
                <c:pt idx="5420">
                  <c:v>3562.32</c:v>
                </c:pt>
                <c:pt idx="5421">
                  <c:v>3474</c:v>
                </c:pt>
                <c:pt idx="5422">
                  <c:v>3400.3</c:v>
                </c:pt>
                <c:pt idx="5423">
                  <c:v>7087.77</c:v>
                </c:pt>
                <c:pt idx="5424">
                  <c:v>6385.28</c:v>
                </c:pt>
                <c:pt idx="5425">
                  <c:v>5884.05</c:v>
                </c:pt>
                <c:pt idx="5426">
                  <c:v>5675.33</c:v>
                </c:pt>
                <c:pt idx="5427">
                  <c:v>5512.63</c:v>
                </c:pt>
                <c:pt idx="5428">
                  <c:v>5285.01</c:v>
                </c:pt>
                <c:pt idx="5429">
                  <c:v>5142.46</c:v>
                </c:pt>
                <c:pt idx="5430">
                  <c:v>4999.7</c:v>
                </c:pt>
                <c:pt idx="5431">
                  <c:v>4976.82</c:v>
                </c:pt>
                <c:pt idx="5432">
                  <c:v>4890.92</c:v>
                </c:pt>
                <c:pt idx="5433">
                  <c:v>4783.84</c:v>
                </c:pt>
                <c:pt idx="5434">
                  <c:v>8713.67</c:v>
                </c:pt>
                <c:pt idx="5435">
                  <c:v>7737.73</c:v>
                </c:pt>
                <c:pt idx="5436">
                  <c:v>7230.14</c:v>
                </c:pt>
                <c:pt idx="5437">
                  <c:v>7101.14</c:v>
                </c:pt>
                <c:pt idx="5438">
                  <c:v>6756.31</c:v>
                </c:pt>
                <c:pt idx="5439">
                  <c:v>6708.43</c:v>
                </c:pt>
                <c:pt idx="5440">
                  <c:v>6447.9</c:v>
                </c:pt>
                <c:pt idx="5441">
                  <c:v>6370.74</c:v>
                </c:pt>
                <c:pt idx="5442">
                  <c:v>6342.09</c:v>
                </c:pt>
                <c:pt idx="5443">
                  <c:v>6184.26</c:v>
                </c:pt>
                <c:pt idx="5444">
                  <c:v>6130.59</c:v>
                </c:pt>
                <c:pt idx="5445">
                  <c:v>10124.4</c:v>
                </c:pt>
                <c:pt idx="5446">
                  <c:v>9458.7199999999993</c:v>
                </c:pt>
                <c:pt idx="5447">
                  <c:v>8786.06</c:v>
                </c:pt>
                <c:pt idx="5448">
                  <c:v>8548.1200000000008</c:v>
                </c:pt>
                <c:pt idx="5449">
                  <c:v>8437.35</c:v>
                </c:pt>
                <c:pt idx="5450">
                  <c:v>8200.4</c:v>
                </c:pt>
                <c:pt idx="5451">
                  <c:v>7872.73</c:v>
                </c:pt>
                <c:pt idx="5452">
                  <c:v>7787.83</c:v>
                </c:pt>
                <c:pt idx="5453">
                  <c:v>7668.7</c:v>
                </c:pt>
                <c:pt idx="5454">
                  <c:v>7590.96</c:v>
                </c:pt>
                <c:pt idx="5455">
                  <c:v>7523.17</c:v>
                </c:pt>
                <c:pt idx="5456">
                  <c:v>11704.1</c:v>
                </c:pt>
                <c:pt idx="5457">
                  <c:v>11070.8</c:v>
                </c:pt>
                <c:pt idx="5458">
                  <c:v>10683.9</c:v>
                </c:pt>
                <c:pt idx="5459">
                  <c:v>10226.799999999999</c:v>
                </c:pt>
                <c:pt idx="5460">
                  <c:v>10007.299999999999</c:v>
                </c:pt>
                <c:pt idx="5461">
                  <c:v>9708.83</c:v>
                </c:pt>
                <c:pt idx="5462">
                  <c:v>9532.11</c:v>
                </c:pt>
                <c:pt idx="5463">
                  <c:v>9382.0300000000007</c:v>
                </c:pt>
                <c:pt idx="5464">
                  <c:v>9269.65</c:v>
                </c:pt>
                <c:pt idx="5465">
                  <c:v>9160.2800000000007</c:v>
                </c:pt>
                <c:pt idx="5466">
                  <c:v>9069</c:v>
                </c:pt>
                <c:pt idx="5467">
                  <c:v>13361.2</c:v>
                </c:pt>
                <c:pt idx="5468">
                  <c:v>12560.2</c:v>
                </c:pt>
                <c:pt idx="5469">
                  <c:v>11981</c:v>
                </c:pt>
                <c:pt idx="5470">
                  <c:v>11820.2</c:v>
                </c:pt>
                <c:pt idx="5471">
                  <c:v>11400.7</c:v>
                </c:pt>
                <c:pt idx="5472">
                  <c:v>11226.4</c:v>
                </c:pt>
                <c:pt idx="5473">
                  <c:v>11102.9</c:v>
                </c:pt>
                <c:pt idx="5474">
                  <c:v>10976.3</c:v>
                </c:pt>
                <c:pt idx="5475">
                  <c:v>10745.4</c:v>
                </c:pt>
                <c:pt idx="5476">
                  <c:v>10685.7</c:v>
                </c:pt>
                <c:pt idx="5477">
                  <c:v>10665.6</c:v>
                </c:pt>
                <c:pt idx="5478">
                  <c:v>14591.1</c:v>
                </c:pt>
                <c:pt idx="5479">
                  <c:v>14097.9</c:v>
                </c:pt>
                <c:pt idx="5480">
                  <c:v>13521.2</c:v>
                </c:pt>
                <c:pt idx="5481">
                  <c:v>13331.7</c:v>
                </c:pt>
                <c:pt idx="5482">
                  <c:v>12945.4</c:v>
                </c:pt>
                <c:pt idx="5483">
                  <c:v>12839.1</c:v>
                </c:pt>
                <c:pt idx="5484">
                  <c:v>12641.6</c:v>
                </c:pt>
                <c:pt idx="5485">
                  <c:v>12458.1</c:v>
                </c:pt>
                <c:pt idx="5486">
                  <c:v>12398.4</c:v>
                </c:pt>
                <c:pt idx="5487">
                  <c:v>12294</c:v>
                </c:pt>
                <c:pt idx="5488">
                  <c:v>12207.4</c:v>
                </c:pt>
                <c:pt idx="5489">
                  <c:v>16426.3</c:v>
                </c:pt>
                <c:pt idx="5490">
                  <c:v>15800.1</c:v>
                </c:pt>
                <c:pt idx="5491">
                  <c:v>15117.3</c:v>
                </c:pt>
                <c:pt idx="5492">
                  <c:v>14764.1</c:v>
                </c:pt>
                <c:pt idx="5493">
                  <c:v>14614</c:v>
                </c:pt>
                <c:pt idx="5494">
                  <c:v>14372.5</c:v>
                </c:pt>
                <c:pt idx="5495">
                  <c:v>14099.6</c:v>
                </c:pt>
                <c:pt idx="5496">
                  <c:v>13936.3</c:v>
                </c:pt>
                <c:pt idx="5497">
                  <c:v>13988.7</c:v>
                </c:pt>
                <c:pt idx="5498">
                  <c:v>13857.2</c:v>
                </c:pt>
                <c:pt idx="5499">
                  <c:v>13779.6</c:v>
                </c:pt>
                <c:pt idx="5500">
                  <c:v>17887.599999999999</c:v>
                </c:pt>
                <c:pt idx="5501">
                  <c:v>17310.5</c:v>
                </c:pt>
                <c:pt idx="5502">
                  <c:v>16607.5</c:v>
                </c:pt>
                <c:pt idx="5503">
                  <c:v>16283.6</c:v>
                </c:pt>
                <c:pt idx="5504">
                  <c:v>16184.3</c:v>
                </c:pt>
                <c:pt idx="5505">
                  <c:v>15974.1</c:v>
                </c:pt>
                <c:pt idx="5506">
                  <c:v>15598.5</c:v>
                </c:pt>
                <c:pt idx="5507">
                  <c:v>15547.3</c:v>
                </c:pt>
                <c:pt idx="5508">
                  <c:v>15429.3</c:v>
                </c:pt>
                <c:pt idx="5509">
                  <c:v>15394.5</c:v>
                </c:pt>
                <c:pt idx="5510">
                  <c:v>15239.8</c:v>
                </c:pt>
                <c:pt idx="5511">
                  <c:v>19249.3</c:v>
                </c:pt>
                <c:pt idx="5512">
                  <c:v>18721</c:v>
                </c:pt>
                <c:pt idx="5513">
                  <c:v>18395.900000000001</c:v>
                </c:pt>
                <c:pt idx="5514">
                  <c:v>17831.400000000001</c:v>
                </c:pt>
                <c:pt idx="5515">
                  <c:v>17600.8</c:v>
                </c:pt>
                <c:pt idx="5516">
                  <c:v>17495.900000000001</c:v>
                </c:pt>
                <c:pt idx="5517">
                  <c:v>17243.099999999999</c:v>
                </c:pt>
                <c:pt idx="5518">
                  <c:v>17106.3</c:v>
                </c:pt>
                <c:pt idx="5519">
                  <c:v>17019.5</c:v>
                </c:pt>
                <c:pt idx="5520">
                  <c:v>16877</c:v>
                </c:pt>
                <c:pt idx="5521">
                  <c:v>16780.5</c:v>
                </c:pt>
                <c:pt idx="5522">
                  <c:v>20794.400000000001</c:v>
                </c:pt>
                <c:pt idx="5523">
                  <c:v>20207.8</c:v>
                </c:pt>
                <c:pt idx="5524">
                  <c:v>19859.599999999999</c:v>
                </c:pt>
                <c:pt idx="5525">
                  <c:v>19431.5</c:v>
                </c:pt>
                <c:pt idx="5526">
                  <c:v>19183</c:v>
                </c:pt>
                <c:pt idx="5527">
                  <c:v>19095.900000000001</c:v>
                </c:pt>
                <c:pt idx="5528">
                  <c:v>18829.099999999999</c:v>
                </c:pt>
                <c:pt idx="5529">
                  <c:v>18660</c:v>
                </c:pt>
                <c:pt idx="5530">
                  <c:v>18603.5</c:v>
                </c:pt>
                <c:pt idx="5531">
                  <c:v>18420.5</c:v>
                </c:pt>
                <c:pt idx="5532">
                  <c:v>18323.7</c:v>
                </c:pt>
                <c:pt idx="5533">
                  <c:v>22425.3</c:v>
                </c:pt>
                <c:pt idx="5534">
                  <c:v>21749.1</c:v>
                </c:pt>
                <c:pt idx="5535">
                  <c:v>21293.200000000001</c:v>
                </c:pt>
                <c:pt idx="5536">
                  <c:v>20907.3</c:v>
                </c:pt>
                <c:pt idx="5537">
                  <c:v>20744.599999999999</c:v>
                </c:pt>
                <c:pt idx="5538">
                  <c:v>20614.3</c:v>
                </c:pt>
                <c:pt idx="5539">
                  <c:v>20387.2</c:v>
                </c:pt>
                <c:pt idx="5540">
                  <c:v>20155</c:v>
                </c:pt>
                <c:pt idx="5541">
                  <c:v>20109.3</c:v>
                </c:pt>
                <c:pt idx="5542">
                  <c:v>19996.8</c:v>
                </c:pt>
                <c:pt idx="5543">
                  <c:v>19904.5</c:v>
                </c:pt>
                <c:pt idx="5544">
                  <c:v>5539.43</c:v>
                </c:pt>
                <c:pt idx="5545">
                  <c:v>4982.75</c:v>
                </c:pt>
                <c:pt idx="5546">
                  <c:v>4600.26</c:v>
                </c:pt>
                <c:pt idx="5547">
                  <c:v>4241.8599999999997</c:v>
                </c:pt>
                <c:pt idx="5548">
                  <c:v>4028.91</c:v>
                </c:pt>
                <c:pt idx="5549">
                  <c:v>3819.41</c:v>
                </c:pt>
                <c:pt idx="5550">
                  <c:v>3694.43</c:v>
                </c:pt>
                <c:pt idx="5551">
                  <c:v>3617.79</c:v>
                </c:pt>
                <c:pt idx="5552">
                  <c:v>3509.26</c:v>
                </c:pt>
                <c:pt idx="5553">
                  <c:v>3418.97</c:v>
                </c:pt>
                <c:pt idx="5554">
                  <c:v>3381.34</c:v>
                </c:pt>
                <c:pt idx="5555">
                  <c:v>7087.77</c:v>
                </c:pt>
                <c:pt idx="5556">
                  <c:v>6385.28</c:v>
                </c:pt>
                <c:pt idx="5557">
                  <c:v>5884.05</c:v>
                </c:pt>
                <c:pt idx="5558">
                  <c:v>5675.33</c:v>
                </c:pt>
                <c:pt idx="5559">
                  <c:v>5512.63</c:v>
                </c:pt>
                <c:pt idx="5560">
                  <c:v>5285.01</c:v>
                </c:pt>
                <c:pt idx="5561">
                  <c:v>5142.46</c:v>
                </c:pt>
                <c:pt idx="5562">
                  <c:v>4999.7</c:v>
                </c:pt>
                <c:pt idx="5563">
                  <c:v>4937.03</c:v>
                </c:pt>
                <c:pt idx="5564">
                  <c:v>4792.03</c:v>
                </c:pt>
                <c:pt idx="5565">
                  <c:v>4750.97</c:v>
                </c:pt>
                <c:pt idx="5566">
                  <c:v>8713.67</c:v>
                </c:pt>
                <c:pt idx="5567">
                  <c:v>7737.73</c:v>
                </c:pt>
                <c:pt idx="5568">
                  <c:v>7230.14</c:v>
                </c:pt>
                <c:pt idx="5569">
                  <c:v>7101.14</c:v>
                </c:pt>
                <c:pt idx="5570">
                  <c:v>6756.31</c:v>
                </c:pt>
                <c:pt idx="5571">
                  <c:v>6708.43</c:v>
                </c:pt>
                <c:pt idx="5572">
                  <c:v>6447.9</c:v>
                </c:pt>
                <c:pt idx="5573">
                  <c:v>6370.74</c:v>
                </c:pt>
                <c:pt idx="5574">
                  <c:v>6342.09</c:v>
                </c:pt>
                <c:pt idx="5575">
                  <c:v>6184.26</c:v>
                </c:pt>
                <c:pt idx="5576">
                  <c:v>6130.59</c:v>
                </c:pt>
                <c:pt idx="5577">
                  <c:v>10124.4</c:v>
                </c:pt>
                <c:pt idx="5578">
                  <c:v>9458.7199999999993</c:v>
                </c:pt>
                <c:pt idx="5579">
                  <c:v>9013.58</c:v>
                </c:pt>
                <c:pt idx="5580">
                  <c:v>8548.1200000000008</c:v>
                </c:pt>
                <c:pt idx="5581">
                  <c:v>8437.35</c:v>
                </c:pt>
                <c:pt idx="5582">
                  <c:v>8200.4</c:v>
                </c:pt>
                <c:pt idx="5583">
                  <c:v>7990.17</c:v>
                </c:pt>
                <c:pt idx="5584">
                  <c:v>7761.19</c:v>
                </c:pt>
                <c:pt idx="5585">
                  <c:v>7686.2</c:v>
                </c:pt>
                <c:pt idx="5586">
                  <c:v>7580.92</c:v>
                </c:pt>
                <c:pt idx="5587">
                  <c:v>7512.59</c:v>
                </c:pt>
                <c:pt idx="5588">
                  <c:v>11704.1</c:v>
                </c:pt>
                <c:pt idx="5589">
                  <c:v>11070.8</c:v>
                </c:pt>
                <c:pt idx="5590">
                  <c:v>10683.9</c:v>
                </c:pt>
                <c:pt idx="5591">
                  <c:v>10066.700000000001</c:v>
                </c:pt>
                <c:pt idx="5592">
                  <c:v>10007.299999999999</c:v>
                </c:pt>
                <c:pt idx="5593">
                  <c:v>9708.83</c:v>
                </c:pt>
                <c:pt idx="5594">
                  <c:v>9513.09</c:v>
                </c:pt>
                <c:pt idx="5595">
                  <c:v>9364.24</c:v>
                </c:pt>
                <c:pt idx="5596">
                  <c:v>9269.65</c:v>
                </c:pt>
                <c:pt idx="5597">
                  <c:v>9160.2800000000007</c:v>
                </c:pt>
                <c:pt idx="5598">
                  <c:v>9069</c:v>
                </c:pt>
                <c:pt idx="5599">
                  <c:v>13361.2</c:v>
                </c:pt>
                <c:pt idx="5600">
                  <c:v>12560.2</c:v>
                </c:pt>
                <c:pt idx="5601">
                  <c:v>11981</c:v>
                </c:pt>
                <c:pt idx="5602">
                  <c:v>11820.2</c:v>
                </c:pt>
                <c:pt idx="5603">
                  <c:v>11400.7</c:v>
                </c:pt>
                <c:pt idx="5604">
                  <c:v>11226.4</c:v>
                </c:pt>
                <c:pt idx="5605">
                  <c:v>11102.9</c:v>
                </c:pt>
                <c:pt idx="5606">
                  <c:v>10958.1</c:v>
                </c:pt>
                <c:pt idx="5607">
                  <c:v>10868.2</c:v>
                </c:pt>
                <c:pt idx="5608">
                  <c:v>10664.6</c:v>
                </c:pt>
                <c:pt idx="5609">
                  <c:v>10623</c:v>
                </c:pt>
                <c:pt idx="5610">
                  <c:v>14591.1</c:v>
                </c:pt>
                <c:pt idx="5611">
                  <c:v>14097.9</c:v>
                </c:pt>
                <c:pt idx="5612">
                  <c:v>13521.2</c:v>
                </c:pt>
                <c:pt idx="5613">
                  <c:v>13331.7</c:v>
                </c:pt>
                <c:pt idx="5614">
                  <c:v>12945.4</c:v>
                </c:pt>
                <c:pt idx="5615">
                  <c:v>12824.1</c:v>
                </c:pt>
                <c:pt idx="5616">
                  <c:v>12641.6</c:v>
                </c:pt>
                <c:pt idx="5617">
                  <c:v>12458.1</c:v>
                </c:pt>
                <c:pt idx="5618">
                  <c:v>12398.4</c:v>
                </c:pt>
                <c:pt idx="5619">
                  <c:v>12294</c:v>
                </c:pt>
                <c:pt idx="5620">
                  <c:v>12207.4</c:v>
                </c:pt>
                <c:pt idx="5621">
                  <c:v>16426.3</c:v>
                </c:pt>
                <c:pt idx="5622">
                  <c:v>15800.1</c:v>
                </c:pt>
                <c:pt idx="5623">
                  <c:v>15117.3</c:v>
                </c:pt>
                <c:pt idx="5624">
                  <c:v>14764.1</c:v>
                </c:pt>
                <c:pt idx="5625">
                  <c:v>14614</c:v>
                </c:pt>
                <c:pt idx="5626">
                  <c:v>14372.5</c:v>
                </c:pt>
                <c:pt idx="5627">
                  <c:v>14101.9</c:v>
                </c:pt>
                <c:pt idx="5628">
                  <c:v>13938.4</c:v>
                </c:pt>
                <c:pt idx="5629">
                  <c:v>13942.4</c:v>
                </c:pt>
                <c:pt idx="5630">
                  <c:v>13840.3</c:v>
                </c:pt>
                <c:pt idx="5631">
                  <c:v>13782.3</c:v>
                </c:pt>
                <c:pt idx="5632">
                  <c:v>17887.599999999999</c:v>
                </c:pt>
                <c:pt idx="5633">
                  <c:v>17310.5</c:v>
                </c:pt>
                <c:pt idx="5634">
                  <c:v>16607.5</c:v>
                </c:pt>
                <c:pt idx="5635">
                  <c:v>16283.6</c:v>
                </c:pt>
                <c:pt idx="5636">
                  <c:v>16184.3</c:v>
                </c:pt>
                <c:pt idx="5637">
                  <c:v>15974.1</c:v>
                </c:pt>
                <c:pt idx="5638">
                  <c:v>15591.4</c:v>
                </c:pt>
                <c:pt idx="5639">
                  <c:v>15537.2</c:v>
                </c:pt>
                <c:pt idx="5640">
                  <c:v>15397.3</c:v>
                </c:pt>
                <c:pt idx="5641">
                  <c:v>15396.3</c:v>
                </c:pt>
                <c:pt idx="5642">
                  <c:v>15242.4</c:v>
                </c:pt>
                <c:pt idx="5643">
                  <c:v>19249.3</c:v>
                </c:pt>
                <c:pt idx="5644">
                  <c:v>18721</c:v>
                </c:pt>
                <c:pt idx="5645">
                  <c:v>18395.900000000001</c:v>
                </c:pt>
                <c:pt idx="5646">
                  <c:v>17831.400000000001</c:v>
                </c:pt>
                <c:pt idx="5647">
                  <c:v>17600.8</c:v>
                </c:pt>
                <c:pt idx="5648">
                  <c:v>17495.900000000001</c:v>
                </c:pt>
                <c:pt idx="5649">
                  <c:v>17243.099999999999</c:v>
                </c:pt>
                <c:pt idx="5650">
                  <c:v>17089.599999999999</c:v>
                </c:pt>
                <c:pt idx="5651">
                  <c:v>17019.5</c:v>
                </c:pt>
                <c:pt idx="5652">
                  <c:v>16877</c:v>
                </c:pt>
                <c:pt idx="5653">
                  <c:v>16782.400000000001</c:v>
                </c:pt>
                <c:pt idx="5654">
                  <c:v>20794.400000000001</c:v>
                </c:pt>
                <c:pt idx="5655">
                  <c:v>20207.8</c:v>
                </c:pt>
                <c:pt idx="5656">
                  <c:v>19859.599999999999</c:v>
                </c:pt>
                <c:pt idx="5657">
                  <c:v>19431.5</c:v>
                </c:pt>
                <c:pt idx="5658">
                  <c:v>19290.2</c:v>
                </c:pt>
                <c:pt idx="5659">
                  <c:v>19060.8</c:v>
                </c:pt>
                <c:pt idx="5660">
                  <c:v>18829.099999999999</c:v>
                </c:pt>
                <c:pt idx="5661">
                  <c:v>18660</c:v>
                </c:pt>
                <c:pt idx="5662">
                  <c:v>18603.5</c:v>
                </c:pt>
                <c:pt idx="5663">
                  <c:v>18420.5</c:v>
                </c:pt>
                <c:pt idx="5664">
                  <c:v>18355.3</c:v>
                </c:pt>
                <c:pt idx="5665">
                  <c:v>22425.3</c:v>
                </c:pt>
                <c:pt idx="5666">
                  <c:v>21789.4</c:v>
                </c:pt>
                <c:pt idx="5667">
                  <c:v>21318.5</c:v>
                </c:pt>
                <c:pt idx="5668">
                  <c:v>21132.400000000001</c:v>
                </c:pt>
                <c:pt idx="5669">
                  <c:v>20748.5</c:v>
                </c:pt>
                <c:pt idx="5670">
                  <c:v>20614.3</c:v>
                </c:pt>
                <c:pt idx="5671">
                  <c:v>20344.599999999999</c:v>
                </c:pt>
                <c:pt idx="5672">
                  <c:v>20117.599999999999</c:v>
                </c:pt>
                <c:pt idx="5673">
                  <c:v>20082.2</c:v>
                </c:pt>
                <c:pt idx="5674">
                  <c:v>19965.7</c:v>
                </c:pt>
                <c:pt idx="5675">
                  <c:v>19875.400000000001</c:v>
                </c:pt>
                <c:pt idx="5676">
                  <c:v>5539.43</c:v>
                </c:pt>
                <c:pt idx="5677">
                  <c:v>4982.75</c:v>
                </c:pt>
                <c:pt idx="5678">
                  <c:v>4600.26</c:v>
                </c:pt>
                <c:pt idx="5679">
                  <c:v>4241.8599999999997</c:v>
                </c:pt>
                <c:pt idx="5680">
                  <c:v>4048.23</c:v>
                </c:pt>
                <c:pt idx="5681">
                  <c:v>3821.51</c:v>
                </c:pt>
                <c:pt idx="5682">
                  <c:v>3697.75</c:v>
                </c:pt>
                <c:pt idx="5683">
                  <c:v>3587.98</c:v>
                </c:pt>
                <c:pt idx="5684">
                  <c:v>3472.38</c:v>
                </c:pt>
                <c:pt idx="5685">
                  <c:v>3379.56</c:v>
                </c:pt>
                <c:pt idx="5686">
                  <c:v>3342.96</c:v>
                </c:pt>
                <c:pt idx="5687">
                  <c:v>7087.77</c:v>
                </c:pt>
                <c:pt idx="5688">
                  <c:v>6385.28</c:v>
                </c:pt>
                <c:pt idx="5689">
                  <c:v>5884.05</c:v>
                </c:pt>
                <c:pt idx="5690">
                  <c:v>5675.33</c:v>
                </c:pt>
                <c:pt idx="5691">
                  <c:v>5512.63</c:v>
                </c:pt>
                <c:pt idx="5692">
                  <c:v>5285.01</c:v>
                </c:pt>
                <c:pt idx="5693">
                  <c:v>5142.46</c:v>
                </c:pt>
                <c:pt idx="5694">
                  <c:v>4999.7</c:v>
                </c:pt>
                <c:pt idx="5695">
                  <c:v>4934.09</c:v>
                </c:pt>
                <c:pt idx="5696">
                  <c:v>4792.03</c:v>
                </c:pt>
                <c:pt idx="5697">
                  <c:v>4745.68</c:v>
                </c:pt>
                <c:pt idx="5698">
                  <c:v>8713.67</c:v>
                </c:pt>
                <c:pt idx="5699">
                  <c:v>7737.73</c:v>
                </c:pt>
                <c:pt idx="5700">
                  <c:v>7230.14</c:v>
                </c:pt>
                <c:pt idx="5701">
                  <c:v>7101.14</c:v>
                </c:pt>
                <c:pt idx="5702">
                  <c:v>6756.31</c:v>
                </c:pt>
                <c:pt idx="5703">
                  <c:v>6708.43</c:v>
                </c:pt>
                <c:pt idx="5704">
                  <c:v>6447.9</c:v>
                </c:pt>
                <c:pt idx="5705">
                  <c:v>6370.74</c:v>
                </c:pt>
                <c:pt idx="5706">
                  <c:v>6342.09</c:v>
                </c:pt>
                <c:pt idx="5707">
                  <c:v>6239.11</c:v>
                </c:pt>
                <c:pt idx="5708">
                  <c:v>6130.59</c:v>
                </c:pt>
                <c:pt idx="5709">
                  <c:v>10124.4</c:v>
                </c:pt>
                <c:pt idx="5710">
                  <c:v>9458.7199999999993</c:v>
                </c:pt>
                <c:pt idx="5711">
                  <c:v>9013.58</c:v>
                </c:pt>
                <c:pt idx="5712">
                  <c:v>8548.1200000000008</c:v>
                </c:pt>
                <c:pt idx="5713">
                  <c:v>8437.35</c:v>
                </c:pt>
                <c:pt idx="5714">
                  <c:v>8200.4</c:v>
                </c:pt>
                <c:pt idx="5715">
                  <c:v>7971.23</c:v>
                </c:pt>
                <c:pt idx="5716">
                  <c:v>7868.33</c:v>
                </c:pt>
                <c:pt idx="5717">
                  <c:v>7665.1</c:v>
                </c:pt>
                <c:pt idx="5718">
                  <c:v>7572.76</c:v>
                </c:pt>
                <c:pt idx="5719">
                  <c:v>7503.9</c:v>
                </c:pt>
                <c:pt idx="5720">
                  <c:v>11704.1</c:v>
                </c:pt>
                <c:pt idx="5721">
                  <c:v>11070.8</c:v>
                </c:pt>
                <c:pt idx="5722">
                  <c:v>10683.9</c:v>
                </c:pt>
                <c:pt idx="5723">
                  <c:v>10285.4</c:v>
                </c:pt>
                <c:pt idx="5724">
                  <c:v>10007.299999999999</c:v>
                </c:pt>
                <c:pt idx="5725">
                  <c:v>9708.83</c:v>
                </c:pt>
                <c:pt idx="5726">
                  <c:v>9513.09</c:v>
                </c:pt>
                <c:pt idx="5727">
                  <c:v>9364.24</c:v>
                </c:pt>
                <c:pt idx="5728">
                  <c:v>9269.65</c:v>
                </c:pt>
                <c:pt idx="5729">
                  <c:v>9160.2800000000007</c:v>
                </c:pt>
                <c:pt idx="5730">
                  <c:v>9069</c:v>
                </c:pt>
                <c:pt idx="5731">
                  <c:v>13361.2</c:v>
                </c:pt>
                <c:pt idx="5732">
                  <c:v>12560.2</c:v>
                </c:pt>
                <c:pt idx="5733">
                  <c:v>11981</c:v>
                </c:pt>
                <c:pt idx="5734">
                  <c:v>11820.2</c:v>
                </c:pt>
                <c:pt idx="5735">
                  <c:v>11400.7</c:v>
                </c:pt>
                <c:pt idx="5736">
                  <c:v>11226.4</c:v>
                </c:pt>
                <c:pt idx="5737">
                  <c:v>11102.9</c:v>
                </c:pt>
                <c:pt idx="5738">
                  <c:v>10958.1</c:v>
                </c:pt>
                <c:pt idx="5739">
                  <c:v>10845</c:v>
                </c:pt>
                <c:pt idx="5740">
                  <c:v>10780.7</c:v>
                </c:pt>
                <c:pt idx="5741">
                  <c:v>10604.2</c:v>
                </c:pt>
                <c:pt idx="5742">
                  <c:v>14591.1</c:v>
                </c:pt>
                <c:pt idx="5743">
                  <c:v>14097.9</c:v>
                </c:pt>
                <c:pt idx="5744">
                  <c:v>13521.2</c:v>
                </c:pt>
                <c:pt idx="5745">
                  <c:v>13331.7</c:v>
                </c:pt>
                <c:pt idx="5746">
                  <c:v>12945.4</c:v>
                </c:pt>
                <c:pt idx="5747">
                  <c:v>12824.1</c:v>
                </c:pt>
                <c:pt idx="5748">
                  <c:v>12641.6</c:v>
                </c:pt>
                <c:pt idx="5749">
                  <c:v>12458.1</c:v>
                </c:pt>
                <c:pt idx="5750">
                  <c:v>12398.4</c:v>
                </c:pt>
                <c:pt idx="5751">
                  <c:v>12294</c:v>
                </c:pt>
                <c:pt idx="5752">
                  <c:v>12207.4</c:v>
                </c:pt>
                <c:pt idx="5753">
                  <c:v>16426.3</c:v>
                </c:pt>
                <c:pt idx="5754">
                  <c:v>15800.1</c:v>
                </c:pt>
                <c:pt idx="5755">
                  <c:v>15117.3</c:v>
                </c:pt>
                <c:pt idx="5756">
                  <c:v>14764.1</c:v>
                </c:pt>
                <c:pt idx="5757">
                  <c:v>14614</c:v>
                </c:pt>
                <c:pt idx="5758">
                  <c:v>14372.5</c:v>
                </c:pt>
                <c:pt idx="5759">
                  <c:v>14139.5</c:v>
                </c:pt>
                <c:pt idx="5760">
                  <c:v>13940.4</c:v>
                </c:pt>
                <c:pt idx="5761">
                  <c:v>13933.8</c:v>
                </c:pt>
                <c:pt idx="5762">
                  <c:v>13830.2</c:v>
                </c:pt>
                <c:pt idx="5763">
                  <c:v>13755.7</c:v>
                </c:pt>
                <c:pt idx="5764">
                  <c:v>17887.599999999999</c:v>
                </c:pt>
                <c:pt idx="5765">
                  <c:v>17310.5</c:v>
                </c:pt>
                <c:pt idx="5766">
                  <c:v>16607.5</c:v>
                </c:pt>
                <c:pt idx="5767">
                  <c:v>16283.6</c:v>
                </c:pt>
                <c:pt idx="5768">
                  <c:v>16184.3</c:v>
                </c:pt>
                <c:pt idx="5769">
                  <c:v>15974.1</c:v>
                </c:pt>
                <c:pt idx="5770">
                  <c:v>15593.5</c:v>
                </c:pt>
                <c:pt idx="5771">
                  <c:v>15539.1</c:v>
                </c:pt>
                <c:pt idx="5772">
                  <c:v>15399.1</c:v>
                </c:pt>
                <c:pt idx="5773">
                  <c:v>15398</c:v>
                </c:pt>
                <c:pt idx="5774">
                  <c:v>15313.3</c:v>
                </c:pt>
                <c:pt idx="5775">
                  <c:v>19249.3</c:v>
                </c:pt>
                <c:pt idx="5776">
                  <c:v>18721</c:v>
                </c:pt>
                <c:pt idx="5777">
                  <c:v>18395.900000000001</c:v>
                </c:pt>
                <c:pt idx="5778">
                  <c:v>17831.400000000001</c:v>
                </c:pt>
                <c:pt idx="5779">
                  <c:v>17600.8</c:v>
                </c:pt>
                <c:pt idx="5780">
                  <c:v>17495.900000000001</c:v>
                </c:pt>
                <c:pt idx="5781">
                  <c:v>17243.099999999999</c:v>
                </c:pt>
                <c:pt idx="5782">
                  <c:v>17089.599999999999</c:v>
                </c:pt>
                <c:pt idx="5783">
                  <c:v>17019.5</c:v>
                </c:pt>
                <c:pt idx="5784">
                  <c:v>16877</c:v>
                </c:pt>
                <c:pt idx="5785">
                  <c:v>16805</c:v>
                </c:pt>
                <c:pt idx="5786">
                  <c:v>20794.400000000001</c:v>
                </c:pt>
                <c:pt idx="5787">
                  <c:v>20207.8</c:v>
                </c:pt>
                <c:pt idx="5788">
                  <c:v>19859.599999999999</c:v>
                </c:pt>
                <c:pt idx="5789">
                  <c:v>19431.5</c:v>
                </c:pt>
                <c:pt idx="5790">
                  <c:v>19162.3</c:v>
                </c:pt>
                <c:pt idx="5791">
                  <c:v>19031.599999999999</c:v>
                </c:pt>
                <c:pt idx="5792">
                  <c:v>18829.099999999999</c:v>
                </c:pt>
                <c:pt idx="5793">
                  <c:v>18660</c:v>
                </c:pt>
                <c:pt idx="5794">
                  <c:v>18603.5</c:v>
                </c:pt>
                <c:pt idx="5795">
                  <c:v>18420.5</c:v>
                </c:pt>
                <c:pt idx="5796">
                  <c:v>18355.3</c:v>
                </c:pt>
                <c:pt idx="5797">
                  <c:v>22425.3</c:v>
                </c:pt>
                <c:pt idx="5798">
                  <c:v>21785.599999999999</c:v>
                </c:pt>
                <c:pt idx="5799">
                  <c:v>21277.7</c:v>
                </c:pt>
                <c:pt idx="5800">
                  <c:v>21116.799999999999</c:v>
                </c:pt>
                <c:pt idx="5801">
                  <c:v>20752.2</c:v>
                </c:pt>
                <c:pt idx="5802">
                  <c:v>20614.3</c:v>
                </c:pt>
                <c:pt idx="5803">
                  <c:v>20308.900000000001</c:v>
                </c:pt>
                <c:pt idx="5804">
                  <c:v>20253.599999999999</c:v>
                </c:pt>
                <c:pt idx="5805">
                  <c:v>20112.599999999999</c:v>
                </c:pt>
                <c:pt idx="5806">
                  <c:v>20000.7</c:v>
                </c:pt>
                <c:pt idx="5807">
                  <c:v>19903.3</c:v>
                </c:pt>
                <c:pt idx="5808">
                  <c:v>5539.43</c:v>
                </c:pt>
                <c:pt idx="5809">
                  <c:v>4982.75</c:v>
                </c:pt>
                <c:pt idx="5810">
                  <c:v>4600.26</c:v>
                </c:pt>
                <c:pt idx="5811">
                  <c:v>4241.8599999999997</c:v>
                </c:pt>
                <c:pt idx="5812">
                  <c:v>4048.23</c:v>
                </c:pt>
                <c:pt idx="5813">
                  <c:v>3837.79</c:v>
                </c:pt>
                <c:pt idx="5814">
                  <c:v>3670.31</c:v>
                </c:pt>
                <c:pt idx="5815">
                  <c:v>3549.94</c:v>
                </c:pt>
                <c:pt idx="5816">
                  <c:v>3473.37</c:v>
                </c:pt>
                <c:pt idx="5817">
                  <c:v>3379.14</c:v>
                </c:pt>
                <c:pt idx="5818">
                  <c:v>3301.52</c:v>
                </c:pt>
                <c:pt idx="5819">
                  <c:v>7087.77</c:v>
                </c:pt>
                <c:pt idx="5820">
                  <c:v>6385.28</c:v>
                </c:pt>
                <c:pt idx="5821">
                  <c:v>5884.05</c:v>
                </c:pt>
                <c:pt idx="5822">
                  <c:v>5675.33</c:v>
                </c:pt>
                <c:pt idx="5823">
                  <c:v>5512.63</c:v>
                </c:pt>
                <c:pt idx="5824">
                  <c:v>5285.01</c:v>
                </c:pt>
                <c:pt idx="5825">
                  <c:v>5142.46</c:v>
                </c:pt>
                <c:pt idx="5826">
                  <c:v>4999.7</c:v>
                </c:pt>
                <c:pt idx="5827">
                  <c:v>4934.09</c:v>
                </c:pt>
                <c:pt idx="5828">
                  <c:v>4792.03</c:v>
                </c:pt>
                <c:pt idx="5829">
                  <c:v>4745.34</c:v>
                </c:pt>
                <c:pt idx="5830">
                  <c:v>8713.67</c:v>
                </c:pt>
                <c:pt idx="5831">
                  <c:v>7737.73</c:v>
                </c:pt>
                <c:pt idx="5832">
                  <c:v>7230.14</c:v>
                </c:pt>
                <c:pt idx="5833">
                  <c:v>7101.14</c:v>
                </c:pt>
                <c:pt idx="5834">
                  <c:v>6756.31</c:v>
                </c:pt>
                <c:pt idx="5835">
                  <c:v>6708.43</c:v>
                </c:pt>
                <c:pt idx="5836">
                  <c:v>6447.9</c:v>
                </c:pt>
                <c:pt idx="5837">
                  <c:v>6370.74</c:v>
                </c:pt>
                <c:pt idx="5838">
                  <c:v>6289.88</c:v>
                </c:pt>
                <c:pt idx="5839">
                  <c:v>6239.11</c:v>
                </c:pt>
                <c:pt idx="5840">
                  <c:v>6130.59</c:v>
                </c:pt>
                <c:pt idx="5841">
                  <c:v>10124.4</c:v>
                </c:pt>
                <c:pt idx="5842">
                  <c:v>9458.7199999999993</c:v>
                </c:pt>
                <c:pt idx="5843">
                  <c:v>9013.58</c:v>
                </c:pt>
                <c:pt idx="5844">
                  <c:v>8548.1200000000008</c:v>
                </c:pt>
                <c:pt idx="5845">
                  <c:v>8437.35</c:v>
                </c:pt>
                <c:pt idx="5846">
                  <c:v>8200.4</c:v>
                </c:pt>
                <c:pt idx="5847">
                  <c:v>7982.34</c:v>
                </c:pt>
                <c:pt idx="5848">
                  <c:v>7851.47</c:v>
                </c:pt>
                <c:pt idx="5849">
                  <c:v>7763.8</c:v>
                </c:pt>
                <c:pt idx="5850">
                  <c:v>7581.09</c:v>
                </c:pt>
                <c:pt idx="5851">
                  <c:v>7595.07</c:v>
                </c:pt>
                <c:pt idx="5852">
                  <c:v>11704.1</c:v>
                </c:pt>
                <c:pt idx="5853">
                  <c:v>11070.8</c:v>
                </c:pt>
                <c:pt idx="5854">
                  <c:v>10683.9</c:v>
                </c:pt>
                <c:pt idx="5855">
                  <c:v>10248.299999999999</c:v>
                </c:pt>
                <c:pt idx="5856">
                  <c:v>10007.299999999999</c:v>
                </c:pt>
                <c:pt idx="5857">
                  <c:v>9708.83</c:v>
                </c:pt>
                <c:pt idx="5858">
                  <c:v>9513.09</c:v>
                </c:pt>
                <c:pt idx="5859">
                  <c:v>9364.24</c:v>
                </c:pt>
                <c:pt idx="5860">
                  <c:v>9269.65</c:v>
                </c:pt>
                <c:pt idx="5861">
                  <c:v>9160.2800000000007</c:v>
                </c:pt>
                <c:pt idx="5862">
                  <c:v>9069</c:v>
                </c:pt>
                <c:pt idx="5863">
                  <c:v>13361.2</c:v>
                </c:pt>
                <c:pt idx="5864">
                  <c:v>12560.2</c:v>
                </c:pt>
                <c:pt idx="5865">
                  <c:v>11981</c:v>
                </c:pt>
                <c:pt idx="5866">
                  <c:v>11820.2</c:v>
                </c:pt>
                <c:pt idx="5867">
                  <c:v>11400.7</c:v>
                </c:pt>
                <c:pt idx="5868">
                  <c:v>11226.4</c:v>
                </c:pt>
                <c:pt idx="5869">
                  <c:v>11102.9</c:v>
                </c:pt>
                <c:pt idx="5870">
                  <c:v>10958.1</c:v>
                </c:pt>
                <c:pt idx="5871">
                  <c:v>10845</c:v>
                </c:pt>
                <c:pt idx="5872">
                  <c:v>10755.4</c:v>
                </c:pt>
                <c:pt idx="5873">
                  <c:v>10685.7</c:v>
                </c:pt>
                <c:pt idx="5874">
                  <c:v>14591.1</c:v>
                </c:pt>
                <c:pt idx="5875">
                  <c:v>14097.9</c:v>
                </c:pt>
                <c:pt idx="5876">
                  <c:v>13521.2</c:v>
                </c:pt>
                <c:pt idx="5877">
                  <c:v>13331.7</c:v>
                </c:pt>
                <c:pt idx="5878">
                  <c:v>12945.4</c:v>
                </c:pt>
                <c:pt idx="5879">
                  <c:v>12824.1</c:v>
                </c:pt>
                <c:pt idx="5880">
                  <c:v>12641.6</c:v>
                </c:pt>
                <c:pt idx="5881">
                  <c:v>12458.1</c:v>
                </c:pt>
                <c:pt idx="5882">
                  <c:v>12398.4</c:v>
                </c:pt>
                <c:pt idx="5883">
                  <c:v>12294</c:v>
                </c:pt>
                <c:pt idx="5884">
                  <c:v>12207.4</c:v>
                </c:pt>
                <c:pt idx="5885">
                  <c:v>16426.3</c:v>
                </c:pt>
                <c:pt idx="5886">
                  <c:v>15800.1</c:v>
                </c:pt>
                <c:pt idx="5887">
                  <c:v>15117.3</c:v>
                </c:pt>
                <c:pt idx="5888">
                  <c:v>14764.1</c:v>
                </c:pt>
                <c:pt idx="5889">
                  <c:v>14614</c:v>
                </c:pt>
                <c:pt idx="5890">
                  <c:v>14372.5</c:v>
                </c:pt>
                <c:pt idx="5891">
                  <c:v>14164.7</c:v>
                </c:pt>
                <c:pt idx="5892">
                  <c:v>13970.1</c:v>
                </c:pt>
                <c:pt idx="5893">
                  <c:v>13935.6</c:v>
                </c:pt>
                <c:pt idx="5894">
                  <c:v>13831.8</c:v>
                </c:pt>
                <c:pt idx="5895">
                  <c:v>13757.2</c:v>
                </c:pt>
                <c:pt idx="5896">
                  <c:v>17887.599999999999</c:v>
                </c:pt>
                <c:pt idx="5897">
                  <c:v>17310.5</c:v>
                </c:pt>
                <c:pt idx="5898">
                  <c:v>16607.5</c:v>
                </c:pt>
                <c:pt idx="5899">
                  <c:v>16283.6</c:v>
                </c:pt>
                <c:pt idx="5900">
                  <c:v>16184.3</c:v>
                </c:pt>
                <c:pt idx="5901">
                  <c:v>15974.1</c:v>
                </c:pt>
                <c:pt idx="5902">
                  <c:v>15595.5</c:v>
                </c:pt>
                <c:pt idx="5903">
                  <c:v>15541</c:v>
                </c:pt>
                <c:pt idx="5904">
                  <c:v>15400.7</c:v>
                </c:pt>
                <c:pt idx="5905">
                  <c:v>15399.7</c:v>
                </c:pt>
                <c:pt idx="5906">
                  <c:v>15314.7</c:v>
                </c:pt>
                <c:pt idx="5907">
                  <c:v>19249.3</c:v>
                </c:pt>
                <c:pt idx="5908">
                  <c:v>18721</c:v>
                </c:pt>
                <c:pt idx="5909">
                  <c:v>18395.900000000001</c:v>
                </c:pt>
                <c:pt idx="5910">
                  <c:v>17831.400000000001</c:v>
                </c:pt>
                <c:pt idx="5911">
                  <c:v>17600.8</c:v>
                </c:pt>
                <c:pt idx="5912">
                  <c:v>17495.900000000001</c:v>
                </c:pt>
                <c:pt idx="5913">
                  <c:v>17243.099999999999</c:v>
                </c:pt>
                <c:pt idx="5914">
                  <c:v>17089.599999999999</c:v>
                </c:pt>
                <c:pt idx="5915">
                  <c:v>17019.5</c:v>
                </c:pt>
                <c:pt idx="5916">
                  <c:v>16877</c:v>
                </c:pt>
                <c:pt idx="5917">
                  <c:v>16819.599999999999</c:v>
                </c:pt>
                <c:pt idx="5918">
                  <c:v>20794.400000000001</c:v>
                </c:pt>
                <c:pt idx="5919">
                  <c:v>20207.8</c:v>
                </c:pt>
                <c:pt idx="5920">
                  <c:v>19859.599999999999</c:v>
                </c:pt>
                <c:pt idx="5921">
                  <c:v>19431.5</c:v>
                </c:pt>
                <c:pt idx="5922">
                  <c:v>19118.900000000001</c:v>
                </c:pt>
                <c:pt idx="5923">
                  <c:v>19007.2</c:v>
                </c:pt>
                <c:pt idx="5924">
                  <c:v>18829.099999999999</c:v>
                </c:pt>
                <c:pt idx="5925">
                  <c:v>18660</c:v>
                </c:pt>
                <c:pt idx="5926">
                  <c:v>18603.5</c:v>
                </c:pt>
                <c:pt idx="5927">
                  <c:v>18420.5</c:v>
                </c:pt>
                <c:pt idx="5928">
                  <c:v>18355.3</c:v>
                </c:pt>
                <c:pt idx="5929">
                  <c:v>22425.3</c:v>
                </c:pt>
                <c:pt idx="5930">
                  <c:v>21785.599999999999</c:v>
                </c:pt>
                <c:pt idx="5931">
                  <c:v>21242.3</c:v>
                </c:pt>
                <c:pt idx="5932">
                  <c:v>21094.7</c:v>
                </c:pt>
                <c:pt idx="5933">
                  <c:v>20701.099999999999</c:v>
                </c:pt>
                <c:pt idx="5934">
                  <c:v>20614.3</c:v>
                </c:pt>
                <c:pt idx="5935">
                  <c:v>20267.599999999999</c:v>
                </c:pt>
                <c:pt idx="5936">
                  <c:v>20253.5</c:v>
                </c:pt>
                <c:pt idx="5937">
                  <c:v>20030.8</c:v>
                </c:pt>
                <c:pt idx="5938">
                  <c:v>20045</c:v>
                </c:pt>
                <c:pt idx="5939">
                  <c:v>19966.599999999999</c:v>
                </c:pt>
                <c:pt idx="5940">
                  <c:v>5539.43</c:v>
                </c:pt>
                <c:pt idx="5941">
                  <c:v>4982.75</c:v>
                </c:pt>
                <c:pt idx="5942">
                  <c:v>4600.26</c:v>
                </c:pt>
                <c:pt idx="5943">
                  <c:v>4241.8599999999997</c:v>
                </c:pt>
                <c:pt idx="5944">
                  <c:v>4048.23</c:v>
                </c:pt>
                <c:pt idx="5945">
                  <c:v>3837.79</c:v>
                </c:pt>
                <c:pt idx="5946">
                  <c:v>3670.31</c:v>
                </c:pt>
                <c:pt idx="5947">
                  <c:v>3549.94</c:v>
                </c:pt>
                <c:pt idx="5948">
                  <c:v>3437.2</c:v>
                </c:pt>
                <c:pt idx="5949">
                  <c:v>3345.19</c:v>
                </c:pt>
                <c:pt idx="5950">
                  <c:v>3300.08</c:v>
                </c:pt>
                <c:pt idx="5951">
                  <c:v>7087.77</c:v>
                </c:pt>
                <c:pt idx="5952">
                  <c:v>6385.28</c:v>
                </c:pt>
                <c:pt idx="5953">
                  <c:v>5884.05</c:v>
                </c:pt>
                <c:pt idx="5954">
                  <c:v>5675.33</c:v>
                </c:pt>
                <c:pt idx="5955">
                  <c:v>5512.63</c:v>
                </c:pt>
                <c:pt idx="5956">
                  <c:v>5285.01</c:v>
                </c:pt>
                <c:pt idx="5957">
                  <c:v>5142.46</c:v>
                </c:pt>
                <c:pt idx="5958">
                  <c:v>4999.7</c:v>
                </c:pt>
                <c:pt idx="5959">
                  <c:v>4934.09</c:v>
                </c:pt>
                <c:pt idx="5960">
                  <c:v>4792.03</c:v>
                </c:pt>
                <c:pt idx="5961">
                  <c:v>4745.34</c:v>
                </c:pt>
                <c:pt idx="5962">
                  <c:v>8713.67</c:v>
                </c:pt>
                <c:pt idx="5963">
                  <c:v>7737.73</c:v>
                </c:pt>
                <c:pt idx="5964">
                  <c:v>7230.14</c:v>
                </c:pt>
                <c:pt idx="5965">
                  <c:v>7101.14</c:v>
                </c:pt>
                <c:pt idx="5966">
                  <c:v>6756.31</c:v>
                </c:pt>
                <c:pt idx="5967">
                  <c:v>6708.43</c:v>
                </c:pt>
                <c:pt idx="5968">
                  <c:v>6447.9</c:v>
                </c:pt>
                <c:pt idx="5969">
                  <c:v>6370.74</c:v>
                </c:pt>
                <c:pt idx="5970">
                  <c:v>6289.88</c:v>
                </c:pt>
                <c:pt idx="5971">
                  <c:v>6239.11</c:v>
                </c:pt>
                <c:pt idx="5972">
                  <c:v>6130.59</c:v>
                </c:pt>
                <c:pt idx="5973">
                  <c:v>10124.4</c:v>
                </c:pt>
                <c:pt idx="5974">
                  <c:v>9458.7199999999993</c:v>
                </c:pt>
                <c:pt idx="5975">
                  <c:v>9013.58</c:v>
                </c:pt>
                <c:pt idx="5976">
                  <c:v>8548.1200000000008</c:v>
                </c:pt>
                <c:pt idx="5977">
                  <c:v>8437.35</c:v>
                </c:pt>
                <c:pt idx="5978">
                  <c:v>8200.4</c:v>
                </c:pt>
                <c:pt idx="5979">
                  <c:v>7982.34</c:v>
                </c:pt>
                <c:pt idx="5980">
                  <c:v>7859.52</c:v>
                </c:pt>
                <c:pt idx="5981">
                  <c:v>7748.76</c:v>
                </c:pt>
                <c:pt idx="5982">
                  <c:v>7672.74</c:v>
                </c:pt>
                <c:pt idx="5983">
                  <c:v>7506.68</c:v>
                </c:pt>
                <c:pt idx="5984">
                  <c:v>11704.1</c:v>
                </c:pt>
                <c:pt idx="5985">
                  <c:v>11070.8</c:v>
                </c:pt>
                <c:pt idx="5986">
                  <c:v>10683.9</c:v>
                </c:pt>
                <c:pt idx="5987">
                  <c:v>10216.700000000001</c:v>
                </c:pt>
                <c:pt idx="5988">
                  <c:v>10007.299999999999</c:v>
                </c:pt>
                <c:pt idx="5989">
                  <c:v>9708.83</c:v>
                </c:pt>
                <c:pt idx="5990">
                  <c:v>9513.09</c:v>
                </c:pt>
                <c:pt idx="5991">
                  <c:v>9364.24</c:v>
                </c:pt>
                <c:pt idx="5992">
                  <c:v>9269.65</c:v>
                </c:pt>
                <c:pt idx="5993">
                  <c:v>9160.2800000000007</c:v>
                </c:pt>
                <c:pt idx="5994">
                  <c:v>9069</c:v>
                </c:pt>
                <c:pt idx="5995">
                  <c:v>13361.2</c:v>
                </c:pt>
                <c:pt idx="5996">
                  <c:v>12560.2</c:v>
                </c:pt>
                <c:pt idx="5997">
                  <c:v>11981</c:v>
                </c:pt>
                <c:pt idx="5998">
                  <c:v>11820.2</c:v>
                </c:pt>
                <c:pt idx="5999">
                  <c:v>11400.7</c:v>
                </c:pt>
                <c:pt idx="6000">
                  <c:v>11226.4</c:v>
                </c:pt>
                <c:pt idx="6001">
                  <c:v>11102.9</c:v>
                </c:pt>
                <c:pt idx="6002">
                  <c:v>10958.1</c:v>
                </c:pt>
                <c:pt idx="6003">
                  <c:v>10845</c:v>
                </c:pt>
                <c:pt idx="6004">
                  <c:v>10752.4</c:v>
                </c:pt>
                <c:pt idx="6005">
                  <c:v>10692.6</c:v>
                </c:pt>
                <c:pt idx="6006">
                  <c:v>14591.1</c:v>
                </c:pt>
                <c:pt idx="6007">
                  <c:v>14097.9</c:v>
                </c:pt>
                <c:pt idx="6008">
                  <c:v>13521.2</c:v>
                </c:pt>
                <c:pt idx="6009">
                  <c:v>13331.7</c:v>
                </c:pt>
                <c:pt idx="6010">
                  <c:v>12945.4</c:v>
                </c:pt>
                <c:pt idx="6011">
                  <c:v>12824.1</c:v>
                </c:pt>
                <c:pt idx="6012">
                  <c:v>12641.6</c:v>
                </c:pt>
                <c:pt idx="6013">
                  <c:v>12458.1</c:v>
                </c:pt>
                <c:pt idx="6014">
                  <c:v>12398.4</c:v>
                </c:pt>
                <c:pt idx="6015">
                  <c:v>12294</c:v>
                </c:pt>
                <c:pt idx="6016">
                  <c:v>12207.4</c:v>
                </c:pt>
                <c:pt idx="6017">
                  <c:v>16426.3</c:v>
                </c:pt>
                <c:pt idx="6018">
                  <c:v>15800.1</c:v>
                </c:pt>
                <c:pt idx="6019">
                  <c:v>15117.3</c:v>
                </c:pt>
                <c:pt idx="6020">
                  <c:v>14764.1</c:v>
                </c:pt>
                <c:pt idx="6021">
                  <c:v>14614</c:v>
                </c:pt>
                <c:pt idx="6022">
                  <c:v>14372.5</c:v>
                </c:pt>
                <c:pt idx="6023">
                  <c:v>14140.8</c:v>
                </c:pt>
                <c:pt idx="6024">
                  <c:v>13992.5</c:v>
                </c:pt>
                <c:pt idx="6025">
                  <c:v>13848.5</c:v>
                </c:pt>
                <c:pt idx="6026">
                  <c:v>13833.4</c:v>
                </c:pt>
                <c:pt idx="6027">
                  <c:v>13758.6</c:v>
                </c:pt>
                <c:pt idx="6028">
                  <c:v>17887.599999999999</c:v>
                </c:pt>
                <c:pt idx="6029">
                  <c:v>17310.5</c:v>
                </c:pt>
                <c:pt idx="6030">
                  <c:v>16607.5</c:v>
                </c:pt>
                <c:pt idx="6031">
                  <c:v>16283.6</c:v>
                </c:pt>
                <c:pt idx="6032">
                  <c:v>16184.3</c:v>
                </c:pt>
                <c:pt idx="6033">
                  <c:v>15974.1</c:v>
                </c:pt>
                <c:pt idx="6034">
                  <c:v>15628.6</c:v>
                </c:pt>
                <c:pt idx="6035">
                  <c:v>15542.7</c:v>
                </c:pt>
                <c:pt idx="6036">
                  <c:v>15402.4</c:v>
                </c:pt>
                <c:pt idx="6037">
                  <c:v>15401.3</c:v>
                </c:pt>
                <c:pt idx="6038">
                  <c:v>15316.1</c:v>
                </c:pt>
                <c:pt idx="6039">
                  <c:v>19249.3</c:v>
                </c:pt>
                <c:pt idx="6040">
                  <c:v>18721</c:v>
                </c:pt>
                <c:pt idx="6041">
                  <c:v>18395.900000000001</c:v>
                </c:pt>
                <c:pt idx="6042">
                  <c:v>17831.400000000001</c:v>
                </c:pt>
                <c:pt idx="6043">
                  <c:v>17600.8</c:v>
                </c:pt>
                <c:pt idx="6044">
                  <c:v>17495.900000000001</c:v>
                </c:pt>
                <c:pt idx="6045">
                  <c:v>17243.099999999999</c:v>
                </c:pt>
                <c:pt idx="6046">
                  <c:v>17089.599999999999</c:v>
                </c:pt>
                <c:pt idx="6047">
                  <c:v>17019.5</c:v>
                </c:pt>
                <c:pt idx="6048">
                  <c:v>16877</c:v>
                </c:pt>
                <c:pt idx="6049">
                  <c:v>16802.8</c:v>
                </c:pt>
                <c:pt idx="6050">
                  <c:v>20794.400000000001</c:v>
                </c:pt>
                <c:pt idx="6051">
                  <c:v>20207.8</c:v>
                </c:pt>
                <c:pt idx="6052">
                  <c:v>19859.599999999999</c:v>
                </c:pt>
                <c:pt idx="6053">
                  <c:v>19431.5</c:v>
                </c:pt>
                <c:pt idx="6054">
                  <c:v>19118.8</c:v>
                </c:pt>
                <c:pt idx="6055">
                  <c:v>18986.7</c:v>
                </c:pt>
                <c:pt idx="6056">
                  <c:v>18829.099999999999</c:v>
                </c:pt>
                <c:pt idx="6057">
                  <c:v>18660</c:v>
                </c:pt>
                <c:pt idx="6058">
                  <c:v>18603.5</c:v>
                </c:pt>
                <c:pt idx="6059">
                  <c:v>18420.5</c:v>
                </c:pt>
                <c:pt idx="6060">
                  <c:v>18355.3</c:v>
                </c:pt>
                <c:pt idx="6061">
                  <c:v>22425.3</c:v>
                </c:pt>
                <c:pt idx="6062">
                  <c:v>21785.599999999999</c:v>
                </c:pt>
                <c:pt idx="6063">
                  <c:v>21449.4</c:v>
                </c:pt>
                <c:pt idx="6064">
                  <c:v>21064.2</c:v>
                </c:pt>
                <c:pt idx="6065">
                  <c:v>20703.099999999999</c:v>
                </c:pt>
                <c:pt idx="6066">
                  <c:v>20614.3</c:v>
                </c:pt>
                <c:pt idx="6067">
                  <c:v>20281</c:v>
                </c:pt>
                <c:pt idx="6068">
                  <c:v>20138</c:v>
                </c:pt>
                <c:pt idx="6069">
                  <c:v>20123.900000000001</c:v>
                </c:pt>
                <c:pt idx="6070">
                  <c:v>19998.599999999999</c:v>
                </c:pt>
                <c:pt idx="6071">
                  <c:v>19919.8</c:v>
                </c:pt>
                <c:pt idx="6072">
                  <c:v>5539.43</c:v>
                </c:pt>
                <c:pt idx="6073">
                  <c:v>4982.75</c:v>
                </c:pt>
                <c:pt idx="6074">
                  <c:v>4600.26</c:v>
                </c:pt>
                <c:pt idx="6075">
                  <c:v>4241.8599999999997</c:v>
                </c:pt>
                <c:pt idx="6076">
                  <c:v>4048.23</c:v>
                </c:pt>
                <c:pt idx="6077">
                  <c:v>3837.79</c:v>
                </c:pt>
                <c:pt idx="6078">
                  <c:v>3670.31</c:v>
                </c:pt>
                <c:pt idx="6079">
                  <c:v>3549.94</c:v>
                </c:pt>
                <c:pt idx="6080">
                  <c:v>3437.2</c:v>
                </c:pt>
                <c:pt idx="6081">
                  <c:v>3345.19</c:v>
                </c:pt>
                <c:pt idx="6082">
                  <c:v>3263.79</c:v>
                </c:pt>
                <c:pt idx="6083">
                  <c:v>7087.77</c:v>
                </c:pt>
                <c:pt idx="6084">
                  <c:v>6385.28</c:v>
                </c:pt>
                <c:pt idx="6085">
                  <c:v>5884.05</c:v>
                </c:pt>
                <c:pt idx="6086">
                  <c:v>5675.33</c:v>
                </c:pt>
                <c:pt idx="6087">
                  <c:v>5512.63</c:v>
                </c:pt>
                <c:pt idx="6088">
                  <c:v>5285.01</c:v>
                </c:pt>
                <c:pt idx="6089">
                  <c:v>5142.46</c:v>
                </c:pt>
                <c:pt idx="6090">
                  <c:v>4999.7</c:v>
                </c:pt>
                <c:pt idx="6091">
                  <c:v>4934.09</c:v>
                </c:pt>
                <c:pt idx="6092">
                  <c:v>4792.03</c:v>
                </c:pt>
                <c:pt idx="6093">
                  <c:v>4745.34</c:v>
                </c:pt>
                <c:pt idx="6094">
                  <c:v>8713.67</c:v>
                </c:pt>
                <c:pt idx="6095">
                  <c:v>7737.73</c:v>
                </c:pt>
                <c:pt idx="6096">
                  <c:v>7230.14</c:v>
                </c:pt>
                <c:pt idx="6097">
                  <c:v>7101.14</c:v>
                </c:pt>
                <c:pt idx="6098">
                  <c:v>6756.31</c:v>
                </c:pt>
                <c:pt idx="6099">
                  <c:v>6708.43</c:v>
                </c:pt>
                <c:pt idx="6100">
                  <c:v>6447.9</c:v>
                </c:pt>
                <c:pt idx="6101">
                  <c:v>6370.74</c:v>
                </c:pt>
                <c:pt idx="6102">
                  <c:v>6289.88</c:v>
                </c:pt>
                <c:pt idx="6103">
                  <c:v>6239.11</c:v>
                </c:pt>
                <c:pt idx="6104">
                  <c:v>6130.59</c:v>
                </c:pt>
                <c:pt idx="6105">
                  <c:v>10124.4</c:v>
                </c:pt>
                <c:pt idx="6106">
                  <c:v>9458.7199999999993</c:v>
                </c:pt>
                <c:pt idx="6107">
                  <c:v>9013.58</c:v>
                </c:pt>
                <c:pt idx="6108">
                  <c:v>8548.1200000000008</c:v>
                </c:pt>
                <c:pt idx="6109">
                  <c:v>8437.35</c:v>
                </c:pt>
                <c:pt idx="6110">
                  <c:v>8200.4</c:v>
                </c:pt>
                <c:pt idx="6111">
                  <c:v>7982.34</c:v>
                </c:pt>
                <c:pt idx="6112">
                  <c:v>7841.57</c:v>
                </c:pt>
                <c:pt idx="6113">
                  <c:v>7762.09</c:v>
                </c:pt>
                <c:pt idx="6114">
                  <c:v>7659.28</c:v>
                </c:pt>
                <c:pt idx="6115">
                  <c:v>7592.35</c:v>
                </c:pt>
                <c:pt idx="6116">
                  <c:v>11704.1</c:v>
                </c:pt>
                <c:pt idx="6117">
                  <c:v>11070.8</c:v>
                </c:pt>
                <c:pt idx="6118">
                  <c:v>10683.9</c:v>
                </c:pt>
                <c:pt idx="6119">
                  <c:v>10185</c:v>
                </c:pt>
                <c:pt idx="6120">
                  <c:v>10007.299999999999</c:v>
                </c:pt>
                <c:pt idx="6121">
                  <c:v>9708.83</c:v>
                </c:pt>
                <c:pt idx="6122">
                  <c:v>9513.09</c:v>
                </c:pt>
                <c:pt idx="6123">
                  <c:v>9364.24</c:v>
                </c:pt>
                <c:pt idx="6124">
                  <c:v>9269.65</c:v>
                </c:pt>
                <c:pt idx="6125">
                  <c:v>9160.2800000000007</c:v>
                </c:pt>
                <c:pt idx="6126">
                  <c:v>9069</c:v>
                </c:pt>
                <c:pt idx="6127">
                  <c:v>13361.2</c:v>
                </c:pt>
                <c:pt idx="6128">
                  <c:v>12560.2</c:v>
                </c:pt>
                <c:pt idx="6129">
                  <c:v>11981</c:v>
                </c:pt>
                <c:pt idx="6130">
                  <c:v>11820.2</c:v>
                </c:pt>
                <c:pt idx="6131">
                  <c:v>11400.7</c:v>
                </c:pt>
                <c:pt idx="6132">
                  <c:v>11226.4</c:v>
                </c:pt>
                <c:pt idx="6133">
                  <c:v>11102.9</c:v>
                </c:pt>
                <c:pt idx="6134">
                  <c:v>10958.1</c:v>
                </c:pt>
                <c:pt idx="6135">
                  <c:v>10845</c:v>
                </c:pt>
                <c:pt idx="6136">
                  <c:v>10752.4</c:v>
                </c:pt>
                <c:pt idx="6137">
                  <c:v>10679.8</c:v>
                </c:pt>
                <c:pt idx="6138">
                  <c:v>14591.1</c:v>
                </c:pt>
                <c:pt idx="6139">
                  <c:v>14097.9</c:v>
                </c:pt>
                <c:pt idx="6140">
                  <c:v>13521.2</c:v>
                </c:pt>
                <c:pt idx="6141">
                  <c:v>13331.7</c:v>
                </c:pt>
                <c:pt idx="6142">
                  <c:v>12945.4</c:v>
                </c:pt>
                <c:pt idx="6143">
                  <c:v>12824.1</c:v>
                </c:pt>
                <c:pt idx="6144">
                  <c:v>12641.6</c:v>
                </c:pt>
                <c:pt idx="6145">
                  <c:v>12458.1</c:v>
                </c:pt>
                <c:pt idx="6146">
                  <c:v>12398.4</c:v>
                </c:pt>
                <c:pt idx="6147">
                  <c:v>12294</c:v>
                </c:pt>
                <c:pt idx="6148">
                  <c:v>12207.4</c:v>
                </c:pt>
                <c:pt idx="6149">
                  <c:v>16426.3</c:v>
                </c:pt>
                <c:pt idx="6150">
                  <c:v>15800.1</c:v>
                </c:pt>
                <c:pt idx="6151">
                  <c:v>15117.3</c:v>
                </c:pt>
                <c:pt idx="6152">
                  <c:v>14764.1</c:v>
                </c:pt>
                <c:pt idx="6153">
                  <c:v>14614</c:v>
                </c:pt>
                <c:pt idx="6154">
                  <c:v>14372.5</c:v>
                </c:pt>
                <c:pt idx="6155">
                  <c:v>14120</c:v>
                </c:pt>
                <c:pt idx="6156">
                  <c:v>13972.8</c:v>
                </c:pt>
                <c:pt idx="6157">
                  <c:v>13871.1</c:v>
                </c:pt>
                <c:pt idx="6158">
                  <c:v>13754.5</c:v>
                </c:pt>
                <c:pt idx="6159">
                  <c:v>13760</c:v>
                </c:pt>
                <c:pt idx="6160">
                  <c:v>17887.599999999999</c:v>
                </c:pt>
                <c:pt idx="6161">
                  <c:v>17310.5</c:v>
                </c:pt>
                <c:pt idx="6162">
                  <c:v>16607.5</c:v>
                </c:pt>
                <c:pt idx="6163">
                  <c:v>16283.6</c:v>
                </c:pt>
                <c:pt idx="6164">
                  <c:v>16184.3</c:v>
                </c:pt>
                <c:pt idx="6165">
                  <c:v>15974.1</c:v>
                </c:pt>
                <c:pt idx="6166">
                  <c:v>15655.7</c:v>
                </c:pt>
                <c:pt idx="6167">
                  <c:v>15568.9</c:v>
                </c:pt>
                <c:pt idx="6168">
                  <c:v>15435.3</c:v>
                </c:pt>
                <c:pt idx="6169">
                  <c:v>15297.4</c:v>
                </c:pt>
                <c:pt idx="6170">
                  <c:v>15317.4</c:v>
                </c:pt>
                <c:pt idx="6171">
                  <c:v>19249.3</c:v>
                </c:pt>
                <c:pt idx="6172">
                  <c:v>18721</c:v>
                </c:pt>
                <c:pt idx="6173">
                  <c:v>18395.900000000001</c:v>
                </c:pt>
                <c:pt idx="6174">
                  <c:v>17831.400000000001</c:v>
                </c:pt>
                <c:pt idx="6175">
                  <c:v>17600.8</c:v>
                </c:pt>
                <c:pt idx="6176">
                  <c:v>17495.900000000001</c:v>
                </c:pt>
                <c:pt idx="6177">
                  <c:v>17243.099999999999</c:v>
                </c:pt>
                <c:pt idx="6178">
                  <c:v>17089.599999999999</c:v>
                </c:pt>
                <c:pt idx="6179">
                  <c:v>17019.5</c:v>
                </c:pt>
                <c:pt idx="6180">
                  <c:v>16877</c:v>
                </c:pt>
                <c:pt idx="6181">
                  <c:v>16788.099999999999</c:v>
                </c:pt>
                <c:pt idx="6182">
                  <c:v>20794.400000000001</c:v>
                </c:pt>
                <c:pt idx="6183">
                  <c:v>20207.8</c:v>
                </c:pt>
                <c:pt idx="6184">
                  <c:v>19859.599999999999</c:v>
                </c:pt>
                <c:pt idx="6185">
                  <c:v>19431.5</c:v>
                </c:pt>
                <c:pt idx="6186">
                  <c:v>19118.8</c:v>
                </c:pt>
                <c:pt idx="6187">
                  <c:v>19074.599999999999</c:v>
                </c:pt>
                <c:pt idx="6188">
                  <c:v>18829.099999999999</c:v>
                </c:pt>
                <c:pt idx="6189">
                  <c:v>18660</c:v>
                </c:pt>
                <c:pt idx="6190">
                  <c:v>18603.5</c:v>
                </c:pt>
                <c:pt idx="6191">
                  <c:v>18420.5</c:v>
                </c:pt>
                <c:pt idx="6192">
                  <c:v>18355.3</c:v>
                </c:pt>
                <c:pt idx="6193">
                  <c:v>22425.3</c:v>
                </c:pt>
                <c:pt idx="6194">
                  <c:v>21785.599999999999</c:v>
                </c:pt>
                <c:pt idx="6195">
                  <c:v>21241.7</c:v>
                </c:pt>
                <c:pt idx="6196">
                  <c:v>21037.200000000001</c:v>
                </c:pt>
                <c:pt idx="6197">
                  <c:v>20754.5</c:v>
                </c:pt>
                <c:pt idx="6198">
                  <c:v>20614.3</c:v>
                </c:pt>
                <c:pt idx="6199">
                  <c:v>20256.400000000001</c:v>
                </c:pt>
                <c:pt idx="6200">
                  <c:v>20249.599999999999</c:v>
                </c:pt>
                <c:pt idx="6201">
                  <c:v>20083.400000000001</c:v>
                </c:pt>
                <c:pt idx="6202">
                  <c:v>19958</c:v>
                </c:pt>
                <c:pt idx="6203">
                  <c:v>19878.900000000001</c:v>
                </c:pt>
                <c:pt idx="6204">
                  <c:v>5539.43</c:v>
                </c:pt>
                <c:pt idx="6205">
                  <c:v>4982.75</c:v>
                </c:pt>
                <c:pt idx="6206">
                  <c:v>4600.26</c:v>
                </c:pt>
                <c:pt idx="6207">
                  <c:v>4241.8599999999997</c:v>
                </c:pt>
                <c:pt idx="6208">
                  <c:v>4048.23</c:v>
                </c:pt>
                <c:pt idx="6209">
                  <c:v>3837.79</c:v>
                </c:pt>
                <c:pt idx="6210">
                  <c:v>3670.31</c:v>
                </c:pt>
                <c:pt idx="6211">
                  <c:v>3549.94</c:v>
                </c:pt>
                <c:pt idx="6212">
                  <c:v>3437.2</c:v>
                </c:pt>
                <c:pt idx="6213">
                  <c:v>3345.19</c:v>
                </c:pt>
                <c:pt idx="6214">
                  <c:v>3263.79</c:v>
                </c:pt>
                <c:pt idx="6215">
                  <c:v>7087.77</c:v>
                </c:pt>
                <c:pt idx="6216">
                  <c:v>6385.28</c:v>
                </c:pt>
                <c:pt idx="6217">
                  <c:v>5884.05</c:v>
                </c:pt>
                <c:pt idx="6218">
                  <c:v>5675.33</c:v>
                </c:pt>
                <c:pt idx="6219">
                  <c:v>5512.63</c:v>
                </c:pt>
                <c:pt idx="6220">
                  <c:v>5285.01</c:v>
                </c:pt>
                <c:pt idx="6221">
                  <c:v>5142.46</c:v>
                </c:pt>
                <c:pt idx="6222">
                  <c:v>4999.7</c:v>
                </c:pt>
                <c:pt idx="6223">
                  <c:v>4934.09</c:v>
                </c:pt>
                <c:pt idx="6224">
                  <c:v>4792.03</c:v>
                </c:pt>
                <c:pt idx="6225">
                  <c:v>4745.34</c:v>
                </c:pt>
                <c:pt idx="6226">
                  <c:v>8713.67</c:v>
                </c:pt>
                <c:pt idx="6227">
                  <c:v>7737.73</c:v>
                </c:pt>
                <c:pt idx="6228">
                  <c:v>7230.14</c:v>
                </c:pt>
                <c:pt idx="6229">
                  <c:v>7101.14</c:v>
                </c:pt>
                <c:pt idx="6230">
                  <c:v>6756.31</c:v>
                </c:pt>
                <c:pt idx="6231">
                  <c:v>6708.43</c:v>
                </c:pt>
                <c:pt idx="6232">
                  <c:v>6447.9</c:v>
                </c:pt>
                <c:pt idx="6233">
                  <c:v>6370.74</c:v>
                </c:pt>
                <c:pt idx="6234">
                  <c:v>6289.88</c:v>
                </c:pt>
                <c:pt idx="6235">
                  <c:v>6239.11</c:v>
                </c:pt>
                <c:pt idx="6236">
                  <c:v>6130.59</c:v>
                </c:pt>
                <c:pt idx="6237">
                  <c:v>10124.4</c:v>
                </c:pt>
                <c:pt idx="6238">
                  <c:v>9458.7199999999993</c:v>
                </c:pt>
                <c:pt idx="6239">
                  <c:v>9013.58</c:v>
                </c:pt>
                <c:pt idx="6240">
                  <c:v>8548.1200000000008</c:v>
                </c:pt>
                <c:pt idx="6241">
                  <c:v>8437.35</c:v>
                </c:pt>
                <c:pt idx="6242">
                  <c:v>8200.4</c:v>
                </c:pt>
                <c:pt idx="6243">
                  <c:v>7982.34</c:v>
                </c:pt>
                <c:pt idx="6244">
                  <c:v>7841.57</c:v>
                </c:pt>
                <c:pt idx="6245">
                  <c:v>7743.34</c:v>
                </c:pt>
                <c:pt idx="6246">
                  <c:v>7649.18</c:v>
                </c:pt>
                <c:pt idx="6247">
                  <c:v>7581.89</c:v>
                </c:pt>
                <c:pt idx="6248">
                  <c:v>11704.1</c:v>
                </c:pt>
                <c:pt idx="6249">
                  <c:v>11070.8</c:v>
                </c:pt>
                <c:pt idx="6250">
                  <c:v>10683.9</c:v>
                </c:pt>
                <c:pt idx="6251">
                  <c:v>10169</c:v>
                </c:pt>
                <c:pt idx="6252">
                  <c:v>10007.299999999999</c:v>
                </c:pt>
                <c:pt idx="6253">
                  <c:v>9708.83</c:v>
                </c:pt>
                <c:pt idx="6254">
                  <c:v>9513.09</c:v>
                </c:pt>
                <c:pt idx="6255">
                  <c:v>9364.24</c:v>
                </c:pt>
                <c:pt idx="6256">
                  <c:v>9269.65</c:v>
                </c:pt>
                <c:pt idx="6257">
                  <c:v>9160.2800000000007</c:v>
                </c:pt>
                <c:pt idx="6258">
                  <c:v>9069</c:v>
                </c:pt>
                <c:pt idx="6259">
                  <c:v>13361.2</c:v>
                </c:pt>
                <c:pt idx="6260">
                  <c:v>12560.2</c:v>
                </c:pt>
                <c:pt idx="6261">
                  <c:v>11981</c:v>
                </c:pt>
                <c:pt idx="6262">
                  <c:v>11820.2</c:v>
                </c:pt>
                <c:pt idx="6263">
                  <c:v>11400.7</c:v>
                </c:pt>
                <c:pt idx="6264">
                  <c:v>11226.4</c:v>
                </c:pt>
                <c:pt idx="6265">
                  <c:v>11102.9</c:v>
                </c:pt>
                <c:pt idx="6266">
                  <c:v>10958.1</c:v>
                </c:pt>
                <c:pt idx="6267">
                  <c:v>10845</c:v>
                </c:pt>
                <c:pt idx="6268">
                  <c:v>10752.4</c:v>
                </c:pt>
                <c:pt idx="6269">
                  <c:v>10679.8</c:v>
                </c:pt>
                <c:pt idx="6270">
                  <c:v>14591.1</c:v>
                </c:pt>
                <c:pt idx="6271">
                  <c:v>14097.9</c:v>
                </c:pt>
                <c:pt idx="6272">
                  <c:v>13521.2</c:v>
                </c:pt>
                <c:pt idx="6273">
                  <c:v>13331.7</c:v>
                </c:pt>
                <c:pt idx="6274">
                  <c:v>12945.4</c:v>
                </c:pt>
                <c:pt idx="6275">
                  <c:v>12824.1</c:v>
                </c:pt>
                <c:pt idx="6276">
                  <c:v>12641.6</c:v>
                </c:pt>
                <c:pt idx="6277">
                  <c:v>12458.1</c:v>
                </c:pt>
                <c:pt idx="6278">
                  <c:v>12398.4</c:v>
                </c:pt>
                <c:pt idx="6279">
                  <c:v>12294</c:v>
                </c:pt>
                <c:pt idx="6280">
                  <c:v>12207.4</c:v>
                </c:pt>
                <c:pt idx="6281">
                  <c:v>16426.3</c:v>
                </c:pt>
                <c:pt idx="6282">
                  <c:v>15800.1</c:v>
                </c:pt>
                <c:pt idx="6283">
                  <c:v>15117.3</c:v>
                </c:pt>
                <c:pt idx="6284">
                  <c:v>14764.1</c:v>
                </c:pt>
                <c:pt idx="6285">
                  <c:v>14614</c:v>
                </c:pt>
                <c:pt idx="6286">
                  <c:v>14372.5</c:v>
                </c:pt>
                <c:pt idx="6287">
                  <c:v>14101.8</c:v>
                </c:pt>
                <c:pt idx="6288">
                  <c:v>13955.5</c:v>
                </c:pt>
                <c:pt idx="6289">
                  <c:v>13854</c:v>
                </c:pt>
                <c:pt idx="6290">
                  <c:v>13853.1</c:v>
                </c:pt>
                <c:pt idx="6291">
                  <c:v>13761.4</c:v>
                </c:pt>
                <c:pt idx="6292">
                  <c:v>17887.599999999999</c:v>
                </c:pt>
                <c:pt idx="6293">
                  <c:v>17310.5</c:v>
                </c:pt>
                <c:pt idx="6294">
                  <c:v>16607.5</c:v>
                </c:pt>
                <c:pt idx="6295">
                  <c:v>16283.6</c:v>
                </c:pt>
                <c:pt idx="6296">
                  <c:v>16184.3</c:v>
                </c:pt>
                <c:pt idx="6297">
                  <c:v>15974.1</c:v>
                </c:pt>
                <c:pt idx="6298">
                  <c:v>15635.4</c:v>
                </c:pt>
                <c:pt idx="6299">
                  <c:v>15595.2</c:v>
                </c:pt>
                <c:pt idx="6300">
                  <c:v>15432.1</c:v>
                </c:pt>
                <c:pt idx="6301">
                  <c:v>15297.8</c:v>
                </c:pt>
                <c:pt idx="6302">
                  <c:v>15317.8</c:v>
                </c:pt>
                <c:pt idx="6303">
                  <c:v>19249.3</c:v>
                </c:pt>
                <c:pt idx="6304">
                  <c:v>18721</c:v>
                </c:pt>
                <c:pt idx="6305">
                  <c:v>18395.900000000001</c:v>
                </c:pt>
                <c:pt idx="6306">
                  <c:v>17831.400000000001</c:v>
                </c:pt>
                <c:pt idx="6307">
                  <c:v>17600.8</c:v>
                </c:pt>
                <c:pt idx="6308">
                  <c:v>17495.900000000001</c:v>
                </c:pt>
                <c:pt idx="6309">
                  <c:v>17243.099999999999</c:v>
                </c:pt>
                <c:pt idx="6310">
                  <c:v>17089.599999999999</c:v>
                </c:pt>
                <c:pt idx="6311">
                  <c:v>17019.5</c:v>
                </c:pt>
                <c:pt idx="6312">
                  <c:v>16877</c:v>
                </c:pt>
                <c:pt idx="6313">
                  <c:v>16779.8</c:v>
                </c:pt>
                <c:pt idx="6314">
                  <c:v>20794.400000000001</c:v>
                </c:pt>
                <c:pt idx="6315">
                  <c:v>20207.8</c:v>
                </c:pt>
                <c:pt idx="6316">
                  <c:v>19859.599999999999</c:v>
                </c:pt>
                <c:pt idx="6317">
                  <c:v>19431.5</c:v>
                </c:pt>
                <c:pt idx="6318">
                  <c:v>19118.8</c:v>
                </c:pt>
                <c:pt idx="6319">
                  <c:v>19072.400000000001</c:v>
                </c:pt>
                <c:pt idx="6320">
                  <c:v>18829.099999999999</c:v>
                </c:pt>
                <c:pt idx="6321">
                  <c:v>18660</c:v>
                </c:pt>
                <c:pt idx="6322">
                  <c:v>18603.5</c:v>
                </c:pt>
                <c:pt idx="6323">
                  <c:v>18420.5</c:v>
                </c:pt>
                <c:pt idx="6324">
                  <c:v>18355.3</c:v>
                </c:pt>
                <c:pt idx="6325">
                  <c:v>22425.3</c:v>
                </c:pt>
                <c:pt idx="6326">
                  <c:v>21785.599999999999</c:v>
                </c:pt>
                <c:pt idx="6327">
                  <c:v>21241.7</c:v>
                </c:pt>
                <c:pt idx="6328">
                  <c:v>21035.9</c:v>
                </c:pt>
                <c:pt idx="6329">
                  <c:v>20748.8</c:v>
                </c:pt>
                <c:pt idx="6330">
                  <c:v>20614.3</c:v>
                </c:pt>
                <c:pt idx="6331">
                  <c:v>20256.7</c:v>
                </c:pt>
                <c:pt idx="6332">
                  <c:v>20247.599999999999</c:v>
                </c:pt>
                <c:pt idx="6333">
                  <c:v>20081.2</c:v>
                </c:pt>
                <c:pt idx="6334">
                  <c:v>19955.8</c:v>
                </c:pt>
                <c:pt idx="6335">
                  <c:v>19876.7</c:v>
                </c:pt>
                <c:pt idx="6336">
                  <c:v>5572.96</c:v>
                </c:pt>
                <c:pt idx="6337">
                  <c:v>5122.34</c:v>
                </c:pt>
                <c:pt idx="6338">
                  <c:v>4833.08</c:v>
                </c:pt>
                <c:pt idx="6339">
                  <c:v>4542.43</c:v>
                </c:pt>
                <c:pt idx="6340">
                  <c:v>4430.71</c:v>
                </c:pt>
                <c:pt idx="6341">
                  <c:v>4349.92</c:v>
                </c:pt>
                <c:pt idx="6342">
                  <c:v>4235.6400000000003</c:v>
                </c:pt>
                <c:pt idx="6343">
                  <c:v>4165.57</c:v>
                </c:pt>
                <c:pt idx="6344">
                  <c:v>4116.43</c:v>
                </c:pt>
                <c:pt idx="6345">
                  <c:v>4050.69</c:v>
                </c:pt>
                <c:pt idx="6346">
                  <c:v>3985.88</c:v>
                </c:pt>
                <c:pt idx="6347">
                  <c:v>6783.38</c:v>
                </c:pt>
                <c:pt idx="6348">
                  <c:v>6366.27</c:v>
                </c:pt>
                <c:pt idx="6349">
                  <c:v>5802.51</c:v>
                </c:pt>
                <c:pt idx="6350">
                  <c:v>5707.56</c:v>
                </c:pt>
                <c:pt idx="6351">
                  <c:v>5437.08</c:v>
                </c:pt>
                <c:pt idx="6352">
                  <c:v>5354.46</c:v>
                </c:pt>
                <c:pt idx="6353">
                  <c:v>5350.44</c:v>
                </c:pt>
                <c:pt idx="6354">
                  <c:v>5230.41</c:v>
                </c:pt>
                <c:pt idx="6355">
                  <c:v>5106.8999999999996</c:v>
                </c:pt>
                <c:pt idx="6356">
                  <c:v>5099.17</c:v>
                </c:pt>
                <c:pt idx="6357">
                  <c:v>4995.0200000000004</c:v>
                </c:pt>
                <c:pt idx="6358">
                  <c:v>8588.7999999999993</c:v>
                </c:pt>
                <c:pt idx="6359">
                  <c:v>7620.65</c:v>
                </c:pt>
                <c:pt idx="6360">
                  <c:v>7343.97</c:v>
                </c:pt>
                <c:pt idx="6361">
                  <c:v>7102.24</c:v>
                </c:pt>
                <c:pt idx="6362">
                  <c:v>6834.96</c:v>
                </c:pt>
                <c:pt idx="6363">
                  <c:v>6903.29</c:v>
                </c:pt>
                <c:pt idx="6364">
                  <c:v>6755.82</c:v>
                </c:pt>
                <c:pt idx="6365">
                  <c:v>6743.92</c:v>
                </c:pt>
                <c:pt idx="6366">
                  <c:v>6470.33</c:v>
                </c:pt>
                <c:pt idx="6367">
                  <c:v>6408.28</c:v>
                </c:pt>
                <c:pt idx="6368">
                  <c:v>6296.99</c:v>
                </c:pt>
                <c:pt idx="6369">
                  <c:v>10042.9</c:v>
                </c:pt>
                <c:pt idx="6370">
                  <c:v>9287.11</c:v>
                </c:pt>
                <c:pt idx="6371">
                  <c:v>9076.7999999999993</c:v>
                </c:pt>
                <c:pt idx="6372">
                  <c:v>8689.23</c:v>
                </c:pt>
                <c:pt idx="6373">
                  <c:v>8209.33</c:v>
                </c:pt>
                <c:pt idx="6374">
                  <c:v>8098.76</c:v>
                </c:pt>
                <c:pt idx="6375">
                  <c:v>7976.55</c:v>
                </c:pt>
                <c:pt idx="6376">
                  <c:v>8078.79</c:v>
                </c:pt>
                <c:pt idx="6377">
                  <c:v>7912.62</c:v>
                </c:pt>
                <c:pt idx="6378">
                  <c:v>7795.23</c:v>
                </c:pt>
                <c:pt idx="6379">
                  <c:v>7700.48</c:v>
                </c:pt>
                <c:pt idx="6380">
                  <c:v>11527.2</c:v>
                </c:pt>
                <c:pt idx="6381">
                  <c:v>10937.1</c:v>
                </c:pt>
                <c:pt idx="6382">
                  <c:v>10474.200000000001</c:v>
                </c:pt>
                <c:pt idx="6383">
                  <c:v>10069.200000000001</c:v>
                </c:pt>
                <c:pt idx="6384">
                  <c:v>9773.23</c:v>
                </c:pt>
                <c:pt idx="6385">
                  <c:v>9553.8799999999992</c:v>
                </c:pt>
                <c:pt idx="6386">
                  <c:v>9680.34</c:v>
                </c:pt>
                <c:pt idx="6387">
                  <c:v>9642.89</c:v>
                </c:pt>
                <c:pt idx="6388">
                  <c:v>9504.1</c:v>
                </c:pt>
                <c:pt idx="6389">
                  <c:v>9415.82</c:v>
                </c:pt>
                <c:pt idx="6390">
                  <c:v>9299.7800000000007</c:v>
                </c:pt>
                <c:pt idx="6391">
                  <c:v>13492.1</c:v>
                </c:pt>
                <c:pt idx="6392">
                  <c:v>12468.6</c:v>
                </c:pt>
                <c:pt idx="6393">
                  <c:v>11922.4</c:v>
                </c:pt>
                <c:pt idx="6394">
                  <c:v>11511.7</c:v>
                </c:pt>
                <c:pt idx="6395">
                  <c:v>11300.1</c:v>
                </c:pt>
                <c:pt idx="6396">
                  <c:v>11092.4</c:v>
                </c:pt>
                <c:pt idx="6397">
                  <c:v>11169.9</c:v>
                </c:pt>
                <c:pt idx="6398">
                  <c:v>11099.4</c:v>
                </c:pt>
                <c:pt idx="6399">
                  <c:v>11051.7</c:v>
                </c:pt>
                <c:pt idx="6400">
                  <c:v>11086.1</c:v>
                </c:pt>
                <c:pt idx="6401">
                  <c:v>10947.4</c:v>
                </c:pt>
                <c:pt idx="6402">
                  <c:v>14817.3</c:v>
                </c:pt>
                <c:pt idx="6403">
                  <c:v>14237.7</c:v>
                </c:pt>
                <c:pt idx="6404">
                  <c:v>13522.1</c:v>
                </c:pt>
                <c:pt idx="6405">
                  <c:v>13264.7</c:v>
                </c:pt>
                <c:pt idx="6406">
                  <c:v>12903.9</c:v>
                </c:pt>
                <c:pt idx="6407">
                  <c:v>12652.2</c:v>
                </c:pt>
                <c:pt idx="6408">
                  <c:v>12757.8</c:v>
                </c:pt>
                <c:pt idx="6409">
                  <c:v>12573.8</c:v>
                </c:pt>
                <c:pt idx="6410">
                  <c:v>12702.5</c:v>
                </c:pt>
                <c:pt idx="6411">
                  <c:v>12603.9</c:v>
                </c:pt>
                <c:pt idx="6412">
                  <c:v>12458.4</c:v>
                </c:pt>
                <c:pt idx="6413">
                  <c:v>16376.1</c:v>
                </c:pt>
                <c:pt idx="6414">
                  <c:v>15429.1</c:v>
                </c:pt>
                <c:pt idx="6415">
                  <c:v>15194.8</c:v>
                </c:pt>
                <c:pt idx="6416">
                  <c:v>14633</c:v>
                </c:pt>
                <c:pt idx="6417">
                  <c:v>14555.5</c:v>
                </c:pt>
                <c:pt idx="6418">
                  <c:v>14243.8</c:v>
                </c:pt>
                <c:pt idx="6419">
                  <c:v>14233.3</c:v>
                </c:pt>
                <c:pt idx="6420">
                  <c:v>14124.7</c:v>
                </c:pt>
                <c:pt idx="6421">
                  <c:v>14092.3</c:v>
                </c:pt>
                <c:pt idx="6422">
                  <c:v>13982.5</c:v>
                </c:pt>
                <c:pt idx="6423">
                  <c:v>13925.6</c:v>
                </c:pt>
                <c:pt idx="6424">
                  <c:v>17982.2</c:v>
                </c:pt>
                <c:pt idx="6425">
                  <c:v>17074.599999999999</c:v>
                </c:pt>
                <c:pt idx="6426">
                  <c:v>16616.8</c:v>
                </c:pt>
                <c:pt idx="6427">
                  <c:v>16202.3</c:v>
                </c:pt>
                <c:pt idx="6428">
                  <c:v>16003.7</c:v>
                </c:pt>
                <c:pt idx="6429">
                  <c:v>15959.6</c:v>
                </c:pt>
                <c:pt idx="6430">
                  <c:v>15862.5</c:v>
                </c:pt>
                <c:pt idx="6431">
                  <c:v>15839.4</c:v>
                </c:pt>
                <c:pt idx="6432">
                  <c:v>15638.1</c:v>
                </c:pt>
                <c:pt idx="6433">
                  <c:v>15740.4</c:v>
                </c:pt>
                <c:pt idx="6434">
                  <c:v>15605.2</c:v>
                </c:pt>
                <c:pt idx="6435">
                  <c:v>19543.900000000001</c:v>
                </c:pt>
                <c:pt idx="6436">
                  <c:v>18856.3</c:v>
                </c:pt>
                <c:pt idx="6437">
                  <c:v>18038.2</c:v>
                </c:pt>
                <c:pt idx="6438">
                  <c:v>17754.7</c:v>
                </c:pt>
                <c:pt idx="6439">
                  <c:v>17541.599999999999</c:v>
                </c:pt>
                <c:pt idx="6440">
                  <c:v>17519.900000000001</c:v>
                </c:pt>
                <c:pt idx="6441">
                  <c:v>17316.3</c:v>
                </c:pt>
                <c:pt idx="6442">
                  <c:v>17329.400000000001</c:v>
                </c:pt>
                <c:pt idx="6443">
                  <c:v>17115.7</c:v>
                </c:pt>
                <c:pt idx="6444">
                  <c:v>17125.3</c:v>
                </c:pt>
                <c:pt idx="6445">
                  <c:v>17022.5</c:v>
                </c:pt>
                <c:pt idx="6446">
                  <c:v>21171</c:v>
                </c:pt>
                <c:pt idx="6447">
                  <c:v>20205.2</c:v>
                </c:pt>
                <c:pt idx="6448">
                  <c:v>19656.8</c:v>
                </c:pt>
                <c:pt idx="6449">
                  <c:v>19351.2</c:v>
                </c:pt>
                <c:pt idx="6450">
                  <c:v>19149.7</c:v>
                </c:pt>
                <c:pt idx="6451">
                  <c:v>19028.3</c:v>
                </c:pt>
                <c:pt idx="6452">
                  <c:v>18918.5</c:v>
                </c:pt>
                <c:pt idx="6453">
                  <c:v>18835.8</c:v>
                </c:pt>
                <c:pt idx="6454">
                  <c:v>18671.099999999999</c:v>
                </c:pt>
                <c:pt idx="6455">
                  <c:v>18599</c:v>
                </c:pt>
                <c:pt idx="6456">
                  <c:v>18612.900000000001</c:v>
                </c:pt>
                <c:pt idx="6457">
                  <c:v>22665.7</c:v>
                </c:pt>
                <c:pt idx="6458">
                  <c:v>21756.2</c:v>
                </c:pt>
                <c:pt idx="6459">
                  <c:v>21252.3</c:v>
                </c:pt>
                <c:pt idx="6460">
                  <c:v>20864.900000000001</c:v>
                </c:pt>
                <c:pt idx="6461">
                  <c:v>20534.599999999999</c:v>
                </c:pt>
                <c:pt idx="6462">
                  <c:v>20400.5</c:v>
                </c:pt>
                <c:pt idx="6463">
                  <c:v>20420.099999999999</c:v>
                </c:pt>
                <c:pt idx="6464">
                  <c:v>20411.900000000001</c:v>
                </c:pt>
                <c:pt idx="6465">
                  <c:v>20282</c:v>
                </c:pt>
                <c:pt idx="6466">
                  <c:v>20127.5</c:v>
                </c:pt>
                <c:pt idx="6467">
                  <c:v>20096.3</c:v>
                </c:pt>
                <c:pt idx="6468">
                  <c:v>5488.62</c:v>
                </c:pt>
                <c:pt idx="6469">
                  <c:v>5033.49</c:v>
                </c:pt>
                <c:pt idx="6470">
                  <c:v>4705.8999999999996</c:v>
                </c:pt>
                <c:pt idx="6471">
                  <c:v>4424.62</c:v>
                </c:pt>
                <c:pt idx="6472">
                  <c:v>4263.45</c:v>
                </c:pt>
                <c:pt idx="6473">
                  <c:v>4113.5200000000004</c:v>
                </c:pt>
                <c:pt idx="6474">
                  <c:v>4063.45</c:v>
                </c:pt>
                <c:pt idx="6475">
                  <c:v>3952.26</c:v>
                </c:pt>
                <c:pt idx="6476">
                  <c:v>3862.95</c:v>
                </c:pt>
                <c:pt idx="6477">
                  <c:v>3889.49</c:v>
                </c:pt>
                <c:pt idx="6478">
                  <c:v>3800.24</c:v>
                </c:pt>
                <c:pt idx="6479">
                  <c:v>6783.38</c:v>
                </c:pt>
                <c:pt idx="6480">
                  <c:v>6366.27</c:v>
                </c:pt>
                <c:pt idx="6481">
                  <c:v>5802.51</c:v>
                </c:pt>
                <c:pt idx="6482">
                  <c:v>5781.79</c:v>
                </c:pt>
                <c:pt idx="6483">
                  <c:v>5437.08</c:v>
                </c:pt>
                <c:pt idx="6484">
                  <c:v>5417.86</c:v>
                </c:pt>
                <c:pt idx="6485">
                  <c:v>5160.37</c:v>
                </c:pt>
                <c:pt idx="6486">
                  <c:v>5171.3</c:v>
                </c:pt>
                <c:pt idx="6487">
                  <c:v>5052.34</c:v>
                </c:pt>
                <c:pt idx="6488">
                  <c:v>4948.0200000000004</c:v>
                </c:pt>
                <c:pt idx="6489">
                  <c:v>4923.99</c:v>
                </c:pt>
                <c:pt idx="6490">
                  <c:v>8588.7999999999993</c:v>
                </c:pt>
                <c:pt idx="6491">
                  <c:v>7725.44</c:v>
                </c:pt>
                <c:pt idx="6492">
                  <c:v>7343.97</c:v>
                </c:pt>
                <c:pt idx="6493">
                  <c:v>7102.24</c:v>
                </c:pt>
                <c:pt idx="6494">
                  <c:v>6834.96</c:v>
                </c:pt>
                <c:pt idx="6495">
                  <c:v>6892.92</c:v>
                </c:pt>
                <c:pt idx="6496">
                  <c:v>6488.8</c:v>
                </c:pt>
                <c:pt idx="6497">
                  <c:v>6409.41</c:v>
                </c:pt>
                <c:pt idx="6498">
                  <c:v>6322.13</c:v>
                </c:pt>
                <c:pt idx="6499">
                  <c:v>6263.15</c:v>
                </c:pt>
                <c:pt idx="6500">
                  <c:v>6286.9</c:v>
                </c:pt>
                <c:pt idx="6501">
                  <c:v>10332</c:v>
                </c:pt>
                <c:pt idx="6502">
                  <c:v>9190.61</c:v>
                </c:pt>
                <c:pt idx="6503">
                  <c:v>8854.19</c:v>
                </c:pt>
                <c:pt idx="6504">
                  <c:v>8721.2199999999993</c:v>
                </c:pt>
                <c:pt idx="6505">
                  <c:v>8209.76</c:v>
                </c:pt>
                <c:pt idx="6506">
                  <c:v>8098.76</c:v>
                </c:pt>
                <c:pt idx="6507">
                  <c:v>7912.62</c:v>
                </c:pt>
                <c:pt idx="6508">
                  <c:v>7808.72</c:v>
                </c:pt>
                <c:pt idx="6509">
                  <c:v>7724.11</c:v>
                </c:pt>
                <c:pt idx="6510">
                  <c:v>7771.11</c:v>
                </c:pt>
                <c:pt idx="6511">
                  <c:v>7704.07</c:v>
                </c:pt>
                <c:pt idx="6512">
                  <c:v>11527.2</c:v>
                </c:pt>
                <c:pt idx="6513">
                  <c:v>10937.1</c:v>
                </c:pt>
                <c:pt idx="6514">
                  <c:v>10474.200000000001</c:v>
                </c:pt>
                <c:pt idx="6515">
                  <c:v>10069.200000000001</c:v>
                </c:pt>
                <c:pt idx="6516">
                  <c:v>9773.23</c:v>
                </c:pt>
                <c:pt idx="6517">
                  <c:v>9553.8799999999992</c:v>
                </c:pt>
                <c:pt idx="6518">
                  <c:v>9680.34</c:v>
                </c:pt>
                <c:pt idx="6519">
                  <c:v>9413.7099999999991</c:v>
                </c:pt>
                <c:pt idx="6520">
                  <c:v>9293.43</c:v>
                </c:pt>
                <c:pt idx="6521">
                  <c:v>9460.4500000000007</c:v>
                </c:pt>
                <c:pt idx="6522">
                  <c:v>9142.5400000000009</c:v>
                </c:pt>
                <c:pt idx="6523">
                  <c:v>13492.1</c:v>
                </c:pt>
                <c:pt idx="6524">
                  <c:v>12468.6</c:v>
                </c:pt>
                <c:pt idx="6525">
                  <c:v>11922.4</c:v>
                </c:pt>
                <c:pt idx="6526">
                  <c:v>11511.7</c:v>
                </c:pt>
                <c:pt idx="6527">
                  <c:v>11300.1</c:v>
                </c:pt>
                <c:pt idx="6528">
                  <c:v>11092.4</c:v>
                </c:pt>
                <c:pt idx="6529">
                  <c:v>11064.2</c:v>
                </c:pt>
                <c:pt idx="6530">
                  <c:v>11112</c:v>
                </c:pt>
                <c:pt idx="6531">
                  <c:v>10841.4</c:v>
                </c:pt>
                <c:pt idx="6532">
                  <c:v>10815.6</c:v>
                </c:pt>
                <c:pt idx="6533">
                  <c:v>10806.1</c:v>
                </c:pt>
                <c:pt idx="6534">
                  <c:v>14817.3</c:v>
                </c:pt>
                <c:pt idx="6535">
                  <c:v>13972.6</c:v>
                </c:pt>
                <c:pt idx="6536">
                  <c:v>13415.5</c:v>
                </c:pt>
                <c:pt idx="6537">
                  <c:v>13234.3</c:v>
                </c:pt>
                <c:pt idx="6538">
                  <c:v>12879.8</c:v>
                </c:pt>
                <c:pt idx="6539">
                  <c:v>12679.2</c:v>
                </c:pt>
                <c:pt idx="6540">
                  <c:v>12757.8</c:v>
                </c:pt>
                <c:pt idx="6541">
                  <c:v>12573.8</c:v>
                </c:pt>
                <c:pt idx="6542">
                  <c:v>12414.9</c:v>
                </c:pt>
                <c:pt idx="6543">
                  <c:v>12319.8</c:v>
                </c:pt>
                <c:pt idx="6544">
                  <c:v>12258.3</c:v>
                </c:pt>
                <c:pt idx="6545">
                  <c:v>16376.1</c:v>
                </c:pt>
                <c:pt idx="6546">
                  <c:v>15360.2</c:v>
                </c:pt>
                <c:pt idx="6547">
                  <c:v>15156.2</c:v>
                </c:pt>
                <c:pt idx="6548">
                  <c:v>14683.3</c:v>
                </c:pt>
                <c:pt idx="6549">
                  <c:v>14455.1</c:v>
                </c:pt>
                <c:pt idx="6550">
                  <c:v>14170.8</c:v>
                </c:pt>
                <c:pt idx="6551">
                  <c:v>14247.9</c:v>
                </c:pt>
                <c:pt idx="6552">
                  <c:v>14134.9</c:v>
                </c:pt>
                <c:pt idx="6553">
                  <c:v>14059.5</c:v>
                </c:pt>
                <c:pt idx="6554">
                  <c:v>13993.6</c:v>
                </c:pt>
                <c:pt idx="6555">
                  <c:v>13900.4</c:v>
                </c:pt>
                <c:pt idx="6556">
                  <c:v>17897.5</c:v>
                </c:pt>
                <c:pt idx="6557">
                  <c:v>16972.900000000001</c:v>
                </c:pt>
                <c:pt idx="6558">
                  <c:v>16785.2</c:v>
                </c:pt>
                <c:pt idx="6559">
                  <c:v>16162.7</c:v>
                </c:pt>
                <c:pt idx="6560">
                  <c:v>16033.8</c:v>
                </c:pt>
                <c:pt idx="6561">
                  <c:v>15712.4</c:v>
                </c:pt>
                <c:pt idx="6562">
                  <c:v>15878.5</c:v>
                </c:pt>
                <c:pt idx="6563">
                  <c:v>15617.3</c:v>
                </c:pt>
                <c:pt idx="6564">
                  <c:v>15497.2</c:v>
                </c:pt>
                <c:pt idx="6565">
                  <c:v>15485.9</c:v>
                </c:pt>
                <c:pt idx="6566">
                  <c:v>15385.2</c:v>
                </c:pt>
                <c:pt idx="6567">
                  <c:v>19421.2</c:v>
                </c:pt>
                <c:pt idx="6568">
                  <c:v>18869.099999999999</c:v>
                </c:pt>
                <c:pt idx="6569">
                  <c:v>18275.599999999999</c:v>
                </c:pt>
                <c:pt idx="6570">
                  <c:v>17840.8</c:v>
                </c:pt>
                <c:pt idx="6571">
                  <c:v>17484</c:v>
                </c:pt>
                <c:pt idx="6572">
                  <c:v>17267.400000000001</c:v>
                </c:pt>
                <c:pt idx="6573">
                  <c:v>17330.900000000001</c:v>
                </c:pt>
                <c:pt idx="6574">
                  <c:v>17107</c:v>
                </c:pt>
                <c:pt idx="6575">
                  <c:v>17078.099999999999</c:v>
                </c:pt>
                <c:pt idx="6576">
                  <c:v>16931.7</c:v>
                </c:pt>
                <c:pt idx="6577">
                  <c:v>16882.599999999999</c:v>
                </c:pt>
                <c:pt idx="6578">
                  <c:v>21171</c:v>
                </c:pt>
                <c:pt idx="6579">
                  <c:v>20205.2</c:v>
                </c:pt>
                <c:pt idx="6580">
                  <c:v>19672</c:v>
                </c:pt>
                <c:pt idx="6581">
                  <c:v>19582.5</c:v>
                </c:pt>
                <c:pt idx="6582">
                  <c:v>19217.3</c:v>
                </c:pt>
                <c:pt idx="6583">
                  <c:v>18801.5</c:v>
                </c:pt>
                <c:pt idx="6584">
                  <c:v>18883.900000000001</c:v>
                </c:pt>
                <c:pt idx="6585">
                  <c:v>18858.3</c:v>
                </c:pt>
                <c:pt idx="6586">
                  <c:v>18613.2</c:v>
                </c:pt>
                <c:pt idx="6587">
                  <c:v>18607.900000000001</c:v>
                </c:pt>
                <c:pt idx="6588">
                  <c:v>18525.099999999999</c:v>
                </c:pt>
                <c:pt idx="6589">
                  <c:v>22868.799999999999</c:v>
                </c:pt>
                <c:pt idx="6590">
                  <c:v>21693.1</c:v>
                </c:pt>
                <c:pt idx="6591">
                  <c:v>21181.200000000001</c:v>
                </c:pt>
                <c:pt idx="6592">
                  <c:v>20872.7</c:v>
                </c:pt>
                <c:pt idx="6593">
                  <c:v>20575.599999999999</c:v>
                </c:pt>
                <c:pt idx="6594">
                  <c:v>20497.7</c:v>
                </c:pt>
                <c:pt idx="6595">
                  <c:v>20298.900000000001</c:v>
                </c:pt>
                <c:pt idx="6596">
                  <c:v>20268.599999999999</c:v>
                </c:pt>
                <c:pt idx="6597">
                  <c:v>20094.099999999999</c:v>
                </c:pt>
                <c:pt idx="6598">
                  <c:v>20061.8</c:v>
                </c:pt>
                <c:pt idx="6599">
                  <c:v>20052</c:v>
                </c:pt>
                <c:pt idx="6600">
                  <c:v>5503.5</c:v>
                </c:pt>
                <c:pt idx="6601">
                  <c:v>4959.28</c:v>
                </c:pt>
                <c:pt idx="6602">
                  <c:v>4567.97</c:v>
                </c:pt>
                <c:pt idx="6603">
                  <c:v>4318.1400000000003</c:v>
                </c:pt>
                <c:pt idx="6604">
                  <c:v>4153.8500000000004</c:v>
                </c:pt>
                <c:pt idx="6605">
                  <c:v>4019.44</c:v>
                </c:pt>
                <c:pt idx="6606">
                  <c:v>3874.7</c:v>
                </c:pt>
                <c:pt idx="6607">
                  <c:v>3811.24</c:v>
                </c:pt>
                <c:pt idx="6608">
                  <c:v>3757.31</c:v>
                </c:pt>
                <c:pt idx="6609">
                  <c:v>3674.77</c:v>
                </c:pt>
                <c:pt idx="6610">
                  <c:v>3627.06</c:v>
                </c:pt>
                <c:pt idx="6611">
                  <c:v>6783.38</c:v>
                </c:pt>
                <c:pt idx="6612">
                  <c:v>6366.27</c:v>
                </c:pt>
                <c:pt idx="6613">
                  <c:v>5802.51</c:v>
                </c:pt>
                <c:pt idx="6614">
                  <c:v>5751.72</c:v>
                </c:pt>
                <c:pt idx="6615">
                  <c:v>5437.08</c:v>
                </c:pt>
                <c:pt idx="6616">
                  <c:v>5365.37</c:v>
                </c:pt>
                <c:pt idx="6617">
                  <c:v>5091.55</c:v>
                </c:pt>
                <c:pt idx="6618">
                  <c:v>5160.3900000000003</c:v>
                </c:pt>
                <c:pt idx="6619">
                  <c:v>5010.3500000000004</c:v>
                </c:pt>
                <c:pt idx="6620">
                  <c:v>4910.46</c:v>
                </c:pt>
                <c:pt idx="6621">
                  <c:v>4876.8500000000004</c:v>
                </c:pt>
                <c:pt idx="6622">
                  <c:v>8807.5499999999993</c:v>
                </c:pt>
                <c:pt idx="6623">
                  <c:v>8033.16</c:v>
                </c:pt>
                <c:pt idx="6624">
                  <c:v>7343.97</c:v>
                </c:pt>
                <c:pt idx="6625">
                  <c:v>7155.34</c:v>
                </c:pt>
                <c:pt idx="6626">
                  <c:v>6882.75</c:v>
                </c:pt>
                <c:pt idx="6627">
                  <c:v>6608.37</c:v>
                </c:pt>
                <c:pt idx="6628">
                  <c:v>6488.8</c:v>
                </c:pt>
                <c:pt idx="6629">
                  <c:v>6409.41</c:v>
                </c:pt>
                <c:pt idx="6630">
                  <c:v>6237.33</c:v>
                </c:pt>
                <c:pt idx="6631">
                  <c:v>6192.08</c:v>
                </c:pt>
                <c:pt idx="6632">
                  <c:v>6088.51</c:v>
                </c:pt>
                <c:pt idx="6633">
                  <c:v>10216.6</c:v>
                </c:pt>
                <c:pt idx="6634">
                  <c:v>9477.56</c:v>
                </c:pt>
                <c:pt idx="6635">
                  <c:v>8892.99</c:v>
                </c:pt>
                <c:pt idx="6636">
                  <c:v>8507.7199999999993</c:v>
                </c:pt>
                <c:pt idx="6637">
                  <c:v>8177.15</c:v>
                </c:pt>
                <c:pt idx="6638">
                  <c:v>8098.76</c:v>
                </c:pt>
                <c:pt idx="6639">
                  <c:v>7983.62</c:v>
                </c:pt>
                <c:pt idx="6640">
                  <c:v>7823.49</c:v>
                </c:pt>
                <c:pt idx="6641">
                  <c:v>7693.87</c:v>
                </c:pt>
                <c:pt idx="6642">
                  <c:v>7618.28</c:v>
                </c:pt>
                <c:pt idx="6643">
                  <c:v>7552.88</c:v>
                </c:pt>
                <c:pt idx="6644">
                  <c:v>11527.2</c:v>
                </c:pt>
                <c:pt idx="6645">
                  <c:v>10825.5</c:v>
                </c:pt>
                <c:pt idx="6646">
                  <c:v>10474.200000000001</c:v>
                </c:pt>
                <c:pt idx="6647">
                  <c:v>10069.200000000001</c:v>
                </c:pt>
                <c:pt idx="6648">
                  <c:v>9773.23</c:v>
                </c:pt>
                <c:pt idx="6649">
                  <c:v>9553.8799999999992</c:v>
                </c:pt>
                <c:pt idx="6650">
                  <c:v>9680.34</c:v>
                </c:pt>
                <c:pt idx="6651">
                  <c:v>9413.7099999999991</c:v>
                </c:pt>
                <c:pt idx="6652">
                  <c:v>9293.43</c:v>
                </c:pt>
                <c:pt idx="6653">
                  <c:v>9179.94</c:v>
                </c:pt>
                <c:pt idx="6654">
                  <c:v>9095.3799999999992</c:v>
                </c:pt>
                <c:pt idx="6655">
                  <c:v>13492.1</c:v>
                </c:pt>
                <c:pt idx="6656">
                  <c:v>12468.6</c:v>
                </c:pt>
                <c:pt idx="6657">
                  <c:v>11821.6</c:v>
                </c:pt>
                <c:pt idx="6658">
                  <c:v>11615.7</c:v>
                </c:pt>
                <c:pt idx="6659">
                  <c:v>11300.1</c:v>
                </c:pt>
                <c:pt idx="6660">
                  <c:v>11092.4</c:v>
                </c:pt>
                <c:pt idx="6661">
                  <c:v>10990.1</c:v>
                </c:pt>
                <c:pt idx="6662">
                  <c:v>10908.3</c:v>
                </c:pt>
                <c:pt idx="6663">
                  <c:v>10841.4</c:v>
                </c:pt>
                <c:pt idx="6664">
                  <c:v>10815.6</c:v>
                </c:pt>
                <c:pt idx="6665">
                  <c:v>10759.4</c:v>
                </c:pt>
                <c:pt idx="6666">
                  <c:v>14631.6</c:v>
                </c:pt>
                <c:pt idx="6667">
                  <c:v>14275.3</c:v>
                </c:pt>
                <c:pt idx="6668">
                  <c:v>13356.4</c:v>
                </c:pt>
                <c:pt idx="6669">
                  <c:v>13118.9</c:v>
                </c:pt>
                <c:pt idx="6670">
                  <c:v>13041.4</c:v>
                </c:pt>
                <c:pt idx="6671">
                  <c:v>12657.3</c:v>
                </c:pt>
                <c:pt idx="6672">
                  <c:v>12757.8</c:v>
                </c:pt>
                <c:pt idx="6673">
                  <c:v>12573.8</c:v>
                </c:pt>
                <c:pt idx="6674">
                  <c:v>12414.9</c:v>
                </c:pt>
                <c:pt idx="6675">
                  <c:v>12317.9</c:v>
                </c:pt>
                <c:pt idx="6676">
                  <c:v>12220.3</c:v>
                </c:pt>
                <c:pt idx="6677">
                  <c:v>16376.1</c:v>
                </c:pt>
                <c:pt idx="6678">
                  <c:v>15382</c:v>
                </c:pt>
                <c:pt idx="6679">
                  <c:v>15034.3</c:v>
                </c:pt>
                <c:pt idx="6680">
                  <c:v>14801.8</c:v>
                </c:pt>
                <c:pt idx="6681">
                  <c:v>14401</c:v>
                </c:pt>
                <c:pt idx="6682">
                  <c:v>14192.6</c:v>
                </c:pt>
                <c:pt idx="6683">
                  <c:v>14098.8</c:v>
                </c:pt>
                <c:pt idx="6684">
                  <c:v>14144.5</c:v>
                </c:pt>
                <c:pt idx="6685">
                  <c:v>14052.6</c:v>
                </c:pt>
                <c:pt idx="6686">
                  <c:v>13828.3</c:v>
                </c:pt>
                <c:pt idx="6687">
                  <c:v>13718.2</c:v>
                </c:pt>
                <c:pt idx="6688">
                  <c:v>17897.5</c:v>
                </c:pt>
                <c:pt idx="6689">
                  <c:v>16926.599999999999</c:v>
                </c:pt>
                <c:pt idx="6690">
                  <c:v>16746.599999999999</c:v>
                </c:pt>
                <c:pt idx="6691">
                  <c:v>16230</c:v>
                </c:pt>
                <c:pt idx="6692">
                  <c:v>15962.9</c:v>
                </c:pt>
                <c:pt idx="6693">
                  <c:v>15729.4</c:v>
                </c:pt>
                <c:pt idx="6694">
                  <c:v>15653.3</c:v>
                </c:pt>
                <c:pt idx="6695">
                  <c:v>15623.8</c:v>
                </c:pt>
                <c:pt idx="6696">
                  <c:v>15587.6</c:v>
                </c:pt>
                <c:pt idx="6697">
                  <c:v>15456</c:v>
                </c:pt>
                <c:pt idx="6698">
                  <c:v>15373.3</c:v>
                </c:pt>
                <c:pt idx="6699">
                  <c:v>19350.2</c:v>
                </c:pt>
                <c:pt idx="6700">
                  <c:v>18881.099999999999</c:v>
                </c:pt>
                <c:pt idx="6701">
                  <c:v>18285.7</c:v>
                </c:pt>
                <c:pt idx="6702">
                  <c:v>17850.900000000001</c:v>
                </c:pt>
                <c:pt idx="6703">
                  <c:v>17571.7</c:v>
                </c:pt>
                <c:pt idx="6704">
                  <c:v>17332.900000000001</c:v>
                </c:pt>
                <c:pt idx="6705">
                  <c:v>17318</c:v>
                </c:pt>
                <c:pt idx="6706">
                  <c:v>17148.7</c:v>
                </c:pt>
                <c:pt idx="6707">
                  <c:v>16963.8</c:v>
                </c:pt>
                <c:pt idx="6708">
                  <c:v>16931.7</c:v>
                </c:pt>
                <c:pt idx="6709">
                  <c:v>16805.400000000001</c:v>
                </c:pt>
                <c:pt idx="6710">
                  <c:v>21171</c:v>
                </c:pt>
                <c:pt idx="6711">
                  <c:v>20205.2</c:v>
                </c:pt>
                <c:pt idx="6712">
                  <c:v>19672</c:v>
                </c:pt>
                <c:pt idx="6713">
                  <c:v>19196.900000000001</c:v>
                </c:pt>
                <c:pt idx="6714">
                  <c:v>19102.099999999999</c:v>
                </c:pt>
                <c:pt idx="6715">
                  <c:v>18808.400000000001</c:v>
                </c:pt>
                <c:pt idx="6716">
                  <c:v>18883.900000000001</c:v>
                </c:pt>
                <c:pt idx="6717">
                  <c:v>18685</c:v>
                </c:pt>
                <c:pt idx="6718">
                  <c:v>18646.3</c:v>
                </c:pt>
                <c:pt idx="6719">
                  <c:v>18490</c:v>
                </c:pt>
                <c:pt idx="6720">
                  <c:v>18520.2</c:v>
                </c:pt>
                <c:pt idx="6721">
                  <c:v>22782.2</c:v>
                </c:pt>
                <c:pt idx="6722">
                  <c:v>21782.6</c:v>
                </c:pt>
                <c:pt idx="6723">
                  <c:v>21238.2</c:v>
                </c:pt>
                <c:pt idx="6724">
                  <c:v>20857.099999999999</c:v>
                </c:pt>
                <c:pt idx="6725">
                  <c:v>20622.5</c:v>
                </c:pt>
                <c:pt idx="6726">
                  <c:v>20351.099999999999</c:v>
                </c:pt>
                <c:pt idx="6727">
                  <c:v>20381.5</c:v>
                </c:pt>
                <c:pt idx="6728">
                  <c:v>20131.900000000001</c:v>
                </c:pt>
                <c:pt idx="6729">
                  <c:v>20089.5</c:v>
                </c:pt>
                <c:pt idx="6730">
                  <c:v>19997.900000000001</c:v>
                </c:pt>
                <c:pt idx="6731">
                  <c:v>19977</c:v>
                </c:pt>
                <c:pt idx="6732">
                  <c:v>5503.5</c:v>
                </c:pt>
                <c:pt idx="6733">
                  <c:v>4890.24</c:v>
                </c:pt>
                <c:pt idx="6734">
                  <c:v>4582.87</c:v>
                </c:pt>
                <c:pt idx="6735">
                  <c:v>4245.74</c:v>
                </c:pt>
                <c:pt idx="6736">
                  <c:v>4036.08</c:v>
                </c:pt>
                <c:pt idx="6737">
                  <c:v>3921.44</c:v>
                </c:pt>
                <c:pt idx="6738">
                  <c:v>3822.41</c:v>
                </c:pt>
                <c:pt idx="6739">
                  <c:v>3711.19</c:v>
                </c:pt>
                <c:pt idx="6740">
                  <c:v>3676.33</c:v>
                </c:pt>
                <c:pt idx="6741">
                  <c:v>3618.97</c:v>
                </c:pt>
                <c:pt idx="6742">
                  <c:v>3554.9</c:v>
                </c:pt>
                <c:pt idx="6743">
                  <c:v>6783.38</c:v>
                </c:pt>
                <c:pt idx="6744">
                  <c:v>6366.27</c:v>
                </c:pt>
                <c:pt idx="6745">
                  <c:v>5802.51</c:v>
                </c:pt>
                <c:pt idx="6746">
                  <c:v>5751.72</c:v>
                </c:pt>
                <c:pt idx="6747">
                  <c:v>5437.08</c:v>
                </c:pt>
                <c:pt idx="6748">
                  <c:v>5173.09</c:v>
                </c:pt>
                <c:pt idx="6749">
                  <c:v>5083.9399999999996</c:v>
                </c:pt>
                <c:pt idx="6750">
                  <c:v>5118.4799999999996</c:v>
                </c:pt>
                <c:pt idx="6751">
                  <c:v>4900.5600000000004</c:v>
                </c:pt>
                <c:pt idx="6752">
                  <c:v>4879.1400000000003</c:v>
                </c:pt>
                <c:pt idx="6753">
                  <c:v>4842.57</c:v>
                </c:pt>
                <c:pt idx="6754">
                  <c:v>8807.5499999999993</c:v>
                </c:pt>
                <c:pt idx="6755">
                  <c:v>7876.57</c:v>
                </c:pt>
                <c:pt idx="6756">
                  <c:v>7343.97</c:v>
                </c:pt>
                <c:pt idx="6757">
                  <c:v>7155.34</c:v>
                </c:pt>
                <c:pt idx="6758">
                  <c:v>6882.75</c:v>
                </c:pt>
                <c:pt idx="6759">
                  <c:v>6608.37</c:v>
                </c:pt>
                <c:pt idx="6760">
                  <c:v>6488.8</c:v>
                </c:pt>
                <c:pt idx="6761">
                  <c:v>6409.41</c:v>
                </c:pt>
                <c:pt idx="6762">
                  <c:v>6370.29</c:v>
                </c:pt>
                <c:pt idx="6763">
                  <c:v>6225.68</c:v>
                </c:pt>
                <c:pt idx="6764">
                  <c:v>6172.05</c:v>
                </c:pt>
                <c:pt idx="6765">
                  <c:v>10216.6</c:v>
                </c:pt>
                <c:pt idx="6766">
                  <c:v>9158.58</c:v>
                </c:pt>
                <c:pt idx="6767">
                  <c:v>8838.2900000000009</c:v>
                </c:pt>
                <c:pt idx="6768">
                  <c:v>8519.6299999999992</c:v>
                </c:pt>
                <c:pt idx="6769">
                  <c:v>8306.5400000000009</c:v>
                </c:pt>
                <c:pt idx="6770">
                  <c:v>8098.76</c:v>
                </c:pt>
                <c:pt idx="6771">
                  <c:v>7996.18</c:v>
                </c:pt>
                <c:pt idx="6772">
                  <c:v>7799.29</c:v>
                </c:pt>
                <c:pt idx="6773">
                  <c:v>7710.62</c:v>
                </c:pt>
                <c:pt idx="6774">
                  <c:v>7597.17</c:v>
                </c:pt>
                <c:pt idx="6775">
                  <c:v>7530.08</c:v>
                </c:pt>
                <c:pt idx="6776">
                  <c:v>11527.2</c:v>
                </c:pt>
                <c:pt idx="6777">
                  <c:v>10776.6</c:v>
                </c:pt>
                <c:pt idx="6778">
                  <c:v>10354.700000000001</c:v>
                </c:pt>
                <c:pt idx="6779">
                  <c:v>9957.7999999999993</c:v>
                </c:pt>
                <c:pt idx="6780">
                  <c:v>9848.14</c:v>
                </c:pt>
                <c:pt idx="6781">
                  <c:v>9616.2900000000009</c:v>
                </c:pt>
                <c:pt idx="6782">
                  <c:v>9479.75</c:v>
                </c:pt>
                <c:pt idx="6783">
                  <c:v>9413.7099999999991</c:v>
                </c:pt>
                <c:pt idx="6784">
                  <c:v>9293.43</c:v>
                </c:pt>
                <c:pt idx="6785">
                  <c:v>9169.76</c:v>
                </c:pt>
                <c:pt idx="6786">
                  <c:v>9086.4</c:v>
                </c:pt>
                <c:pt idx="6787">
                  <c:v>13300.8</c:v>
                </c:pt>
                <c:pt idx="6788">
                  <c:v>12468.6</c:v>
                </c:pt>
                <c:pt idx="6789">
                  <c:v>12026</c:v>
                </c:pt>
                <c:pt idx="6790">
                  <c:v>11594.2</c:v>
                </c:pt>
                <c:pt idx="6791">
                  <c:v>11300.1</c:v>
                </c:pt>
                <c:pt idx="6792">
                  <c:v>11092.4</c:v>
                </c:pt>
                <c:pt idx="6793">
                  <c:v>11164.9</c:v>
                </c:pt>
                <c:pt idx="6794">
                  <c:v>11004.6</c:v>
                </c:pt>
                <c:pt idx="6795">
                  <c:v>10841.4</c:v>
                </c:pt>
                <c:pt idx="6796">
                  <c:v>10815.6</c:v>
                </c:pt>
                <c:pt idx="6797">
                  <c:v>10759.4</c:v>
                </c:pt>
                <c:pt idx="6798">
                  <c:v>14626</c:v>
                </c:pt>
                <c:pt idx="6799">
                  <c:v>14174.5</c:v>
                </c:pt>
                <c:pt idx="6800">
                  <c:v>13358.9</c:v>
                </c:pt>
                <c:pt idx="6801">
                  <c:v>13071.3</c:v>
                </c:pt>
                <c:pt idx="6802">
                  <c:v>12998.7</c:v>
                </c:pt>
                <c:pt idx="6803">
                  <c:v>12745.3</c:v>
                </c:pt>
                <c:pt idx="6804">
                  <c:v>12543</c:v>
                </c:pt>
                <c:pt idx="6805">
                  <c:v>12546.9</c:v>
                </c:pt>
                <c:pt idx="6806">
                  <c:v>12414.9</c:v>
                </c:pt>
                <c:pt idx="6807">
                  <c:v>12408.3</c:v>
                </c:pt>
                <c:pt idx="6808">
                  <c:v>12232.3</c:v>
                </c:pt>
                <c:pt idx="6809">
                  <c:v>16376.1</c:v>
                </c:pt>
                <c:pt idx="6810">
                  <c:v>15609.8</c:v>
                </c:pt>
                <c:pt idx="6811">
                  <c:v>14974.3</c:v>
                </c:pt>
                <c:pt idx="6812">
                  <c:v>14756.4</c:v>
                </c:pt>
                <c:pt idx="6813">
                  <c:v>14453</c:v>
                </c:pt>
                <c:pt idx="6814">
                  <c:v>14202.8</c:v>
                </c:pt>
                <c:pt idx="6815">
                  <c:v>14137.8</c:v>
                </c:pt>
                <c:pt idx="6816">
                  <c:v>13974.7</c:v>
                </c:pt>
                <c:pt idx="6817">
                  <c:v>14052.6</c:v>
                </c:pt>
                <c:pt idx="6818">
                  <c:v>13831</c:v>
                </c:pt>
                <c:pt idx="6819">
                  <c:v>13718.2</c:v>
                </c:pt>
                <c:pt idx="6820">
                  <c:v>17897.5</c:v>
                </c:pt>
                <c:pt idx="6821">
                  <c:v>17211.7</c:v>
                </c:pt>
                <c:pt idx="6822">
                  <c:v>16717.599999999999</c:v>
                </c:pt>
                <c:pt idx="6823">
                  <c:v>16357.2</c:v>
                </c:pt>
                <c:pt idx="6824">
                  <c:v>15987</c:v>
                </c:pt>
                <c:pt idx="6825">
                  <c:v>15802.1</c:v>
                </c:pt>
                <c:pt idx="6826">
                  <c:v>15889.5</c:v>
                </c:pt>
                <c:pt idx="6827">
                  <c:v>15630.4</c:v>
                </c:pt>
                <c:pt idx="6828">
                  <c:v>15595.1</c:v>
                </c:pt>
                <c:pt idx="6829">
                  <c:v>15418.9</c:v>
                </c:pt>
                <c:pt idx="6830">
                  <c:v>15375.8</c:v>
                </c:pt>
                <c:pt idx="6831">
                  <c:v>19250.3</c:v>
                </c:pt>
                <c:pt idx="6832">
                  <c:v>18892.5</c:v>
                </c:pt>
                <c:pt idx="6833">
                  <c:v>18295.2</c:v>
                </c:pt>
                <c:pt idx="6834">
                  <c:v>17912.2</c:v>
                </c:pt>
                <c:pt idx="6835">
                  <c:v>17490.599999999999</c:v>
                </c:pt>
                <c:pt idx="6836">
                  <c:v>17371.3</c:v>
                </c:pt>
                <c:pt idx="6837">
                  <c:v>17321.8</c:v>
                </c:pt>
                <c:pt idx="6838">
                  <c:v>17061.2</c:v>
                </c:pt>
                <c:pt idx="6839">
                  <c:v>17167.5</c:v>
                </c:pt>
                <c:pt idx="6840">
                  <c:v>16931.7</c:v>
                </c:pt>
                <c:pt idx="6841">
                  <c:v>16805.400000000001</c:v>
                </c:pt>
                <c:pt idx="6842">
                  <c:v>20968.400000000001</c:v>
                </c:pt>
                <c:pt idx="6843">
                  <c:v>20052.3</c:v>
                </c:pt>
                <c:pt idx="6844">
                  <c:v>19672</c:v>
                </c:pt>
                <c:pt idx="6845">
                  <c:v>19193.3</c:v>
                </c:pt>
                <c:pt idx="6846">
                  <c:v>19109</c:v>
                </c:pt>
                <c:pt idx="6847">
                  <c:v>18815.5</c:v>
                </c:pt>
                <c:pt idx="6848">
                  <c:v>18883.900000000001</c:v>
                </c:pt>
                <c:pt idx="6849">
                  <c:v>18663.2</c:v>
                </c:pt>
                <c:pt idx="6850">
                  <c:v>18550</c:v>
                </c:pt>
                <c:pt idx="6851">
                  <c:v>18575.5</c:v>
                </c:pt>
                <c:pt idx="6852">
                  <c:v>18384.599999999999</c:v>
                </c:pt>
                <c:pt idx="6853">
                  <c:v>22605.4</c:v>
                </c:pt>
                <c:pt idx="6854">
                  <c:v>21545.599999999999</c:v>
                </c:pt>
                <c:pt idx="6855">
                  <c:v>21237.200000000001</c:v>
                </c:pt>
                <c:pt idx="6856">
                  <c:v>20839.7</c:v>
                </c:pt>
                <c:pt idx="6857">
                  <c:v>20641.099999999999</c:v>
                </c:pt>
                <c:pt idx="6858">
                  <c:v>20546</c:v>
                </c:pt>
                <c:pt idx="6859">
                  <c:v>20264.099999999999</c:v>
                </c:pt>
                <c:pt idx="6860">
                  <c:v>20256.3</c:v>
                </c:pt>
                <c:pt idx="6861">
                  <c:v>20166.5</c:v>
                </c:pt>
                <c:pt idx="6862">
                  <c:v>19993.099999999999</c:v>
                </c:pt>
                <c:pt idx="6863">
                  <c:v>19922.7</c:v>
                </c:pt>
                <c:pt idx="6864">
                  <c:v>5503.5</c:v>
                </c:pt>
                <c:pt idx="6865">
                  <c:v>4891.3100000000004</c:v>
                </c:pt>
                <c:pt idx="6866">
                  <c:v>4530.82</c:v>
                </c:pt>
                <c:pt idx="6867">
                  <c:v>4257.12</c:v>
                </c:pt>
                <c:pt idx="6868">
                  <c:v>3989.19</c:v>
                </c:pt>
                <c:pt idx="6869">
                  <c:v>3855.53</c:v>
                </c:pt>
                <c:pt idx="6870">
                  <c:v>3745.01</c:v>
                </c:pt>
                <c:pt idx="6871">
                  <c:v>3637.01</c:v>
                </c:pt>
                <c:pt idx="6872">
                  <c:v>3580.5</c:v>
                </c:pt>
                <c:pt idx="6873">
                  <c:v>3501.36</c:v>
                </c:pt>
                <c:pt idx="6874">
                  <c:v>3430.35</c:v>
                </c:pt>
                <c:pt idx="6875">
                  <c:v>6783.38</c:v>
                </c:pt>
                <c:pt idx="6876">
                  <c:v>6366.27</c:v>
                </c:pt>
                <c:pt idx="6877">
                  <c:v>5802.51</c:v>
                </c:pt>
                <c:pt idx="6878">
                  <c:v>5751.72</c:v>
                </c:pt>
                <c:pt idx="6879">
                  <c:v>5437.08</c:v>
                </c:pt>
                <c:pt idx="6880">
                  <c:v>5173.09</c:v>
                </c:pt>
                <c:pt idx="6881">
                  <c:v>5083.9399999999996</c:v>
                </c:pt>
                <c:pt idx="6882">
                  <c:v>5054.29</c:v>
                </c:pt>
                <c:pt idx="6883">
                  <c:v>4993.3599999999997</c:v>
                </c:pt>
                <c:pt idx="6884">
                  <c:v>4826.5</c:v>
                </c:pt>
                <c:pt idx="6885">
                  <c:v>4819.4399999999996</c:v>
                </c:pt>
                <c:pt idx="6886">
                  <c:v>8807.5499999999993</c:v>
                </c:pt>
                <c:pt idx="6887">
                  <c:v>7833.03</c:v>
                </c:pt>
                <c:pt idx="6888">
                  <c:v>7343.97</c:v>
                </c:pt>
                <c:pt idx="6889">
                  <c:v>7155.34</c:v>
                </c:pt>
                <c:pt idx="6890">
                  <c:v>6882.75</c:v>
                </c:pt>
                <c:pt idx="6891">
                  <c:v>6608.37</c:v>
                </c:pt>
                <c:pt idx="6892">
                  <c:v>6488.8</c:v>
                </c:pt>
                <c:pt idx="6893">
                  <c:v>6409.41</c:v>
                </c:pt>
                <c:pt idx="6894">
                  <c:v>6232.97</c:v>
                </c:pt>
                <c:pt idx="6895">
                  <c:v>6169.64</c:v>
                </c:pt>
                <c:pt idx="6896">
                  <c:v>6172.05</c:v>
                </c:pt>
                <c:pt idx="6897">
                  <c:v>10216.6</c:v>
                </c:pt>
                <c:pt idx="6898">
                  <c:v>9158.58</c:v>
                </c:pt>
                <c:pt idx="6899">
                  <c:v>8772.76</c:v>
                </c:pt>
                <c:pt idx="6900">
                  <c:v>8601.94</c:v>
                </c:pt>
                <c:pt idx="6901">
                  <c:v>8129.94</c:v>
                </c:pt>
                <c:pt idx="6902">
                  <c:v>8013.61</c:v>
                </c:pt>
                <c:pt idx="6903">
                  <c:v>7972.67</c:v>
                </c:pt>
                <c:pt idx="6904">
                  <c:v>7781.49</c:v>
                </c:pt>
                <c:pt idx="6905">
                  <c:v>7691.5</c:v>
                </c:pt>
                <c:pt idx="6906">
                  <c:v>7614.58</c:v>
                </c:pt>
                <c:pt idx="6907">
                  <c:v>7595.46</c:v>
                </c:pt>
                <c:pt idx="6908">
                  <c:v>11527.2</c:v>
                </c:pt>
                <c:pt idx="6909">
                  <c:v>10776.6</c:v>
                </c:pt>
                <c:pt idx="6910">
                  <c:v>10341.700000000001</c:v>
                </c:pt>
                <c:pt idx="6911">
                  <c:v>9953.9699999999993</c:v>
                </c:pt>
                <c:pt idx="6912">
                  <c:v>9848.14</c:v>
                </c:pt>
                <c:pt idx="6913">
                  <c:v>9616.2900000000009</c:v>
                </c:pt>
                <c:pt idx="6914">
                  <c:v>9462.81</c:v>
                </c:pt>
                <c:pt idx="6915">
                  <c:v>9413.7099999999991</c:v>
                </c:pt>
                <c:pt idx="6916">
                  <c:v>9293.43</c:v>
                </c:pt>
                <c:pt idx="6917">
                  <c:v>9169.76</c:v>
                </c:pt>
                <c:pt idx="6918">
                  <c:v>9086.4</c:v>
                </c:pt>
                <c:pt idx="6919">
                  <c:v>13293.7</c:v>
                </c:pt>
                <c:pt idx="6920">
                  <c:v>12468.6</c:v>
                </c:pt>
                <c:pt idx="6921">
                  <c:v>12026</c:v>
                </c:pt>
                <c:pt idx="6922">
                  <c:v>11594.2</c:v>
                </c:pt>
                <c:pt idx="6923">
                  <c:v>11300.1</c:v>
                </c:pt>
                <c:pt idx="6924">
                  <c:v>11092.4</c:v>
                </c:pt>
                <c:pt idx="6925">
                  <c:v>11098.2</c:v>
                </c:pt>
                <c:pt idx="6926">
                  <c:v>10943</c:v>
                </c:pt>
                <c:pt idx="6927">
                  <c:v>10841.4</c:v>
                </c:pt>
                <c:pt idx="6928">
                  <c:v>10815.6</c:v>
                </c:pt>
                <c:pt idx="6929">
                  <c:v>10630.8</c:v>
                </c:pt>
                <c:pt idx="6930">
                  <c:v>14626</c:v>
                </c:pt>
                <c:pt idx="6931">
                  <c:v>14030.8</c:v>
                </c:pt>
                <c:pt idx="6932">
                  <c:v>13566.8</c:v>
                </c:pt>
                <c:pt idx="6933">
                  <c:v>13064</c:v>
                </c:pt>
                <c:pt idx="6934">
                  <c:v>12903.7</c:v>
                </c:pt>
                <c:pt idx="6935">
                  <c:v>12636.9</c:v>
                </c:pt>
                <c:pt idx="6936">
                  <c:v>12541.1</c:v>
                </c:pt>
                <c:pt idx="6937">
                  <c:v>12546.9</c:v>
                </c:pt>
                <c:pt idx="6938">
                  <c:v>12414.9</c:v>
                </c:pt>
                <c:pt idx="6939">
                  <c:v>12249.5</c:v>
                </c:pt>
                <c:pt idx="6940">
                  <c:v>12208.2</c:v>
                </c:pt>
                <c:pt idx="6941">
                  <c:v>16376.1</c:v>
                </c:pt>
                <c:pt idx="6942">
                  <c:v>15609.8</c:v>
                </c:pt>
                <c:pt idx="6943">
                  <c:v>14954.6</c:v>
                </c:pt>
                <c:pt idx="6944">
                  <c:v>14645</c:v>
                </c:pt>
                <c:pt idx="6945">
                  <c:v>14453</c:v>
                </c:pt>
                <c:pt idx="6946">
                  <c:v>14202.8</c:v>
                </c:pt>
                <c:pt idx="6947">
                  <c:v>14196.1</c:v>
                </c:pt>
                <c:pt idx="6948">
                  <c:v>13962.5</c:v>
                </c:pt>
                <c:pt idx="6949">
                  <c:v>13881.9</c:v>
                </c:pt>
                <c:pt idx="6950">
                  <c:v>13876.5</c:v>
                </c:pt>
                <c:pt idx="6951">
                  <c:v>13718.2</c:v>
                </c:pt>
                <c:pt idx="6952">
                  <c:v>17897.5</c:v>
                </c:pt>
                <c:pt idx="6953">
                  <c:v>17153.8</c:v>
                </c:pt>
                <c:pt idx="6954">
                  <c:v>16601.3</c:v>
                </c:pt>
                <c:pt idx="6955">
                  <c:v>16203.3</c:v>
                </c:pt>
                <c:pt idx="6956">
                  <c:v>15950.9</c:v>
                </c:pt>
                <c:pt idx="6957">
                  <c:v>15744.1</c:v>
                </c:pt>
                <c:pt idx="6958">
                  <c:v>15666.9</c:v>
                </c:pt>
                <c:pt idx="6959">
                  <c:v>15637.2</c:v>
                </c:pt>
                <c:pt idx="6960">
                  <c:v>15432.1</c:v>
                </c:pt>
                <c:pt idx="6961">
                  <c:v>15407</c:v>
                </c:pt>
                <c:pt idx="6962">
                  <c:v>15306.5</c:v>
                </c:pt>
                <c:pt idx="6963">
                  <c:v>19266.5</c:v>
                </c:pt>
                <c:pt idx="6964">
                  <c:v>18734.599999999999</c:v>
                </c:pt>
                <c:pt idx="6965">
                  <c:v>18167.400000000001</c:v>
                </c:pt>
                <c:pt idx="6966">
                  <c:v>17776.099999999999</c:v>
                </c:pt>
                <c:pt idx="6967">
                  <c:v>17506.400000000001</c:v>
                </c:pt>
                <c:pt idx="6968">
                  <c:v>17231.900000000001</c:v>
                </c:pt>
                <c:pt idx="6969">
                  <c:v>17325.5</c:v>
                </c:pt>
                <c:pt idx="6970">
                  <c:v>17137.099999999999</c:v>
                </c:pt>
                <c:pt idx="6971">
                  <c:v>17024.5</c:v>
                </c:pt>
                <c:pt idx="6972">
                  <c:v>16931.7</c:v>
                </c:pt>
                <c:pt idx="6973">
                  <c:v>16805.400000000001</c:v>
                </c:pt>
                <c:pt idx="6974">
                  <c:v>20968.400000000001</c:v>
                </c:pt>
                <c:pt idx="6975">
                  <c:v>20052.3</c:v>
                </c:pt>
                <c:pt idx="6976">
                  <c:v>19672</c:v>
                </c:pt>
                <c:pt idx="6977">
                  <c:v>19383.900000000001</c:v>
                </c:pt>
                <c:pt idx="6978">
                  <c:v>19017.599999999999</c:v>
                </c:pt>
                <c:pt idx="6979">
                  <c:v>18822.599999999999</c:v>
                </c:pt>
                <c:pt idx="6980">
                  <c:v>18883.900000000001</c:v>
                </c:pt>
                <c:pt idx="6981">
                  <c:v>18663.2</c:v>
                </c:pt>
                <c:pt idx="6982">
                  <c:v>18550.900000000001</c:v>
                </c:pt>
                <c:pt idx="6983">
                  <c:v>18465.099999999999</c:v>
                </c:pt>
                <c:pt idx="6984">
                  <c:v>18392.7</c:v>
                </c:pt>
                <c:pt idx="6985">
                  <c:v>22588.6</c:v>
                </c:pt>
                <c:pt idx="6986">
                  <c:v>21766.400000000001</c:v>
                </c:pt>
                <c:pt idx="6987">
                  <c:v>21215.3</c:v>
                </c:pt>
                <c:pt idx="6988">
                  <c:v>20805.900000000001</c:v>
                </c:pt>
                <c:pt idx="6989">
                  <c:v>20554.8</c:v>
                </c:pt>
                <c:pt idx="6990">
                  <c:v>20546</c:v>
                </c:pt>
                <c:pt idx="6991">
                  <c:v>20269.7</c:v>
                </c:pt>
                <c:pt idx="6992">
                  <c:v>20244.099999999999</c:v>
                </c:pt>
                <c:pt idx="6993">
                  <c:v>20161.900000000001</c:v>
                </c:pt>
                <c:pt idx="6994">
                  <c:v>20066.7</c:v>
                </c:pt>
                <c:pt idx="6995">
                  <c:v>19914.099999999999</c:v>
                </c:pt>
                <c:pt idx="6996">
                  <c:v>5503.5</c:v>
                </c:pt>
                <c:pt idx="6997">
                  <c:v>4891.3100000000004</c:v>
                </c:pt>
                <c:pt idx="6998">
                  <c:v>4563.2</c:v>
                </c:pt>
                <c:pt idx="6999">
                  <c:v>4190.95</c:v>
                </c:pt>
                <c:pt idx="7000">
                  <c:v>3994.61</c:v>
                </c:pt>
                <c:pt idx="7001">
                  <c:v>3860.43</c:v>
                </c:pt>
                <c:pt idx="7002">
                  <c:v>3700.3</c:v>
                </c:pt>
                <c:pt idx="7003">
                  <c:v>3574.79</c:v>
                </c:pt>
                <c:pt idx="7004">
                  <c:v>3512.93</c:v>
                </c:pt>
                <c:pt idx="7005">
                  <c:v>3437.92</c:v>
                </c:pt>
                <c:pt idx="7006">
                  <c:v>3393.05</c:v>
                </c:pt>
                <c:pt idx="7007">
                  <c:v>6783.38</c:v>
                </c:pt>
                <c:pt idx="7008">
                  <c:v>6366.27</c:v>
                </c:pt>
                <c:pt idx="7009">
                  <c:v>5802.51</c:v>
                </c:pt>
                <c:pt idx="7010">
                  <c:v>5751.72</c:v>
                </c:pt>
                <c:pt idx="7011">
                  <c:v>5437.08</c:v>
                </c:pt>
                <c:pt idx="7012">
                  <c:v>5173.09</c:v>
                </c:pt>
                <c:pt idx="7013">
                  <c:v>5083.9399999999996</c:v>
                </c:pt>
                <c:pt idx="7014">
                  <c:v>4921.8900000000003</c:v>
                </c:pt>
                <c:pt idx="7015">
                  <c:v>4933.66</c:v>
                </c:pt>
                <c:pt idx="7016">
                  <c:v>4755.97</c:v>
                </c:pt>
                <c:pt idx="7017">
                  <c:v>4690.6000000000004</c:v>
                </c:pt>
                <c:pt idx="7018">
                  <c:v>8807.5499999999993</c:v>
                </c:pt>
                <c:pt idx="7019">
                  <c:v>7833.03</c:v>
                </c:pt>
                <c:pt idx="7020">
                  <c:v>7343.97</c:v>
                </c:pt>
                <c:pt idx="7021">
                  <c:v>7155.34</c:v>
                </c:pt>
                <c:pt idx="7022">
                  <c:v>6882.75</c:v>
                </c:pt>
                <c:pt idx="7023">
                  <c:v>6608.37</c:v>
                </c:pt>
                <c:pt idx="7024">
                  <c:v>6423.46</c:v>
                </c:pt>
                <c:pt idx="7025">
                  <c:v>6409.41</c:v>
                </c:pt>
                <c:pt idx="7026">
                  <c:v>6199.1</c:v>
                </c:pt>
                <c:pt idx="7027">
                  <c:v>6169.64</c:v>
                </c:pt>
                <c:pt idx="7028">
                  <c:v>6172.05</c:v>
                </c:pt>
                <c:pt idx="7029">
                  <c:v>10216.6</c:v>
                </c:pt>
                <c:pt idx="7030">
                  <c:v>9158.58</c:v>
                </c:pt>
                <c:pt idx="7031">
                  <c:v>8778.93</c:v>
                </c:pt>
                <c:pt idx="7032">
                  <c:v>8566.09</c:v>
                </c:pt>
                <c:pt idx="7033">
                  <c:v>8138.3</c:v>
                </c:pt>
                <c:pt idx="7034">
                  <c:v>8013.61</c:v>
                </c:pt>
                <c:pt idx="7035">
                  <c:v>7899.8</c:v>
                </c:pt>
                <c:pt idx="7036">
                  <c:v>7768.41</c:v>
                </c:pt>
                <c:pt idx="7037">
                  <c:v>7677</c:v>
                </c:pt>
                <c:pt idx="7038">
                  <c:v>7599.11</c:v>
                </c:pt>
                <c:pt idx="7039">
                  <c:v>7531.29</c:v>
                </c:pt>
                <c:pt idx="7040">
                  <c:v>11527.2</c:v>
                </c:pt>
                <c:pt idx="7041">
                  <c:v>10776.6</c:v>
                </c:pt>
                <c:pt idx="7042">
                  <c:v>10341.700000000001</c:v>
                </c:pt>
                <c:pt idx="7043">
                  <c:v>9953.9699999999993</c:v>
                </c:pt>
                <c:pt idx="7044">
                  <c:v>9848.14</c:v>
                </c:pt>
                <c:pt idx="7045">
                  <c:v>9616.2900000000009</c:v>
                </c:pt>
                <c:pt idx="7046">
                  <c:v>9462.81</c:v>
                </c:pt>
                <c:pt idx="7047">
                  <c:v>9357.4599999999991</c:v>
                </c:pt>
                <c:pt idx="7048">
                  <c:v>9244.8700000000008</c:v>
                </c:pt>
                <c:pt idx="7049">
                  <c:v>9169.76</c:v>
                </c:pt>
                <c:pt idx="7050">
                  <c:v>9086.4</c:v>
                </c:pt>
                <c:pt idx="7051">
                  <c:v>13293.7</c:v>
                </c:pt>
                <c:pt idx="7052">
                  <c:v>12468.6</c:v>
                </c:pt>
                <c:pt idx="7053">
                  <c:v>12026</c:v>
                </c:pt>
                <c:pt idx="7054">
                  <c:v>11594.2</c:v>
                </c:pt>
                <c:pt idx="7055">
                  <c:v>11300.1</c:v>
                </c:pt>
                <c:pt idx="7056">
                  <c:v>11092.4</c:v>
                </c:pt>
                <c:pt idx="7057">
                  <c:v>11098.2</c:v>
                </c:pt>
                <c:pt idx="7058">
                  <c:v>10914.6</c:v>
                </c:pt>
                <c:pt idx="7059">
                  <c:v>10794.9</c:v>
                </c:pt>
                <c:pt idx="7060">
                  <c:v>10815.6</c:v>
                </c:pt>
                <c:pt idx="7061">
                  <c:v>10623.2</c:v>
                </c:pt>
                <c:pt idx="7062">
                  <c:v>14626</c:v>
                </c:pt>
                <c:pt idx="7063">
                  <c:v>14030.8</c:v>
                </c:pt>
                <c:pt idx="7064">
                  <c:v>13566.8</c:v>
                </c:pt>
                <c:pt idx="7065">
                  <c:v>13064</c:v>
                </c:pt>
                <c:pt idx="7066">
                  <c:v>12893.9</c:v>
                </c:pt>
                <c:pt idx="7067">
                  <c:v>12636.9</c:v>
                </c:pt>
                <c:pt idx="7068">
                  <c:v>12541.1</c:v>
                </c:pt>
                <c:pt idx="7069">
                  <c:v>12546.9</c:v>
                </c:pt>
                <c:pt idx="7070">
                  <c:v>12414.9</c:v>
                </c:pt>
                <c:pt idx="7071">
                  <c:v>12246.1</c:v>
                </c:pt>
                <c:pt idx="7072">
                  <c:v>12181.9</c:v>
                </c:pt>
                <c:pt idx="7073">
                  <c:v>16376.1</c:v>
                </c:pt>
                <c:pt idx="7074">
                  <c:v>15609.8</c:v>
                </c:pt>
                <c:pt idx="7075">
                  <c:v>14954.6</c:v>
                </c:pt>
                <c:pt idx="7076">
                  <c:v>14645</c:v>
                </c:pt>
                <c:pt idx="7077">
                  <c:v>14453</c:v>
                </c:pt>
                <c:pt idx="7078">
                  <c:v>14202.8</c:v>
                </c:pt>
                <c:pt idx="7079">
                  <c:v>14166.7</c:v>
                </c:pt>
                <c:pt idx="7080">
                  <c:v>13957</c:v>
                </c:pt>
                <c:pt idx="7081">
                  <c:v>13881.9</c:v>
                </c:pt>
                <c:pt idx="7082">
                  <c:v>13848.8</c:v>
                </c:pt>
                <c:pt idx="7083">
                  <c:v>13766</c:v>
                </c:pt>
                <c:pt idx="7084">
                  <c:v>17897.5</c:v>
                </c:pt>
                <c:pt idx="7085">
                  <c:v>17137.2</c:v>
                </c:pt>
                <c:pt idx="7086">
                  <c:v>16552.2</c:v>
                </c:pt>
                <c:pt idx="7087">
                  <c:v>16163.9</c:v>
                </c:pt>
                <c:pt idx="7088">
                  <c:v>15969.4</c:v>
                </c:pt>
                <c:pt idx="7089">
                  <c:v>15721</c:v>
                </c:pt>
                <c:pt idx="7090">
                  <c:v>15649.9</c:v>
                </c:pt>
                <c:pt idx="7091">
                  <c:v>15644.1</c:v>
                </c:pt>
                <c:pt idx="7092">
                  <c:v>15435.4</c:v>
                </c:pt>
                <c:pt idx="7093">
                  <c:v>15407</c:v>
                </c:pt>
                <c:pt idx="7094">
                  <c:v>15265.3</c:v>
                </c:pt>
                <c:pt idx="7095">
                  <c:v>19266.5</c:v>
                </c:pt>
                <c:pt idx="7096">
                  <c:v>18495.2</c:v>
                </c:pt>
                <c:pt idx="7097">
                  <c:v>18173.3</c:v>
                </c:pt>
                <c:pt idx="7098">
                  <c:v>17751.900000000001</c:v>
                </c:pt>
                <c:pt idx="7099">
                  <c:v>17529</c:v>
                </c:pt>
                <c:pt idx="7100">
                  <c:v>17342.599999999999</c:v>
                </c:pt>
                <c:pt idx="7101">
                  <c:v>17329.3</c:v>
                </c:pt>
                <c:pt idx="7102">
                  <c:v>17126.7</c:v>
                </c:pt>
                <c:pt idx="7103">
                  <c:v>17004.7</c:v>
                </c:pt>
                <c:pt idx="7104">
                  <c:v>16931.7</c:v>
                </c:pt>
                <c:pt idx="7105">
                  <c:v>16850.099999999999</c:v>
                </c:pt>
                <c:pt idx="7106">
                  <c:v>20968.400000000001</c:v>
                </c:pt>
                <c:pt idx="7107">
                  <c:v>20052.3</c:v>
                </c:pt>
                <c:pt idx="7108">
                  <c:v>19672</c:v>
                </c:pt>
                <c:pt idx="7109">
                  <c:v>19383.900000000001</c:v>
                </c:pt>
                <c:pt idx="7110">
                  <c:v>19021.900000000001</c:v>
                </c:pt>
                <c:pt idx="7111">
                  <c:v>18829.8</c:v>
                </c:pt>
                <c:pt idx="7112">
                  <c:v>18883.900000000001</c:v>
                </c:pt>
                <c:pt idx="7113">
                  <c:v>18597.2</c:v>
                </c:pt>
                <c:pt idx="7114">
                  <c:v>18619.599999999999</c:v>
                </c:pt>
                <c:pt idx="7115">
                  <c:v>18501.599999999999</c:v>
                </c:pt>
                <c:pt idx="7116">
                  <c:v>18436.8</c:v>
                </c:pt>
                <c:pt idx="7117">
                  <c:v>22588.6</c:v>
                </c:pt>
                <c:pt idx="7118">
                  <c:v>21706.3</c:v>
                </c:pt>
                <c:pt idx="7119">
                  <c:v>21237.200000000001</c:v>
                </c:pt>
                <c:pt idx="7120">
                  <c:v>20845.7</c:v>
                </c:pt>
                <c:pt idx="7121">
                  <c:v>20553.7</c:v>
                </c:pt>
                <c:pt idx="7122">
                  <c:v>20467.3</c:v>
                </c:pt>
                <c:pt idx="7123">
                  <c:v>20319.900000000001</c:v>
                </c:pt>
                <c:pt idx="7124">
                  <c:v>20188.099999999999</c:v>
                </c:pt>
                <c:pt idx="7125">
                  <c:v>20054.7</c:v>
                </c:pt>
                <c:pt idx="7126">
                  <c:v>20050.8</c:v>
                </c:pt>
                <c:pt idx="7127">
                  <c:v>19988.599999999999</c:v>
                </c:pt>
                <c:pt idx="7128">
                  <c:v>5503.5</c:v>
                </c:pt>
                <c:pt idx="7129">
                  <c:v>4891.3100000000004</c:v>
                </c:pt>
                <c:pt idx="7130">
                  <c:v>4563.2</c:v>
                </c:pt>
                <c:pt idx="7131">
                  <c:v>4219.84</c:v>
                </c:pt>
                <c:pt idx="7132">
                  <c:v>4000.42</c:v>
                </c:pt>
                <c:pt idx="7133">
                  <c:v>3810.46</c:v>
                </c:pt>
                <c:pt idx="7134">
                  <c:v>3652.95</c:v>
                </c:pt>
                <c:pt idx="7135">
                  <c:v>3542.77</c:v>
                </c:pt>
                <c:pt idx="7136">
                  <c:v>3463.7</c:v>
                </c:pt>
                <c:pt idx="7137">
                  <c:v>3394.12</c:v>
                </c:pt>
                <c:pt idx="7138">
                  <c:v>3323.32</c:v>
                </c:pt>
                <c:pt idx="7139">
                  <c:v>6783.38</c:v>
                </c:pt>
                <c:pt idx="7140">
                  <c:v>6366.27</c:v>
                </c:pt>
                <c:pt idx="7141">
                  <c:v>5802.51</c:v>
                </c:pt>
                <c:pt idx="7142">
                  <c:v>5751.72</c:v>
                </c:pt>
                <c:pt idx="7143">
                  <c:v>5437.08</c:v>
                </c:pt>
                <c:pt idx="7144">
                  <c:v>5173.09</c:v>
                </c:pt>
                <c:pt idx="7145">
                  <c:v>5083.9399999999996</c:v>
                </c:pt>
                <c:pt idx="7146">
                  <c:v>4921.8900000000003</c:v>
                </c:pt>
                <c:pt idx="7147">
                  <c:v>4919.6899999999996</c:v>
                </c:pt>
                <c:pt idx="7148">
                  <c:v>4829.01</c:v>
                </c:pt>
                <c:pt idx="7149">
                  <c:v>4690.6000000000004</c:v>
                </c:pt>
                <c:pt idx="7150">
                  <c:v>8807.5499999999993</c:v>
                </c:pt>
                <c:pt idx="7151">
                  <c:v>7833.03</c:v>
                </c:pt>
                <c:pt idx="7152">
                  <c:v>7343.97</c:v>
                </c:pt>
                <c:pt idx="7153">
                  <c:v>7155.34</c:v>
                </c:pt>
                <c:pt idx="7154">
                  <c:v>6882.75</c:v>
                </c:pt>
                <c:pt idx="7155">
                  <c:v>6608.37</c:v>
                </c:pt>
                <c:pt idx="7156">
                  <c:v>6544.61</c:v>
                </c:pt>
                <c:pt idx="7157">
                  <c:v>6355.26</c:v>
                </c:pt>
                <c:pt idx="7158">
                  <c:v>6199.1</c:v>
                </c:pt>
                <c:pt idx="7159">
                  <c:v>6169.64</c:v>
                </c:pt>
                <c:pt idx="7160">
                  <c:v>6172.05</c:v>
                </c:pt>
                <c:pt idx="7161">
                  <c:v>10216.6</c:v>
                </c:pt>
                <c:pt idx="7162">
                  <c:v>9158.58</c:v>
                </c:pt>
                <c:pt idx="7163">
                  <c:v>8761.01</c:v>
                </c:pt>
                <c:pt idx="7164">
                  <c:v>8516.19</c:v>
                </c:pt>
                <c:pt idx="7165">
                  <c:v>8171.82</c:v>
                </c:pt>
                <c:pt idx="7166">
                  <c:v>8013.61</c:v>
                </c:pt>
                <c:pt idx="7167">
                  <c:v>8013.96</c:v>
                </c:pt>
                <c:pt idx="7168">
                  <c:v>7779.72</c:v>
                </c:pt>
                <c:pt idx="7169">
                  <c:v>7666.02</c:v>
                </c:pt>
                <c:pt idx="7170">
                  <c:v>7587.09</c:v>
                </c:pt>
                <c:pt idx="7171">
                  <c:v>7518.55</c:v>
                </c:pt>
                <c:pt idx="7172">
                  <c:v>11527.2</c:v>
                </c:pt>
                <c:pt idx="7173">
                  <c:v>10776.6</c:v>
                </c:pt>
                <c:pt idx="7174">
                  <c:v>10341.700000000001</c:v>
                </c:pt>
                <c:pt idx="7175">
                  <c:v>9953.9699999999993</c:v>
                </c:pt>
                <c:pt idx="7176">
                  <c:v>9848.14</c:v>
                </c:pt>
                <c:pt idx="7177">
                  <c:v>9616.2900000000009</c:v>
                </c:pt>
                <c:pt idx="7178">
                  <c:v>9462.81</c:v>
                </c:pt>
                <c:pt idx="7179">
                  <c:v>9347.9699999999993</c:v>
                </c:pt>
                <c:pt idx="7180">
                  <c:v>9232.41</c:v>
                </c:pt>
                <c:pt idx="7181">
                  <c:v>9169.76</c:v>
                </c:pt>
                <c:pt idx="7182">
                  <c:v>9086.4</c:v>
                </c:pt>
                <c:pt idx="7183">
                  <c:v>13293.7</c:v>
                </c:pt>
                <c:pt idx="7184">
                  <c:v>12468.6</c:v>
                </c:pt>
                <c:pt idx="7185">
                  <c:v>12026</c:v>
                </c:pt>
                <c:pt idx="7186">
                  <c:v>11594.2</c:v>
                </c:pt>
                <c:pt idx="7187">
                  <c:v>11300.1</c:v>
                </c:pt>
                <c:pt idx="7188">
                  <c:v>11092.4</c:v>
                </c:pt>
                <c:pt idx="7189">
                  <c:v>11098.2</c:v>
                </c:pt>
                <c:pt idx="7190">
                  <c:v>10889.9</c:v>
                </c:pt>
                <c:pt idx="7191">
                  <c:v>10780.7</c:v>
                </c:pt>
                <c:pt idx="7192">
                  <c:v>10815.6</c:v>
                </c:pt>
                <c:pt idx="7193">
                  <c:v>10623.2</c:v>
                </c:pt>
                <c:pt idx="7194">
                  <c:v>14626</c:v>
                </c:pt>
                <c:pt idx="7195">
                  <c:v>14030.8</c:v>
                </c:pt>
                <c:pt idx="7196">
                  <c:v>13566.8</c:v>
                </c:pt>
                <c:pt idx="7197">
                  <c:v>13064</c:v>
                </c:pt>
                <c:pt idx="7198">
                  <c:v>12893.9</c:v>
                </c:pt>
                <c:pt idx="7199">
                  <c:v>12636.9</c:v>
                </c:pt>
                <c:pt idx="7200">
                  <c:v>12541.1</c:v>
                </c:pt>
                <c:pt idx="7201">
                  <c:v>12546.9</c:v>
                </c:pt>
                <c:pt idx="7202">
                  <c:v>12355.4</c:v>
                </c:pt>
                <c:pt idx="7203">
                  <c:v>12246.1</c:v>
                </c:pt>
                <c:pt idx="7204">
                  <c:v>12181.9</c:v>
                </c:pt>
                <c:pt idx="7205">
                  <c:v>16376.1</c:v>
                </c:pt>
                <c:pt idx="7206">
                  <c:v>15609.8</c:v>
                </c:pt>
                <c:pt idx="7207">
                  <c:v>14954.6</c:v>
                </c:pt>
                <c:pt idx="7208">
                  <c:v>14645</c:v>
                </c:pt>
                <c:pt idx="7209">
                  <c:v>14453</c:v>
                </c:pt>
                <c:pt idx="7210">
                  <c:v>14202.8</c:v>
                </c:pt>
                <c:pt idx="7211">
                  <c:v>14186.2</c:v>
                </c:pt>
                <c:pt idx="7212">
                  <c:v>13959.2</c:v>
                </c:pt>
                <c:pt idx="7213">
                  <c:v>13881.9</c:v>
                </c:pt>
                <c:pt idx="7214">
                  <c:v>13832.2</c:v>
                </c:pt>
                <c:pt idx="7215">
                  <c:v>13763</c:v>
                </c:pt>
                <c:pt idx="7216">
                  <c:v>17897.5</c:v>
                </c:pt>
                <c:pt idx="7217">
                  <c:v>17137.2</c:v>
                </c:pt>
                <c:pt idx="7218">
                  <c:v>16521.400000000001</c:v>
                </c:pt>
                <c:pt idx="7219">
                  <c:v>16150.5</c:v>
                </c:pt>
                <c:pt idx="7220">
                  <c:v>15969.4</c:v>
                </c:pt>
                <c:pt idx="7221">
                  <c:v>15721</c:v>
                </c:pt>
                <c:pt idx="7222">
                  <c:v>15636.6</c:v>
                </c:pt>
                <c:pt idx="7223">
                  <c:v>15588.1</c:v>
                </c:pt>
                <c:pt idx="7224">
                  <c:v>15438.5</c:v>
                </c:pt>
                <c:pt idx="7225">
                  <c:v>15351.9</c:v>
                </c:pt>
                <c:pt idx="7226">
                  <c:v>15244.4</c:v>
                </c:pt>
                <c:pt idx="7227">
                  <c:v>19266.5</c:v>
                </c:pt>
                <c:pt idx="7228">
                  <c:v>18424.400000000001</c:v>
                </c:pt>
                <c:pt idx="7229">
                  <c:v>18179</c:v>
                </c:pt>
                <c:pt idx="7230">
                  <c:v>17732.400000000001</c:v>
                </c:pt>
                <c:pt idx="7231">
                  <c:v>17487.900000000001</c:v>
                </c:pt>
                <c:pt idx="7232">
                  <c:v>17305.5</c:v>
                </c:pt>
                <c:pt idx="7233">
                  <c:v>17262.3</c:v>
                </c:pt>
                <c:pt idx="7234">
                  <c:v>17129.900000000001</c:v>
                </c:pt>
                <c:pt idx="7235">
                  <c:v>17004.7</c:v>
                </c:pt>
                <c:pt idx="7236">
                  <c:v>16875.8</c:v>
                </c:pt>
                <c:pt idx="7237">
                  <c:v>16850.099999999999</c:v>
                </c:pt>
                <c:pt idx="7238">
                  <c:v>20968.400000000001</c:v>
                </c:pt>
                <c:pt idx="7239">
                  <c:v>20052.3</c:v>
                </c:pt>
                <c:pt idx="7240">
                  <c:v>19672</c:v>
                </c:pt>
                <c:pt idx="7241">
                  <c:v>19383.900000000001</c:v>
                </c:pt>
                <c:pt idx="7242">
                  <c:v>19026</c:v>
                </c:pt>
                <c:pt idx="7243">
                  <c:v>18837.2</c:v>
                </c:pt>
                <c:pt idx="7244">
                  <c:v>18813.5</c:v>
                </c:pt>
                <c:pt idx="7245">
                  <c:v>18597.2</c:v>
                </c:pt>
                <c:pt idx="7246">
                  <c:v>18541.5</c:v>
                </c:pt>
                <c:pt idx="7247">
                  <c:v>18486.5</c:v>
                </c:pt>
                <c:pt idx="7248">
                  <c:v>18391.7</c:v>
                </c:pt>
                <c:pt idx="7249">
                  <c:v>22588.6</c:v>
                </c:pt>
                <c:pt idx="7250">
                  <c:v>21681.3</c:v>
                </c:pt>
                <c:pt idx="7251">
                  <c:v>21183.9</c:v>
                </c:pt>
                <c:pt idx="7252">
                  <c:v>20760.7</c:v>
                </c:pt>
                <c:pt idx="7253">
                  <c:v>20553.7</c:v>
                </c:pt>
                <c:pt idx="7254">
                  <c:v>20467.3</c:v>
                </c:pt>
                <c:pt idx="7255">
                  <c:v>20408.2</c:v>
                </c:pt>
                <c:pt idx="7256">
                  <c:v>20145.7</c:v>
                </c:pt>
                <c:pt idx="7257">
                  <c:v>20144</c:v>
                </c:pt>
                <c:pt idx="7258">
                  <c:v>19981.599999999999</c:v>
                </c:pt>
                <c:pt idx="7259">
                  <c:v>19985.900000000001</c:v>
                </c:pt>
                <c:pt idx="7260">
                  <c:v>5503.5</c:v>
                </c:pt>
                <c:pt idx="7261">
                  <c:v>4891.3100000000004</c:v>
                </c:pt>
                <c:pt idx="7262">
                  <c:v>4563.2</c:v>
                </c:pt>
                <c:pt idx="7263">
                  <c:v>4220.66</c:v>
                </c:pt>
                <c:pt idx="7264">
                  <c:v>4003.73</c:v>
                </c:pt>
                <c:pt idx="7265">
                  <c:v>3815.01</c:v>
                </c:pt>
                <c:pt idx="7266">
                  <c:v>3670.61</c:v>
                </c:pt>
                <c:pt idx="7267">
                  <c:v>3542.59</c:v>
                </c:pt>
                <c:pt idx="7268">
                  <c:v>3437.66</c:v>
                </c:pt>
                <c:pt idx="7269">
                  <c:v>3352.66</c:v>
                </c:pt>
                <c:pt idx="7270">
                  <c:v>3309.76</c:v>
                </c:pt>
                <c:pt idx="7271">
                  <c:v>6783.38</c:v>
                </c:pt>
                <c:pt idx="7272">
                  <c:v>6366.27</c:v>
                </c:pt>
                <c:pt idx="7273">
                  <c:v>5802.51</c:v>
                </c:pt>
                <c:pt idx="7274">
                  <c:v>5751.72</c:v>
                </c:pt>
                <c:pt idx="7275">
                  <c:v>5437.08</c:v>
                </c:pt>
                <c:pt idx="7276">
                  <c:v>5173.09</c:v>
                </c:pt>
                <c:pt idx="7277">
                  <c:v>5083.9399999999996</c:v>
                </c:pt>
                <c:pt idx="7278">
                  <c:v>4921.8900000000003</c:v>
                </c:pt>
                <c:pt idx="7279">
                  <c:v>4918.99</c:v>
                </c:pt>
                <c:pt idx="7280">
                  <c:v>4815.91</c:v>
                </c:pt>
                <c:pt idx="7281">
                  <c:v>4690.6000000000004</c:v>
                </c:pt>
                <c:pt idx="7282">
                  <c:v>8807.5499999999993</c:v>
                </c:pt>
                <c:pt idx="7283">
                  <c:v>7833.03</c:v>
                </c:pt>
                <c:pt idx="7284">
                  <c:v>7343.97</c:v>
                </c:pt>
                <c:pt idx="7285">
                  <c:v>7155.34</c:v>
                </c:pt>
                <c:pt idx="7286">
                  <c:v>6882.75</c:v>
                </c:pt>
                <c:pt idx="7287">
                  <c:v>6608.37</c:v>
                </c:pt>
                <c:pt idx="7288">
                  <c:v>6544.61</c:v>
                </c:pt>
                <c:pt idx="7289">
                  <c:v>6340.51</c:v>
                </c:pt>
                <c:pt idx="7290">
                  <c:v>6199.1</c:v>
                </c:pt>
                <c:pt idx="7291">
                  <c:v>6169.64</c:v>
                </c:pt>
                <c:pt idx="7292">
                  <c:v>6172.05</c:v>
                </c:pt>
                <c:pt idx="7293">
                  <c:v>10216.6</c:v>
                </c:pt>
                <c:pt idx="7294">
                  <c:v>9158.58</c:v>
                </c:pt>
                <c:pt idx="7295">
                  <c:v>8761.01</c:v>
                </c:pt>
                <c:pt idx="7296">
                  <c:v>8475.35</c:v>
                </c:pt>
                <c:pt idx="7297">
                  <c:v>8198.2900000000009</c:v>
                </c:pt>
                <c:pt idx="7298">
                  <c:v>8013.61</c:v>
                </c:pt>
                <c:pt idx="7299">
                  <c:v>7983.98</c:v>
                </c:pt>
                <c:pt idx="7300">
                  <c:v>7884.26</c:v>
                </c:pt>
                <c:pt idx="7301">
                  <c:v>7678.39</c:v>
                </c:pt>
                <c:pt idx="7302">
                  <c:v>7577.77</c:v>
                </c:pt>
                <c:pt idx="7303">
                  <c:v>7508.45</c:v>
                </c:pt>
                <c:pt idx="7304">
                  <c:v>11527.2</c:v>
                </c:pt>
                <c:pt idx="7305">
                  <c:v>10776.6</c:v>
                </c:pt>
                <c:pt idx="7306">
                  <c:v>10341.700000000001</c:v>
                </c:pt>
                <c:pt idx="7307">
                  <c:v>9953.9699999999993</c:v>
                </c:pt>
                <c:pt idx="7308">
                  <c:v>9848.14</c:v>
                </c:pt>
                <c:pt idx="7309">
                  <c:v>9616.2900000000009</c:v>
                </c:pt>
                <c:pt idx="7310">
                  <c:v>9462.81</c:v>
                </c:pt>
                <c:pt idx="7311">
                  <c:v>9347.9699999999993</c:v>
                </c:pt>
                <c:pt idx="7312">
                  <c:v>9232.41</c:v>
                </c:pt>
                <c:pt idx="7313">
                  <c:v>9169.76</c:v>
                </c:pt>
                <c:pt idx="7314">
                  <c:v>9086.4</c:v>
                </c:pt>
                <c:pt idx="7315">
                  <c:v>13293.7</c:v>
                </c:pt>
                <c:pt idx="7316">
                  <c:v>12468.6</c:v>
                </c:pt>
                <c:pt idx="7317">
                  <c:v>12026</c:v>
                </c:pt>
                <c:pt idx="7318">
                  <c:v>11594.2</c:v>
                </c:pt>
                <c:pt idx="7319">
                  <c:v>11300.1</c:v>
                </c:pt>
                <c:pt idx="7320">
                  <c:v>11092.4</c:v>
                </c:pt>
                <c:pt idx="7321">
                  <c:v>11098.2</c:v>
                </c:pt>
                <c:pt idx="7322">
                  <c:v>10877.3</c:v>
                </c:pt>
                <c:pt idx="7323">
                  <c:v>10780.7</c:v>
                </c:pt>
                <c:pt idx="7324">
                  <c:v>10761.6</c:v>
                </c:pt>
                <c:pt idx="7325">
                  <c:v>10623.2</c:v>
                </c:pt>
                <c:pt idx="7326">
                  <c:v>14626</c:v>
                </c:pt>
                <c:pt idx="7327">
                  <c:v>14030.8</c:v>
                </c:pt>
                <c:pt idx="7328">
                  <c:v>13566.8</c:v>
                </c:pt>
                <c:pt idx="7329">
                  <c:v>13064</c:v>
                </c:pt>
                <c:pt idx="7330">
                  <c:v>12893.9</c:v>
                </c:pt>
                <c:pt idx="7331">
                  <c:v>12636.9</c:v>
                </c:pt>
                <c:pt idx="7332">
                  <c:v>12541.1</c:v>
                </c:pt>
                <c:pt idx="7333">
                  <c:v>12546.9</c:v>
                </c:pt>
                <c:pt idx="7334">
                  <c:v>12355.4</c:v>
                </c:pt>
                <c:pt idx="7335">
                  <c:v>12246.1</c:v>
                </c:pt>
                <c:pt idx="7336">
                  <c:v>12181.9</c:v>
                </c:pt>
                <c:pt idx="7337">
                  <c:v>16376.1</c:v>
                </c:pt>
                <c:pt idx="7338">
                  <c:v>15609.8</c:v>
                </c:pt>
                <c:pt idx="7339">
                  <c:v>14954.6</c:v>
                </c:pt>
                <c:pt idx="7340">
                  <c:v>14645</c:v>
                </c:pt>
                <c:pt idx="7341">
                  <c:v>14453</c:v>
                </c:pt>
                <c:pt idx="7342">
                  <c:v>14202.8</c:v>
                </c:pt>
                <c:pt idx="7343">
                  <c:v>14159.9</c:v>
                </c:pt>
                <c:pt idx="7344">
                  <c:v>13961.3</c:v>
                </c:pt>
                <c:pt idx="7345">
                  <c:v>13881.9</c:v>
                </c:pt>
                <c:pt idx="7346">
                  <c:v>13804.8</c:v>
                </c:pt>
                <c:pt idx="7347">
                  <c:v>13763</c:v>
                </c:pt>
                <c:pt idx="7348">
                  <c:v>17897.5</c:v>
                </c:pt>
                <c:pt idx="7349">
                  <c:v>17137.2</c:v>
                </c:pt>
                <c:pt idx="7350">
                  <c:v>16502.900000000001</c:v>
                </c:pt>
                <c:pt idx="7351">
                  <c:v>16150.5</c:v>
                </c:pt>
                <c:pt idx="7352">
                  <c:v>15969.4</c:v>
                </c:pt>
                <c:pt idx="7353">
                  <c:v>15721</c:v>
                </c:pt>
                <c:pt idx="7354">
                  <c:v>15751.8</c:v>
                </c:pt>
                <c:pt idx="7355">
                  <c:v>15604.7</c:v>
                </c:pt>
                <c:pt idx="7356">
                  <c:v>15441.6</c:v>
                </c:pt>
                <c:pt idx="7357">
                  <c:v>15351.9</c:v>
                </c:pt>
                <c:pt idx="7358">
                  <c:v>15327.1</c:v>
                </c:pt>
                <c:pt idx="7359">
                  <c:v>19266.5</c:v>
                </c:pt>
                <c:pt idx="7360">
                  <c:v>18665.7</c:v>
                </c:pt>
                <c:pt idx="7361">
                  <c:v>18224.5</c:v>
                </c:pt>
                <c:pt idx="7362">
                  <c:v>17754.099999999999</c:v>
                </c:pt>
                <c:pt idx="7363">
                  <c:v>17454</c:v>
                </c:pt>
                <c:pt idx="7364">
                  <c:v>17289.2</c:v>
                </c:pt>
                <c:pt idx="7365">
                  <c:v>17266.099999999999</c:v>
                </c:pt>
                <c:pt idx="7366">
                  <c:v>17133</c:v>
                </c:pt>
                <c:pt idx="7367">
                  <c:v>17004.7</c:v>
                </c:pt>
                <c:pt idx="7368">
                  <c:v>16875.8</c:v>
                </c:pt>
                <c:pt idx="7369">
                  <c:v>16850.099999999999</c:v>
                </c:pt>
                <c:pt idx="7370">
                  <c:v>20968.400000000001</c:v>
                </c:pt>
                <c:pt idx="7371">
                  <c:v>20052.3</c:v>
                </c:pt>
                <c:pt idx="7372">
                  <c:v>19672</c:v>
                </c:pt>
                <c:pt idx="7373">
                  <c:v>19383.900000000001</c:v>
                </c:pt>
                <c:pt idx="7374">
                  <c:v>19030</c:v>
                </c:pt>
                <c:pt idx="7375">
                  <c:v>18844.599999999999</c:v>
                </c:pt>
                <c:pt idx="7376">
                  <c:v>18813.5</c:v>
                </c:pt>
                <c:pt idx="7377">
                  <c:v>18597.2</c:v>
                </c:pt>
                <c:pt idx="7378">
                  <c:v>18604.599999999999</c:v>
                </c:pt>
                <c:pt idx="7379">
                  <c:v>18426.7</c:v>
                </c:pt>
                <c:pt idx="7380">
                  <c:v>18396.900000000001</c:v>
                </c:pt>
                <c:pt idx="7381">
                  <c:v>22588.6</c:v>
                </c:pt>
                <c:pt idx="7382">
                  <c:v>21681.3</c:v>
                </c:pt>
                <c:pt idx="7383">
                  <c:v>21140</c:v>
                </c:pt>
                <c:pt idx="7384">
                  <c:v>20911.900000000001</c:v>
                </c:pt>
                <c:pt idx="7385">
                  <c:v>20553.7</c:v>
                </c:pt>
                <c:pt idx="7386">
                  <c:v>20467.3</c:v>
                </c:pt>
                <c:pt idx="7387">
                  <c:v>20330.400000000001</c:v>
                </c:pt>
                <c:pt idx="7388">
                  <c:v>20223.400000000001</c:v>
                </c:pt>
                <c:pt idx="7389">
                  <c:v>20103.3</c:v>
                </c:pt>
                <c:pt idx="7390">
                  <c:v>20066.7</c:v>
                </c:pt>
                <c:pt idx="7391">
                  <c:v>19973</c:v>
                </c:pt>
                <c:pt idx="7392">
                  <c:v>5503.5</c:v>
                </c:pt>
                <c:pt idx="7393">
                  <c:v>4891.3100000000004</c:v>
                </c:pt>
                <c:pt idx="7394">
                  <c:v>4563.2</c:v>
                </c:pt>
                <c:pt idx="7395">
                  <c:v>4220.66</c:v>
                </c:pt>
                <c:pt idx="7396">
                  <c:v>4003.73</c:v>
                </c:pt>
                <c:pt idx="7397">
                  <c:v>3817.01</c:v>
                </c:pt>
                <c:pt idx="7398">
                  <c:v>3672.9</c:v>
                </c:pt>
                <c:pt idx="7399">
                  <c:v>3542.59</c:v>
                </c:pt>
                <c:pt idx="7400">
                  <c:v>3437.66</c:v>
                </c:pt>
                <c:pt idx="7401">
                  <c:v>3352.3</c:v>
                </c:pt>
                <c:pt idx="7402">
                  <c:v>3305.16</c:v>
                </c:pt>
                <c:pt idx="7403">
                  <c:v>6783.38</c:v>
                </c:pt>
                <c:pt idx="7404">
                  <c:v>6366.27</c:v>
                </c:pt>
                <c:pt idx="7405">
                  <c:v>5802.51</c:v>
                </c:pt>
                <c:pt idx="7406">
                  <c:v>5751.72</c:v>
                </c:pt>
                <c:pt idx="7407">
                  <c:v>5437.08</c:v>
                </c:pt>
                <c:pt idx="7408">
                  <c:v>5173.09</c:v>
                </c:pt>
                <c:pt idx="7409">
                  <c:v>5083.9399999999996</c:v>
                </c:pt>
                <c:pt idx="7410">
                  <c:v>4921.8900000000003</c:v>
                </c:pt>
                <c:pt idx="7411">
                  <c:v>4918.99</c:v>
                </c:pt>
                <c:pt idx="7412">
                  <c:v>4808.54</c:v>
                </c:pt>
                <c:pt idx="7413">
                  <c:v>4690.6000000000004</c:v>
                </c:pt>
                <c:pt idx="7414">
                  <c:v>8807.5499999999993</c:v>
                </c:pt>
                <c:pt idx="7415">
                  <c:v>7833.03</c:v>
                </c:pt>
                <c:pt idx="7416">
                  <c:v>7343.97</c:v>
                </c:pt>
                <c:pt idx="7417">
                  <c:v>7155.34</c:v>
                </c:pt>
                <c:pt idx="7418">
                  <c:v>6882.75</c:v>
                </c:pt>
                <c:pt idx="7419">
                  <c:v>6608.37</c:v>
                </c:pt>
                <c:pt idx="7420">
                  <c:v>6544.61</c:v>
                </c:pt>
                <c:pt idx="7421">
                  <c:v>6340.51</c:v>
                </c:pt>
                <c:pt idx="7422">
                  <c:v>6199.1</c:v>
                </c:pt>
                <c:pt idx="7423">
                  <c:v>6169.64</c:v>
                </c:pt>
                <c:pt idx="7424">
                  <c:v>6130.87</c:v>
                </c:pt>
                <c:pt idx="7425">
                  <c:v>10216.6</c:v>
                </c:pt>
                <c:pt idx="7426">
                  <c:v>9158.58</c:v>
                </c:pt>
                <c:pt idx="7427">
                  <c:v>8761.01</c:v>
                </c:pt>
                <c:pt idx="7428">
                  <c:v>8479.76</c:v>
                </c:pt>
                <c:pt idx="7429">
                  <c:v>8156.96</c:v>
                </c:pt>
                <c:pt idx="7430">
                  <c:v>8013.61</c:v>
                </c:pt>
                <c:pt idx="7431">
                  <c:v>7978.74</c:v>
                </c:pt>
                <c:pt idx="7432">
                  <c:v>7866.37</c:v>
                </c:pt>
                <c:pt idx="7433">
                  <c:v>7773.99</c:v>
                </c:pt>
                <c:pt idx="7434">
                  <c:v>7591.06</c:v>
                </c:pt>
                <c:pt idx="7435">
                  <c:v>7598.89</c:v>
                </c:pt>
                <c:pt idx="7436">
                  <c:v>11527.2</c:v>
                </c:pt>
                <c:pt idx="7437">
                  <c:v>10776.6</c:v>
                </c:pt>
                <c:pt idx="7438">
                  <c:v>10341.700000000001</c:v>
                </c:pt>
                <c:pt idx="7439">
                  <c:v>9953.9699999999993</c:v>
                </c:pt>
                <c:pt idx="7440">
                  <c:v>9848.14</c:v>
                </c:pt>
                <c:pt idx="7441">
                  <c:v>9616.2900000000009</c:v>
                </c:pt>
                <c:pt idx="7442">
                  <c:v>9462.81</c:v>
                </c:pt>
                <c:pt idx="7443">
                  <c:v>9347.9699999999993</c:v>
                </c:pt>
                <c:pt idx="7444">
                  <c:v>9232.41</c:v>
                </c:pt>
                <c:pt idx="7445">
                  <c:v>9169.76</c:v>
                </c:pt>
                <c:pt idx="7446">
                  <c:v>9086.4</c:v>
                </c:pt>
                <c:pt idx="7447">
                  <c:v>13293.7</c:v>
                </c:pt>
                <c:pt idx="7448">
                  <c:v>12468.6</c:v>
                </c:pt>
                <c:pt idx="7449">
                  <c:v>12026</c:v>
                </c:pt>
                <c:pt idx="7450">
                  <c:v>11594.2</c:v>
                </c:pt>
                <c:pt idx="7451">
                  <c:v>11300.1</c:v>
                </c:pt>
                <c:pt idx="7452">
                  <c:v>11092.4</c:v>
                </c:pt>
                <c:pt idx="7453">
                  <c:v>11098.2</c:v>
                </c:pt>
                <c:pt idx="7454">
                  <c:v>10877.3</c:v>
                </c:pt>
                <c:pt idx="7455">
                  <c:v>10780.7</c:v>
                </c:pt>
                <c:pt idx="7456">
                  <c:v>10761.6</c:v>
                </c:pt>
                <c:pt idx="7457">
                  <c:v>10623.2</c:v>
                </c:pt>
                <c:pt idx="7458">
                  <c:v>14626</c:v>
                </c:pt>
                <c:pt idx="7459">
                  <c:v>14030.8</c:v>
                </c:pt>
                <c:pt idx="7460">
                  <c:v>13566.8</c:v>
                </c:pt>
                <c:pt idx="7461">
                  <c:v>13064</c:v>
                </c:pt>
                <c:pt idx="7462">
                  <c:v>12893.9</c:v>
                </c:pt>
                <c:pt idx="7463">
                  <c:v>12636.9</c:v>
                </c:pt>
                <c:pt idx="7464">
                  <c:v>12541.1</c:v>
                </c:pt>
                <c:pt idx="7465">
                  <c:v>12546.9</c:v>
                </c:pt>
                <c:pt idx="7466">
                  <c:v>12355.4</c:v>
                </c:pt>
                <c:pt idx="7467">
                  <c:v>12246.1</c:v>
                </c:pt>
                <c:pt idx="7468">
                  <c:v>12181.9</c:v>
                </c:pt>
                <c:pt idx="7469">
                  <c:v>16376.1</c:v>
                </c:pt>
                <c:pt idx="7470">
                  <c:v>15609.8</c:v>
                </c:pt>
                <c:pt idx="7471">
                  <c:v>14954.6</c:v>
                </c:pt>
                <c:pt idx="7472">
                  <c:v>14645</c:v>
                </c:pt>
                <c:pt idx="7473">
                  <c:v>14453</c:v>
                </c:pt>
                <c:pt idx="7474">
                  <c:v>14202.8</c:v>
                </c:pt>
                <c:pt idx="7475">
                  <c:v>14137.5</c:v>
                </c:pt>
                <c:pt idx="7476">
                  <c:v>13990</c:v>
                </c:pt>
                <c:pt idx="7477">
                  <c:v>13881.9</c:v>
                </c:pt>
                <c:pt idx="7478">
                  <c:v>13804.8</c:v>
                </c:pt>
                <c:pt idx="7479">
                  <c:v>13763</c:v>
                </c:pt>
                <c:pt idx="7480">
                  <c:v>17897.5</c:v>
                </c:pt>
                <c:pt idx="7481">
                  <c:v>17137.2</c:v>
                </c:pt>
                <c:pt idx="7482">
                  <c:v>16502.900000000001</c:v>
                </c:pt>
                <c:pt idx="7483">
                  <c:v>16150.5</c:v>
                </c:pt>
                <c:pt idx="7484">
                  <c:v>15969.4</c:v>
                </c:pt>
                <c:pt idx="7485">
                  <c:v>15721</c:v>
                </c:pt>
                <c:pt idx="7486">
                  <c:v>15635.1</c:v>
                </c:pt>
                <c:pt idx="7487">
                  <c:v>15592.6</c:v>
                </c:pt>
                <c:pt idx="7488">
                  <c:v>15444.5</c:v>
                </c:pt>
                <c:pt idx="7489">
                  <c:v>15351.9</c:v>
                </c:pt>
                <c:pt idx="7490">
                  <c:v>15330.6</c:v>
                </c:pt>
                <c:pt idx="7491">
                  <c:v>19266.5</c:v>
                </c:pt>
                <c:pt idx="7492">
                  <c:v>18678.7</c:v>
                </c:pt>
                <c:pt idx="7493">
                  <c:v>18202.400000000001</c:v>
                </c:pt>
                <c:pt idx="7494">
                  <c:v>17719.2</c:v>
                </c:pt>
                <c:pt idx="7495">
                  <c:v>17426.099999999999</c:v>
                </c:pt>
                <c:pt idx="7496">
                  <c:v>17313.8</c:v>
                </c:pt>
                <c:pt idx="7497">
                  <c:v>17269.8</c:v>
                </c:pt>
                <c:pt idx="7498">
                  <c:v>17135.900000000001</c:v>
                </c:pt>
                <c:pt idx="7499">
                  <c:v>17004.7</c:v>
                </c:pt>
                <c:pt idx="7500">
                  <c:v>16875.8</c:v>
                </c:pt>
                <c:pt idx="7501">
                  <c:v>16850.099999999999</c:v>
                </c:pt>
                <c:pt idx="7502">
                  <c:v>20968.400000000001</c:v>
                </c:pt>
                <c:pt idx="7503">
                  <c:v>20052.3</c:v>
                </c:pt>
                <c:pt idx="7504">
                  <c:v>19672</c:v>
                </c:pt>
                <c:pt idx="7505">
                  <c:v>19383.900000000001</c:v>
                </c:pt>
                <c:pt idx="7506">
                  <c:v>19033.8</c:v>
                </c:pt>
                <c:pt idx="7507">
                  <c:v>18852.3</c:v>
                </c:pt>
                <c:pt idx="7508">
                  <c:v>18813.5</c:v>
                </c:pt>
                <c:pt idx="7509">
                  <c:v>18597.2</c:v>
                </c:pt>
                <c:pt idx="7510">
                  <c:v>18604.599999999999</c:v>
                </c:pt>
                <c:pt idx="7511">
                  <c:v>18480.3</c:v>
                </c:pt>
                <c:pt idx="7512">
                  <c:v>18340.3</c:v>
                </c:pt>
                <c:pt idx="7513">
                  <c:v>22588.6</c:v>
                </c:pt>
                <c:pt idx="7514">
                  <c:v>21681.3</c:v>
                </c:pt>
                <c:pt idx="7515">
                  <c:v>21103.8</c:v>
                </c:pt>
                <c:pt idx="7516">
                  <c:v>20911.900000000001</c:v>
                </c:pt>
                <c:pt idx="7517">
                  <c:v>20553.7</c:v>
                </c:pt>
                <c:pt idx="7518">
                  <c:v>20467.3</c:v>
                </c:pt>
                <c:pt idx="7519">
                  <c:v>20335</c:v>
                </c:pt>
                <c:pt idx="7520">
                  <c:v>20162.7</c:v>
                </c:pt>
                <c:pt idx="7521">
                  <c:v>20069</c:v>
                </c:pt>
                <c:pt idx="7522">
                  <c:v>20029.8</c:v>
                </c:pt>
                <c:pt idx="7523">
                  <c:v>19895.2</c:v>
                </c:pt>
                <c:pt idx="7524">
                  <c:v>5503.5</c:v>
                </c:pt>
                <c:pt idx="7525">
                  <c:v>4891.3100000000004</c:v>
                </c:pt>
                <c:pt idx="7526">
                  <c:v>4563.2</c:v>
                </c:pt>
                <c:pt idx="7527">
                  <c:v>4220.66</c:v>
                </c:pt>
                <c:pt idx="7528">
                  <c:v>4003.73</c:v>
                </c:pt>
                <c:pt idx="7529">
                  <c:v>3817.01</c:v>
                </c:pt>
                <c:pt idx="7530">
                  <c:v>3674.67</c:v>
                </c:pt>
                <c:pt idx="7531">
                  <c:v>3542.59</c:v>
                </c:pt>
                <c:pt idx="7532">
                  <c:v>3437.66</c:v>
                </c:pt>
                <c:pt idx="7533">
                  <c:v>3352.3</c:v>
                </c:pt>
                <c:pt idx="7534">
                  <c:v>3261.59</c:v>
                </c:pt>
                <c:pt idx="7535">
                  <c:v>6783.38</c:v>
                </c:pt>
                <c:pt idx="7536">
                  <c:v>6366.27</c:v>
                </c:pt>
                <c:pt idx="7537">
                  <c:v>5802.51</c:v>
                </c:pt>
                <c:pt idx="7538">
                  <c:v>5751.72</c:v>
                </c:pt>
                <c:pt idx="7539">
                  <c:v>5437.08</c:v>
                </c:pt>
                <c:pt idx="7540">
                  <c:v>5173.09</c:v>
                </c:pt>
                <c:pt idx="7541">
                  <c:v>5083.9399999999996</c:v>
                </c:pt>
                <c:pt idx="7542">
                  <c:v>4921.8900000000003</c:v>
                </c:pt>
                <c:pt idx="7543">
                  <c:v>4918.99</c:v>
                </c:pt>
                <c:pt idx="7544">
                  <c:v>4808.54</c:v>
                </c:pt>
                <c:pt idx="7545">
                  <c:v>4690.6000000000004</c:v>
                </c:pt>
                <c:pt idx="7546">
                  <c:v>8807.5499999999993</c:v>
                </c:pt>
                <c:pt idx="7547">
                  <c:v>7833.03</c:v>
                </c:pt>
                <c:pt idx="7548">
                  <c:v>7343.97</c:v>
                </c:pt>
                <c:pt idx="7549">
                  <c:v>7155.34</c:v>
                </c:pt>
                <c:pt idx="7550">
                  <c:v>6882.75</c:v>
                </c:pt>
                <c:pt idx="7551">
                  <c:v>6608.37</c:v>
                </c:pt>
                <c:pt idx="7552">
                  <c:v>6544.61</c:v>
                </c:pt>
                <c:pt idx="7553">
                  <c:v>6340.51</c:v>
                </c:pt>
                <c:pt idx="7554">
                  <c:v>6199.1</c:v>
                </c:pt>
                <c:pt idx="7555">
                  <c:v>6169.64</c:v>
                </c:pt>
                <c:pt idx="7556">
                  <c:v>6120.34</c:v>
                </c:pt>
                <c:pt idx="7557">
                  <c:v>10216.6</c:v>
                </c:pt>
                <c:pt idx="7558">
                  <c:v>9158.58</c:v>
                </c:pt>
                <c:pt idx="7559">
                  <c:v>8761.01</c:v>
                </c:pt>
                <c:pt idx="7560">
                  <c:v>8479.76</c:v>
                </c:pt>
                <c:pt idx="7561">
                  <c:v>8307.4599999999991</c:v>
                </c:pt>
                <c:pt idx="7562">
                  <c:v>8013.61</c:v>
                </c:pt>
                <c:pt idx="7563">
                  <c:v>7978.74</c:v>
                </c:pt>
                <c:pt idx="7564">
                  <c:v>7842.69</c:v>
                </c:pt>
                <c:pt idx="7565">
                  <c:v>7758.03</c:v>
                </c:pt>
                <c:pt idx="7566">
                  <c:v>7679.75</c:v>
                </c:pt>
                <c:pt idx="7567">
                  <c:v>7514.07</c:v>
                </c:pt>
                <c:pt idx="7568">
                  <c:v>11527.2</c:v>
                </c:pt>
                <c:pt idx="7569">
                  <c:v>10776.6</c:v>
                </c:pt>
                <c:pt idx="7570">
                  <c:v>10341.700000000001</c:v>
                </c:pt>
                <c:pt idx="7571">
                  <c:v>9953.9699999999993</c:v>
                </c:pt>
                <c:pt idx="7572">
                  <c:v>9848.14</c:v>
                </c:pt>
                <c:pt idx="7573">
                  <c:v>9616.2900000000009</c:v>
                </c:pt>
                <c:pt idx="7574">
                  <c:v>9462.81</c:v>
                </c:pt>
                <c:pt idx="7575">
                  <c:v>9347.9699999999993</c:v>
                </c:pt>
                <c:pt idx="7576">
                  <c:v>9232.41</c:v>
                </c:pt>
                <c:pt idx="7577">
                  <c:v>9169.76</c:v>
                </c:pt>
                <c:pt idx="7578">
                  <c:v>9086.4</c:v>
                </c:pt>
                <c:pt idx="7579">
                  <c:v>13293.7</c:v>
                </c:pt>
                <c:pt idx="7580">
                  <c:v>12468.6</c:v>
                </c:pt>
                <c:pt idx="7581">
                  <c:v>12026</c:v>
                </c:pt>
                <c:pt idx="7582">
                  <c:v>11594.2</c:v>
                </c:pt>
                <c:pt idx="7583">
                  <c:v>11300.1</c:v>
                </c:pt>
                <c:pt idx="7584">
                  <c:v>11092.4</c:v>
                </c:pt>
                <c:pt idx="7585">
                  <c:v>11098.2</c:v>
                </c:pt>
                <c:pt idx="7586">
                  <c:v>10877.3</c:v>
                </c:pt>
                <c:pt idx="7587">
                  <c:v>10780.7</c:v>
                </c:pt>
                <c:pt idx="7588">
                  <c:v>10761.6</c:v>
                </c:pt>
                <c:pt idx="7589">
                  <c:v>10623.2</c:v>
                </c:pt>
                <c:pt idx="7590">
                  <c:v>14626</c:v>
                </c:pt>
                <c:pt idx="7591">
                  <c:v>14030.8</c:v>
                </c:pt>
                <c:pt idx="7592">
                  <c:v>13566.8</c:v>
                </c:pt>
                <c:pt idx="7593">
                  <c:v>13064</c:v>
                </c:pt>
                <c:pt idx="7594">
                  <c:v>12893.9</c:v>
                </c:pt>
                <c:pt idx="7595">
                  <c:v>12636.9</c:v>
                </c:pt>
                <c:pt idx="7596">
                  <c:v>12541.1</c:v>
                </c:pt>
                <c:pt idx="7597">
                  <c:v>12546.9</c:v>
                </c:pt>
                <c:pt idx="7598">
                  <c:v>12355.4</c:v>
                </c:pt>
                <c:pt idx="7599">
                  <c:v>12246.1</c:v>
                </c:pt>
                <c:pt idx="7600">
                  <c:v>12181.9</c:v>
                </c:pt>
                <c:pt idx="7601">
                  <c:v>16376.1</c:v>
                </c:pt>
                <c:pt idx="7602">
                  <c:v>15609.8</c:v>
                </c:pt>
                <c:pt idx="7603">
                  <c:v>14954.6</c:v>
                </c:pt>
                <c:pt idx="7604">
                  <c:v>14645</c:v>
                </c:pt>
                <c:pt idx="7605">
                  <c:v>14453</c:v>
                </c:pt>
                <c:pt idx="7606">
                  <c:v>14202.8</c:v>
                </c:pt>
                <c:pt idx="7607">
                  <c:v>14118.1</c:v>
                </c:pt>
                <c:pt idx="7608">
                  <c:v>14012</c:v>
                </c:pt>
                <c:pt idx="7609">
                  <c:v>13881.9</c:v>
                </c:pt>
                <c:pt idx="7610">
                  <c:v>13804.8</c:v>
                </c:pt>
                <c:pt idx="7611">
                  <c:v>13763</c:v>
                </c:pt>
                <c:pt idx="7612">
                  <c:v>17897.5</c:v>
                </c:pt>
                <c:pt idx="7613">
                  <c:v>17137.2</c:v>
                </c:pt>
                <c:pt idx="7614">
                  <c:v>16502.900000000001</c:v>
                </c:pt>
                <c:pt idx="7615">
                  <c:v>16150.5</c:v>
                </c:pt>
                <c:pt idx="7616">
                  <c:v>15969.4</c:v>
                </c:pt>
                <c:pt idx="7617">
                  <c:v>15721</c:v>
                </c:pt>
                <c:pt idx="7618">
                  <c:v>15750.8</c:v>
                </c:pt>
                <c:pt idx="7619">
                  <c:v>15582.4</c:v>
                </c:pt>
                <c:pt idx="7620">
                  <c:v>15439.2</c:v>
                </c:pt>
                <c:pt idx="7621">
                  <c:v>15351.9</c:v>
                </c:pt>
                <c:pt idx="7622">
                  <c:v>15316.9</c:v>
                </c:pt>
                <c:pt idx="7623">
                  <c:v>19266.5</c:v>
                </c:pt>
                <c:pt idx="7624">
                  <c:v>18668.900000000001</c:v>
                </c:pt>
                <c:pt idx="7625">
                  <c:v>18158.8</c:v>
                </c:pt>
                <c:pt idx="7626">
                  <c:v>17689</c:v>
                </c:pt>
                <c:pt idx="7627">
                  <c:v>17580.599999999999</c:v>
                </c:pt>
                <c:pt idx="7628">
                  <c:v>17293.400000000001</c:v>
                </c:pt>
                <c:pt idx="7629">
                  <c:v>17273.599999999999</c:v>
                </c:pt>
                <c:pt idx="7630">
                  <c:v>17138.7</c:v>
                </c:pt>
                <c:pt idx="7631">
                  <c:v>17004.7</c:v>
                </c:pt>
                <c:pt idx="7632">
                  <c:v>16875.8</c:v>
                </c:pt>
                <c:pt idx="7633">
                  <c:v>16850.099999999999</c:v>
                </c:pt>
                <c:pt idx="7634">
                  <c:v>20968.400000000001</c:v>
                </c:pt>
                <c:pt idx="7635">
                  <c:v>20052.3</c:v>
                </c:pt>
                <c:pt idx="7636">
                  <c:v>19672</c:v>
                </c:pt>
                <c:pt idx="7637">
                  <c:v>19383.900000000001</c:v>
                </c:pt>
                <c:pt idx="7638">
                  <c:v>19037.5</c:v>
                </c:pt>
                <c:pt idx="7639">
                  <c:v>18876.400000000001</c:v>
                </c:pt>
                <c:pt idx="7640">
                  <c:v>18813.5</c:v>
                </c:pt>
                <c:pt idx="7641">
                  <c:v>18597.2</c:v>
                </c:pt>
                <c:pt idx="7642">
                  <c:v>18604.599999999999</c:v>
                </c:pt>
                <c:pt idx="7643">
                  <c:v>18414.7</c:v>
                </c:pt>
                <c:pt idx="7644">
                  <c:v>18394</c:v>
                </c:pt>
                <c:pt idx="7645">
                  <c:v>22588.6</c:v>
                </c:pt>
                <c:pt idx="7646">
                  <c:v>21681.3</c:v>
                </c:pt>
                <c:pt idx="7647">
                  <c:v>21074</c:v>
                </c:pt>
                <c:pt idx="7648">
                  <c:v>20911.900000000001</c:v>
                </c:pt>
                <c:pt idx="7649">
                  <c:v>20553.7</c:v>
                </c:pt>
                <c:pt idx="7650">
                  <c:v>20467.3</c:v>
                </c:pt>
                <c:pt idx="7651">
                  <c:v>20303.400000000001</c:v>
                </c:pt>
                <c:pt idx="7652">
                  <c:v>20264.2</c:v>
                </c:pt>
                <c:pt idx="7653">
                  <c:v>20077.2</c:v>
                </c:pt>
                <c:pt idx="7654">
                  <c:v>20003.7</c:v>
                </c:pt>
                <c:pt idx="7655">
                  <c:v>19981.900000000001</c:v>
                </c:pt>
                <c:pt idx="7656">
                  <c:v>5503.5</c:v>
                </c:pt>
                <c:pt idx="7657">
                  <c:v>4891.3100000000004</c:v>
                </c:pt>
                <c:pt idx="7658">
                  <c:v>4563.2</c:v>
                </c:pt>
                <c:pt idx="7659">
                  <c:v>4220.66</c:v>
                </c:pt>
                <c:pt idx="7660">
                  <c:v>4003.73</c:v>
                </c:pt>
                <c:pt idx="7661">
                  <c:v>3817.01</c:v>
                </c:pt>
                <c:pt idx="7662">
                  <c:v>3675</c:v>
                </c:pt>
                <c:pt idx="7663">
                  <c:v>3542.59</c:v>
                </c:pt>
                <c:pt idx="7664">
                  <c:v>3437.66</c:v>
                </c:pt>
                <c:pt idx="7665">
                  <c:v>3352.3</c:v>
                </c:pt>
                <c:pt idx="7666">
                  <c:v>3261.59</c:v>
                </c:pt>
                <c:pt idx="7667">
                  <c:v>6783.38</c:v>
                </c:pt>
                <c:pt idx="7668">
                  <c:v>6366.27</c:v>
                </c:pt>
                <c:pt idx="7669">
                  <c:v>5802.51</c:v>
                </c:pt>
                <c:pt idx="7670">
                  <c:v>5751.72</c:v>
                </c:pt>
                <c:pt idx="7671">
                  <c:v>5437.08</c:v>
                </c:pt>
                <c:pt idx="7672">
                  <c:v>5173.09</c:v>
                </c:pt>
                <c:pt idx="7673">
                  <c:v>5083.9399999999996</c:v>
                </c:pt>
                <c:pt idx="7674">
                  <c:v>4921.8900000000003</c:v>
                </c:pt>
                <c:pt idx="7675">
                  <c:v>4918.99</c:v>
                </c:pt>
                <c:pt idx="7676">
                  <c:v>4808.54</c:v>
                </c:pt>
                <c:pt idx="7677">
                  <c:v>4690.6000000000004</c:v>
                </c:pt>
                <c:pt idx="7678">
                  <c:v>8807.5499999999993</c:v>
                </c:pt>
                <c:pt idx="7679">
                  <c:v>7833.03</c:v>
                </c:pt>
                <c:pt idx="7680">
                  <c:v>7343.97</c:v>
                </c:pt>
                <c:pt idx="7681">
                  <c:v>7155.34</c:v>
                </c:pt>
                <c:pt idx="7682">
                  <c:v>6882.75</c:v>
                </c:pt>
                <c:pt idx="7683">
                  <c:v>6608.37</c:v>
                </c:pt>
                <c:pt idx="7684">
                  <c:v>6544.61</c:v>
                </c:pt>
                <c:pt idx="7685">
                  <c:v>6340.51</c:v>
                </c:pt>
                <c:pt idx="7686">
                  <c:v>6199.1</c:v>
                </c:pt>
                <c:pt idx="7687">
                  <c:v>6169.64</c:v>
                </c:pt>
                <c:pt idx="7688">
                  <c:v>6120.34</c:v>
                </c:pt>
                <c:pt idx="7689">
                  <c:v>10216.6</c:v>
                </c:pt>
                <c:pt idx="7690">
                  <c:v>9158.58</c:v>
                </c:pt>
                <c:pt idx="7691">
                  <c:v>8761.01</c:v>
                </c:pt>
                <c:pt idx="7692">
                  <c:v>8479.76</c:v>
                </c:pt>
                <c:pt idx="7693">
                  <c:v>8144.51</c:v>
                </c:pt>
                <c:pt idx="7694">
                  <c:v>8013.61</c:v>
                </c:pt>
                <c:pt idx="7695">
                  <c:v>7978.74</c:v>
                </c:pt>
                <c:pt idx="7696">
                  <c:v>7870.75</c:v>
                </c:pt>
                <c:pt idx="7697">
                  <c:v>7737.97</c:v>
                </c:pt>
                <c:pt idx="7698">
                  <c:v>7664.62</c:v>
                </c:pt>
                <c:pt idx="7699">
                  <c:v>7597.39</c:v>
                </c:pt>
                <c:pt idx="7700">
                  <c:v>11527.2</c:v>
                </c:pt>
                <c:pt idx="7701">
                  <c:v>10776.6</c:v>
                </c:pt>
                <c:pt idx="7702">
                  <c:v>10341.700000000001</c:v>
                </c:pt>
                <c:pt idx="7703">
                  <c:v>9953.9699999999993</c:v>
                </c:pt>
                <c:pt idx="7704">
                  <c:v>9848.14</c:v>
                </c:pt>
                <c:pt idx="7705">
                  <c:v>9616.2900000000009</c:v>
                </c:pt>
                <c:pt idx="7706">
                  <c:v>9462.81</c:v>
                </c:pt>
                <c:pt idx="7707">
                  <c:v>9347.9699999999993</c:v>
                </c:pt>
                <c:pt idx="7708">
                  <c:v>9232.41</c:v>
                </c:pt>
                <c:pt idx="7709">
                  <c:v>9169.76</c:v>
                </c:pt>
                <c:pt idx="7710">
                  <c:v>9086.4</c:v>
                </c:pt>
                <c:pt idx="7711">
                  <c:v>13293.7</c:v>
                </c:pt>
                <c:pt idx="7712">
                  <c:v>12468.6</c:v>
                </c:pt>
                <c:pt idx="7713">
                  <c:v>12026</c:v>
                </c:pt>
                <c:pt idx="7714">
                  <c:v>11594.2</c:v>
                </c:pt>
                <c:pt idx="7715">
                  <c:v>11300.1</c:v>
                </c:pt>
                <c:pt idx="7716">
                  <c:v>11092.4</c:v>
                </c:pt>
                <c:pt idx="7717">
                  <c:v>11098.2</c:v>
                </c:pt>
                <c:pt idx="7718">
                  <c:v>10877.3</c:v>
                </c:pt>
                <c:pt idx="7719">
                  <c:v>10780.7</c:v>
                </c:pt>
                <c:pt idx="7720">
                  <c:v>10761.6</c:v>
                </c:pt>
                <c:pt idx="7721">
                  <c:v>10623.2</c:v>
                </c:pt>
                <c:pt idx="7722">
                  <c:v>14626</c:v>
                </c:pt>
                <c:pt idx="7723">
                  <c:v>14030.8</c:v>
                </c:pt>
                <c:pt idx="7724">
                  <c:v>13566.8</c:v>
                </c:pt>
                <c:pt idx="7725">
                  <c:v>13064</c:v>
                </c:pt>
                <c:pt idx="7726">
                  <c:v>12893.9</c:v>
                </c:pt>
                <c:pt idx="7727">
                  <c:v>12636.9</c:v>
                </c:pt>
                <c:pt idx="7728">
                  <c:v>12541.1</c:v>
                </c:pt>
                <c:pt idx="7729">
                  <c:v>12546.9</c:v>
                </c:pt>
                <c:pt idx="7730">
                  <c:v>12355.4</c:v>
                </c:pt>
                <c:pt idx="7731">
                  <c:v>12246.1</c:v>
                </c:pt>
                <c:pt idx="7732">
                  <c:v>12181.9</c:v>
                </c:pt>
                <c:pt idx="7733">
                  <c:v>16376.1</c:v>
                </c:pt>
                <c:pt idx="7734">
                  <c:v>15609.8</c:v>
                </c:pt>
                <c:pt idx="7735">
                  <c:v>14954.6</c:v>
                </c:pt>
                <c:pt idx="7736">
                  <c:v>14645</c:v>
                </c:pt>
                <c:pt idx="7737">
                  <c:v>14453</c:v>
                </c:pt>
                <c:pt idx="7738">
                  <c:v>14202.8</c:v>
                </c:pt>
                <c:pt idx="7739">
                  <c:v>14132.9</c:v>
                </c:pt>
                <c:pt idx="7740">
                  <c:v>13992</c:v>
                </c:pt>
                <c:pt idx="7741">
                  <c:v>13881.9</c:v>
                </c:pt>
                <c:pt idx="7742">
                  <c:v>13804.8</c:v>
                </c:pt>
                <c:pt idx="7743">
                  <c:v>13763</c:v>
                </c:pt>
                <c:pt idx="7744">
                  <c:v>17897.5</c:v>
                </c:pt>
                <c:pt idx="7745">
                  <c:v>17137.2</c:v>
                </c:pt>
                <c:pt idx="7746">
                  <c:v>16502.900000000001</c:v>
                </c:pt>
                <c:pt idx="7747">
                  <c:v>16150.5</c:v>
                </c:pt>
                <c:pt idx="7748">
                  <c:v>15969.4</c:v>
                </c:pt>
                <c:pt idx="7749">
                  <c:v>15721</c:v>
                </c:pt>
                <c:pt idx="7750">
                  <c:v>15731.3</c:v>
                </c:pt>
                <c:pt idx="7751">
                  <c:v>15573.6</c:v>
                </c:pt>
                <c:pt idx="7752">
                  <c:v>15440.7</c:v>
                </c:pt>
                <c:pt idx="7753">
                  <c:v>15351.9</c:v>
                </c:pt>
                <c:pt idx="7754">
                  <c:v>15316.9</c:v>
                </c:pt>
                <c:pt idx="7755">
                  <c:v>19266.5</c:v>
                </c:pt>
                <c:pt idx="7756">
                  <c:v>18668.900000000001</c:v>
                </c:pt>
                <c:pt idx="7757">
                  <c:v>18121.2</c:v>
                </c:pt>
                <c:pt idx="7758">
                  <c:v>17675.900000000001</c:v>
                </c:pt>
                <c:pt idx="7759">
                  <c:v>17561.7</c:v>
                </c:pt>
                <c:pt idx="7760">
                  <c:v>17257.3</c:v>
                </c:pt>
                <c:pt idx="7761">
                  <c:v>17296.3</c:v>
                </c:pt>
                <c:pt idx="7762">
                  <c:v>17141.400000000001</c:v>
                </c:pt>
                <c:pt idx="7763">
                  <c:v>17004.7</c:v>
                </c:pt>
                <c:pt idx="7764">
                  <c:v>16875.8</c:v>
                </c:pt>
                <c:pt idx="7765">
                  <c:v>16850.099999999999</c:v>
                </c:pt>
                <c:pt idx="7766">
                  <c:v>20968.400000000001</c:v>
                </c:pt>
                <c:pt idx="7767">
                  <c:v>20052.3</c:v>
                </c:pt>
                <c:pt idx="7768">
                  <c:v>19672</c:v>
                </c:pt>
                <c:pt idx="7769">
                  <c:v>19383.900000000001</c:v>
                </c:pt>
                <c:pt idx="7770">
                  <c:v>18987.2</c:v>
                </c:pt>
                <c:pt idx="7771">
                  <c:v>18862.8</c:v>
                </c:pt>
                <c:pt idx="7772">
                  <c:v>18813.5</c:v>
                </c:pt>
                <c:pt idx="7773">
                  <c:v>18597.2</c:v>
                </c:pt>
                <c:pt idx="7774">
                  <c:v>18604.599999999999</c:v>
                </c:pt>
                <c:pt idx="7775">
                  <c:v>18410</c:v>
                </c:pt>
                <c:pt idx="7776">
                  <c:v>18332.099999999999</c:v>
                </c:pt>
                <c:pt idx="7777">
                  <c:v>22588.6</c:v>
                </c:pt>
                <c:pt idx="7778">
                  <c:v>21681.3</c:v>
                </c:pt>
                <c:pt idx="7779">
                  <c:v>21071.599999999999</c:v>
                </c:pt>
                <c:pt idx="7780">
                  <c:v>20911.900000000001</c:v>
                </c:pt>
                <c:pt idx="7781">
                  <c:v>20553.7</c:v>
                </c:pt>
                <c:pt idx="7782">
                  <c:v>20467.3</c:v>
                </c:pt>
                <c:pt idx="7783">
                  <c:v>20348.2</c:v>
                </c:pt>
                <c:pt idx="7784">
                  <c:v>20230.099999999999</c:v>
                </c:pt>
                <c:pt idx="7785">
                  <c:v>20052.7</c:v>
                </c:pt>
                <c:pt idx="7786">
                  <c:v>19972.400000000001</c:v>
                </c:pt>
                <c:pt idx="7787">
                  <c:v>19953.7</c:v>
                </c:pt>
                <c:pt idx="7788">
                  <c:v>5503.5</c:v>
                </c:pt>
                <c:pt idx="7789">
                  <c:v>4891.3100000000004</c:v>
                </c:pt>
                <c:pt idx="7790">
                  <c:v>4563.2</c:v>
                </c:pt>
                <c:pt idx="7791">
                  <c:v>4220.66</c:v>
                </c:pt>
                <c:pt idx="7792">
                  <c:v>4003.73</c:v>
                </c:pt>
                <c:pt idx="7793">
                  <c:v>3817.01</c:v>
                </c:pt>
                <c:pt idx="7794">
                  <c:v>3675</c:v>
                </c:pt>
                <c:pt idx="7795">
                  <c:v>3542.59</c:v>
                </c:pt>
                <c:pt idx="7796">
                  <c:v>3437.66</c:v>
                </c:pt>
                <c:pt idx="7797">
                  <c:v>3352.3</c:v>
                </c:pt>
                <c:pt idx="7798">
                  <c:v>3261.59</c:v>
                </c:pt>
                <c:pt idx="7799">
                  <c:v>6783.38</c:v>
                </c:pt>
                <c:pt idx="7800">
                  <c:v>6366.27</c:v>
                </c:pt>
                <c:pt idx="7801">
                  <c:v>5802.51</c:v>
                </c:pt>
                <c:pt idx="7802">
                  <c:v>5751.72</c:v>
                </c:pt>
                <c:pt idx="7803">
                  <c:v>5437.08</c:v>
                </c:pt>
                <c:pt idx="7804">
                  <c:v>5173.09</c:v>
                </c:pt>
                <c:pt idx="7805">
                  <c:v>5083.9399999999996</c:v>
                </c:pt>
                <c:pt idx="7806">
                  <c:v>4921.8900000000003</c:v>
                </c:pt>
                <c:pt idx="7807">
                  <c:v>4918.99</c:v>
                </c:pt>
                <c:pt idx="7808">
                  <c:v>4808.54</c:v>
                </c:pt>
                <c:pt idx="7809">
                  <c:v>4690.6000000000004</c:v>
                </c:pt>
                <c:pt idx="7810">
                  <c:v>8807.5499999999993</c:v>
                </c:pt>
                <c:pt idx="7811">
                  <c:v>7833.03</c:v>
                </c:pt>
                <c:pt idx="7812">
                  <c:v>7343.97</c:v>
                </c:pt>
                <c:pt idx="7813">
                  <c:v>7155.34</c:v>
                </c:pt>
                <c:pt idx="7814">
                  <c:v>6882.75</c:v>
                </c:pt>
                <c:pt idx="7815">
                  <c:v>6608.37</c:v>
                </c:pt>
                <c:pt idx="7816">
                  <c:v>6544.61</c:v>
                </c:pt>
                <c:pt idx="7817">
                  <c:v>6340.51</c:v>
                </c:pt>
                <c:pt idx="7818">
                  <c:v>6199.1</c:v>
                </c:pt>
                <c:pt idx="7819">
                  <c:v>6169.64</c:v>
                </c:pt>
                <c:pt idx="7820">
                  <c:v>6120.34</c:v>
                </c:pt>
                <c:pt idx="7821">
                  <c:v>10216.6</c:v>
                </c:pt>
                <c:pt idx="7822">
                  <c:v>9158.58</c:v>
                </c:pt>
                <c:pt idx="7823">
                  <c:v>8761.01</c:v>
                </c:pt>
                <c:pt idx="7824">
                  <c:v>8479.76</c:v>
                </c:pt>
                <c:pt idx="7825">
                  <c:v>8287.57</c:v>
                </c:pt>
                <c:pt idx="7826">
                  <c:v>8013.61</c:v>
                </c:pt>
                <c:pt idx="7827">
                  <c:v>7978.74</c:v>
                </c:pt>
                <c:pt idx="7828">
                  <c:v>7870.75</c:v>
                </c:pt>
                <c:pt idx="7829">
                  <c:v>7753.07</c:v>
                </c:pt>
                <c:pt idx="7830">
                  <c:v>7652.83</c:v>
                </c:pt>
                <c:pt idx="7831">
                  <c:v>7583.47</c:v>
                </c:pt>
                <c:pt idx="7832">
                  <c:v>11527.2</c:v>
                </c:pt>
                <c:pt idx="7833">
                  <c:v>10776.6</c:v>
                </c:pt>
                <c:pt idx="7834">
                  <c:v>10341.700000000001</c:v>
                </c:pt>
                <c:pt idx="7835">
                  <c:v>9953.9699999999993</c:v>
                </c:pt>
                <c:pt idx="7836">
                  <c:v>9848.14</c:v>
                </c:pt>
                <c:pt idx="7837">
                  <c:v>9616.2900000000009</c:v>
                </c:pt>
                <c:pt idx="7838">
                  <c:v>9462.81</c:v>
                </c:pt>
                <c:pt idx="7839">
                  <c:v>9347.9699999999993</c:v>
                </c:pt>
                <c:pt idx="7840">
                  <c:v>9232.41</c:v>
                </c:pt>
                <c:pt idx="7841">
                  <c:v>9169.76</c:v>
                </c:pt>
                <c:pt idx="7842">
                  <c:v>9086.4</c:v>
                </c:pt>
                <c:pt idx="7843">
                  <c:v>13293.7</c:v>
                </c:pt>
                <c:pt idx="7844">
                  <c:v>12468.6</c:v>
                </c:pt>
                <c:pt idx="7845">
                  <c:v>12026</c:v>
                </c:pt>
                <c:pt idx="7846">
                  <c:v>11594.2</c:v>
                </c:pt>
                <c:pt idx="7847">
                  <c:v>11300.1</c:v>
                </c:pt>
                <c:pt idx="7848">
                  <c:v>11092.4</c:v>
                </c:pt>
                <c:pt idx="7849">
                  <c:v>11098.2</c:v>
                </c:pt>
                <c:pt idx="7850">
                  <c:v>10877.3</c:v>
                </c:pt>
                <c:pt idx="7851">
                  <c:v>10780.7</c:v>
                </c:pt>
                <c:pt idx="7852">
                  <c:v>10761.6</c:v>
                </c:pt>
                <c:pt idx="7853">
                  <c:v>10623.2</c:v>
                </c:pt>
                <c:pt idx="7854">
                  <c:v>14626</c:v>
                </c:pt>
                <c:pt idx="7855">
                  <c:v>14030.8</c:v>
                </c:pt>
                <c:pt idx="7856">
                  <c:v>13566.8</c:v>
                </c:pt>
                <c:pt idx="7857">
                  <c:v>13064</c:v>
                </c:pt>
                <c:pt idx="7858">
                  <c:v>12893.9</c:v>
                </c:pt>
                <c:pt idx="7859">
                  <c:v>12636.9</c:v>
                </c:pt>
                <c:pt idx="7860">
                  <c:v>12541.1</c:v>
                </c:pt>
                <c:pt idx="7861">
                  <c:v>12546.9</c:v>
                </c:pt>
                <c:pt idx="7862">
                  <c:v>12355.4</c:v>
                </c:pt>
                <c:pt idx="7863">
                  <c:v>12246.1</c:v>
                </c:pt>
                <c:pt idx="7864">
                  <c:v>12181.9</c:v>
                </c:pt>
                <c:pt idx="7865">
                  <c:v>16376.1</c:v>
                </c:pt>
                <c:pt idx="7866">
                  <c:v>15609.8</c:v>
                </c:pt>
                <c:pt idx="7867">
                  <c:v>14954.6</c:v>
                </c:pt>
                <c:pt idx="7868">
                  <c:v>14645</c:v>
                </c:pt>
                <c:pt idx="7869">
                  <c:v>14453</c:v>
                </c:pt>
                <c:pt idx="7870">
                  <c:v>14202.8</c:v>
                </c:pt>
                <c:pt idx="7871">
                  <c:v>14120.4</c:v>
                </c:pt>
                <c:pt idx="7872">
                  <c:v>13974.4</c:v>
                </c:pt>
                <c:pt idx="7873">
                  <c:v>13881.9</c:v>
                </c:pt>
                <c:pt idx="7874">
                  <c:v>13804.8</c:v>
                </c:pt>
                <c:pt idx="7875">
                  <c:v>13763</c:v>
                </c:pt>
                <c:pt idx="7876">
                  <c:v>17897.5</c:v>
                </c:pt>
                <c:pt idx="7877">
                  <c:v>17137.2</c:v>
                </c:pt>
                <c:pt idx="7878">
                  <c:v>16502.900000000001</c:v>
                </c:pt>
                <c:pt idx="7879">
                  <c:v>16150.5</c:v>
                </c:pt>
                <c:pt idx="7880">
                  <c:v>15969.4</c:v>
                </c:pt>
                <c:pt idx="7881">
                  <c:v>15721</c:v>
                </c:pt>
                <c:pt idx="7882">
                  <c:v>15715.8</c:v>
                </c:pt>
                <c:pt idx="7883">
                  <c:v>15589.6</c:v>
                </c:pt>
                <c:pt idx="7884">
                  <c:v>15442.3</c:v>
                </c:pt>
                <c:pt idx="7885">
                  <c:v>15351.9</c:v>
                </c:pt>
                <c:pt idx="7886">
                  <c:v>15316.9</c:v>
                </c:pt>
                <c:pt idx="7887">
                  <c:v>19266.5</c:v>
                </c:pt>
                <c:pt idx="7888">
                  <c:v>18668.900000000001</c:v>
                </c:pt>
                <c:pt idx="7889">
                  <c:v>18146.2</c:v>
                </c:pt>
                <c:pt idx="7890">
                  <c:v>17887.5</c:v>
                </c:pt>
                <c:pt idx="7891">
                  <c:v>17542.099999999999</c:v>
                </c:pt>
                <c:pt idx="7892">
                  <c:v>17252.3</c:v>
                </c:pt>
                <c:pt idx="7893">
                  <c:v>17286.400000000001</c:v>
                </c:pt>
                <c:pt idx="7894">
                  <c:v>17135.2</c:v>
                </c:pt>
                <c:pt idx="7895">
                  <c:v>17004.7</c:v>
                </c:pt>
                <c:pt idx="7896">
                  <c:v>16875.8</c:v>
                </c:pt>
                <c:pt idx="7897">
                  <c:v>16850.099999999999</c:v>
                </c:pt>
                <c:pt idx="7898">
                  <c:v>20968.400000000001</c:v>
                </c:pt>
                <c:pt idx="7899">
                  <c:v>20052.3</c:v>
                </c:pt>
                <c:pt idx="7900">
                  <c:v>19672</c:v>
                </c:pt>
                <c:pt idx="7901">
                  <c:v>19383.900000000001</c:v>
                </c:pt>
                <c:pt idx="7902">
                  <c:v>18989.3</c:v>
                </c:pt>
                <c:pt idx="7903">
                  <c:v>18850.900000000001</c:v>
                </c:pt>
                <c:pt idx="7904">
                  <c:v>18813.5</c:v>
                </c:pt>
                <c:pt idx="7905">
                  <c:v>18597.2</c:v>
                </c:pt>
                <c:pt idx="7906">
                  <c:v>18604.599999999999</c:v>
                </c:pt>
                <c:pt idx="7907">
                  <c:v>18410</c:v>
                </c:pt>
                <c:pt idx="7908">
                  <c:v>18423.3</c:v>
                </c:pt>
                <c:pt idx="7909">
                  <c:v>22588.6</c:v>
                </c:pt>
                <c:pt idx="7910">
                  <c:v>21681.3</c:v>
                </c:pt>
                <c:pt idx="7911">
                  <c:v>21071.599999999999</c:v>
                </c:pt>
                <c:pt idx="7912">
                  <c:v>20911.900000000001</c:v>
                </c:pt>
                <c:pt idx="7913">
                  <c:v>20553.7</c:v>
                </c:pt>
                <c:pt idx="7914">
                  <c:v>20467.3</c:v>
                </c:pt>
                <c:pt idx="7915">
                  <c:v>20289.3</c:v>
                </c:pt>
                <c:pt idx="7916">
                  <c:v>20194.099999999999</c:v>
                </c:pt>
                <c:pt idx="7917">
                  <c:v>20103.5</c:v>
                </c:pt>
                <c:pt idx="7918">
                  <c:v>19979.400000000001</c:v>
                </c:pt>
                <c:pt idx="7919">
                  <c:v>19929.3</c:v>
                </c:pt>
                <c:pt idx="7920">
                  <c:v>5570.66</c:v>
                </c:pt>
                <c:pt idx="7921">
                  <c:v>5058.6499999999996</c:v>
                </c:pt>
                <c:pt idx="7922">
                  <c:v>4671.05</c:v>
                </c:pt>
                <c:pt idx="7923">
                  <c:v>4571.93</c:v>
                </c:pt>
                <c:pt idx="7924">
                  <c:v>4338.43</c:v>
                </c:pt>
                <c:pt idx="7925">
                  <c:v>4274.53</c:v>
                </c:pt>
                <c:pt idx="7926">
                  <c:v>4191.38</c:v>
                </c:pt>
                <c:pt idx="7927">
                  <c:v>4062.65</c:v>
                </c:pt>
                <c:pt idx="7928">
                  <c:v>4042.88</c:v>
                </c:pt>
                <c:pt idx="7929">
                  <c:v>3939.28</c:v>
                </c:pt>
                <c:pt idx="7930">
                  <c:v>3876.1</c:v>
                </c:pt>
                <c:pt idx="7931">
                  <c:v>6987.75</c:v>
                </c:pt>
                <c:pt idx="7932">
                  <c:v>6285.84</c:v>
                </c:pt>
                <c:pt idx="7933">
                  <c:v>5701.79</c:v>
                </c:pt>
                <c:pt idx="7934">
                  <c:v>5680.94</c:v>
                </c:pt>
                <c:pt idx="7935">
                  <c:v>5516.13</c:v>
                </c:pt>
                <c:pt idx="7936">
                  <c:v>5225.46</c:v>
                </c:pt>
                <c:pt idx="7937">
                  <c:v>5098.3500000000004</c:v>
                </c:pt>
                <c:pt idx="7938">
                  <c:v>4985.1400000000003</c:v>
                </c:pt>
                <c:pt idx="7939">
                  <c:v>5042.9799999999996</c:v>
                </c:pt>
                <c:pt idx="7940">
                  <c:v>4885.58</c:v>
                </c:pt>
                <c:pt idx="7941">
                  <c:v>5053.53</c:v>
                </c:pt>
                <c:pt idx="7942">
                  <c:v>8668.8799999999992</c:v>
                </c:pt>
                <c:pt idx="7943">
                  <c:v>7624.73</c:v>
                </c:pt>
                <c:pt idx="7944">
                  <c:v>7259.51</c:v>
                </c:pt>
                <c:pt idx="7945">
                  <c:v>7191.42</c:v>
                </c:pt>
                <c:pt idx="7946">
                  <c:v>6893.06</c:v>
                </c:pt>
                <c:pt idx="7947">
                  <c:v>6710.27</c:v>
                </c:pt>
                <c:pt idx="7948">
                  <c:v>5678.88</c:v>
                </c:pt>
                <c:pt idx="7949">
                  <c:v>5662.21</c:v>
                </c:pt>
                <c:pt idx="7950">
                  <c:v>6421.31</c:v>
                </c:pt>
                <c:pt idx="7951">
                  <c:v>6530.6</c:v>
                </c:pt>
                <c:pt idx="7952">
                  <c:v>6385.76</c:v>
                </c:pt>
                <c:pt idx="7953">
                  <c:v>10378.4</c:v>
                </c:pt>
                <c:pt idx="7954">
                  <c:v>9277.4</c:v>
                </c:pt>
                <c:pt idx="7955">
                  <c:v>9080.2800000000007</c:v>
                </c:pt>
                <c:pt idx="7956">
                  <c:v>8589.32</c:v>
                </c:pt>
                <c:pt idx="7957">
                  <c:v>8408.65</c:v>
                </c:pt>
                <c:pt idx="7958">
                  <c:v>8177.73</c:v>
                </c:pt>
                <c:pt idx="7959">
                  <c:v>5678.88</c:v>
                </c:pt>
                <c:pt idx="7960">
                  <c:v>5662.21</c:v>
                </c:pt>
                <c:pt idx="7961">
                  <c:v>5645.99</c:v>
                </c:pt>
                <c:pt idx="7962">
                  <c:v>7381.39</c:v>
                </c:pt>
                <c:pt idx="7963">
                  <c:v>7476.42</c:v>
                </c:pt>
                <c:pt idx="7964">
                  <c:v>11596.2</c:v>
                </c:pt>
                <c:pt idx="7965">
                  <c:v>10777.6</c:v>
                </c:pt>
                <c:pt idx="7966">
                  <c:v>10557.3</c:v>
                </c:pt>
                <c:pt idx="7967">
                  <c:v>10299.299999999999</c:v>
                </c:pt>
                <c:pt idx="7968">
                  <c:v>9847.4500000000007</c:v>
                </c:pt>
                <c:pt idx="7969">
                  <c:v>9670.15</c:v>
                </c:pt>
                <c:pt idx="7970">
                  <c:v>5678.88</c:v>
                </c:pt>
                <c:pt idx="7971">
                  <c:v>5662.21</c:v>
                </c:pt>
                <c:pt idx="7972">
                  <c:v>5645.99</c:v>
                </c:pt>
                <c:pt idx="7973">
                  <c:v>8991.85</c:v>
                </c:pt>
                <c:pt idx="7974">
                  <c:v>8966.89</c:v>
                </c:pt>
                <c:pt idx="7975">
                  <c:v>13458.7</c:v>
                </c:pt>
                <c:pt idx="7976">
                  <c:v>12237.1</c:v>
                </c:pt>
                <c:pt idx="7977">
                  <c:v>12135.6</c:v>
                </c:pt>
                <c:pt idx="7978">
                  <c:v>11658.6</c:v>
                </c:pt>
                <c:pt idx="7979">
                  <c:v>11453.5</c:v>
                </c:pt>
                <c:pt idx="7980">
                  <c:v>11199.8</c:v>
                </c:pt>
                <c:pt idx="7981">
                  <c:v>5678.88</c:v>
                </c:pt>
                <c:pt idx="7982">
                  <c:v>5662.21</c:v>
                </c:pt>
                <c:pt idx="7983">
                  <c:v>5645.99</c:v>
                </c:pt>
                <c:pt idx="7984">
                  <c:v>10547.1</c:v>
                </c:pt>
                <c:pt idx="7985">
                  <c:v>10433.5</c:v>
                </c:pt>
                <c:pt idx="7986">
                  <c:v>14560.3</c:v>
                </c:pt>
                <c:pt idx="7987">
                  <c:v>13872.5</c:v>
                </c:pt>
                <c:pt idx="7988">
                  <c:v>13468.4</c:v>
                </c:pt>
                <c:pt idx="7989">
                  <c:v>13220.7</c:v>
                </c:pt>
                <c:pt idx="7990">
                  <c:v>12942.7</c:v>
                </c:pt>
                <c:pt idx="7991">
                  <c:v>12734.2</c:v>
                </c:pt>
                <c:pt idx="7992">
                  <c:v>5678.88</c:v>
                </c:pt>
                <c:pt idx="7993">
                  <c:v>5662.21</c:v>
                </c:pt>
                <c:pt idx="7994">
                  <c:v>5645.99</c:v>
                </c:pt>
                <c:pt idx="7995">
                  <c:v>12046.2</c:v>
                </c:pt>
                <c:pt idx="7996">
                  <c:v>11956.3</c:v>
                </c:pt>
                <c:pt idx="7997">
                  <c:v>16216.1</c:v>
                </c:pt>
                <c:pt idx="7998">
                  <c:v>15725.5</c:v>
                </c:pt>
                <c:pt idx="7999">
                  <c:v>15069.2</c:v>
                </c:pt>
                <c:pt idx="8000">
                  <c:v>14716</c:v>
                </c:pt>
                <c:pt idx="8001">
                  <c:v>14550.4</c:v>
                </c:pt>
                <c:pt idx="8002">
                  <c:v>14216.3</c:v>
                </c:pt>
                <c:pt idx="8003">
                  <c:v>5678.88</c:v>
                </c:pt>
                <c:pt idx="8004">
                  <c:v>5662.21</c:v>
                </c:pt>
                <c:pt idx="8005">
                  <c:v>5645.99</c:v>
                </c:pt>
                <c:pt idx="8006">
                  <c:v>13560.1</c:v>
                </c:pt>
                <c:pt idx="8007">
                  <c:v>13567.3</c:v>
                </c:pt>
                <c:pt idx="8008">
                  <c:v>17943.900000000001</c:v>
                </c:pt>
                <c:pt idx="8009">
                  <c:v>16889.2</c:v>
                </c:pt>
                <c:pt idx="8010">
                  <c:v>16485.599999999999</c:v>
                </c:pt>
                <c:pt idx="8011">
                  <c:v>16450</c:v>
                </c:pt>
                <c:pt idx="8012">
                  <c:v>16051.8</c:v>
                </c:pt>
                <c:pt idx="8013">
                  <c:v>15896.4</c:v>
                </c:pt>
                <c:pt idx="8014">
                  <c:v>5678.88</c:v>
                </c:pt>
                <c:pt idx="8015">
                  <c:v>5662.21</c:v>
                </c:pt>
                <c:pt idx="8016">
                  <c:v>5645.99</c:v>
                </c:pt>
                <c:pt idx="8017">
                  <c:v>15072.7</c:v>
                </c:pt>
                <c:pt idx="8018">
                  <c:v>15054.4</c:v>
                </c:pt>
                <c:pt idx="8019">
                  <c:v>19204.8</c:v>
                </c:pt>
                <c:pt idx="8020">
                  <c:v>18393.8</c:v>
                </c:pt>
                <c:pt idx="8021">
                  <c:v>18170.599999999999</c:v>
                </c:pt>
                <c:pt idx="8022">
                  <c:v>17992.7</c:v>
                </c:pt>
                <c:pt idx="8023">
                  <c:v>17556.599999999999</c:v>
                </c:pt>
                <c:pt idx="8024">
                  <c:v>17476</c:v>
                </c:pt>
                <c:pt idx="8025">
                  <c:v>5678.88</c:v>
                </c:pt>
                <c:pt idx="8026">
                  <c:v>5662.21</c:v>
                </c:pt>
                <c:pt idx="8027">
                  <c:v>5645.99</c:v>
                </c:pt>
                <c:pt idx="8028">
                  <c:v>16654.2</c:v>
                </c:pt>
                <c:pt idx="8029">
                  <c:v>16677.8</c:v>
                </c:pt>
                <c:pt idx="8030">
                  <c:v>20978.2</c:v>
                </c:pt>
                <c:pt idx="8031">
                  <c:v>20035.7</c:v>
                </c:pt>
                <c:pt idx="8032">
                  <c:v>19528.7</c:v>
                </c:pt>
                <c:pt idx="8033">
                  <c:v>19374.400000000001</c:v>
                </c:pt>
                <c:pt idx="8034">
                  <c:v>19105.400000000001</c:v>
                </c:pt>
                <c:pt idx="8035">
                  <c:v>18901.099999999999</c:v>
                </c:pt>
                <c:pt idx="8036">
                  <c:v>5678.88</c:v>
                </c:pt>
                <c:pt idx="8037">
                  <c:v>5662.21</c:v>
                </c:pt>
                <c:pt idx="8038">
                  <c:v>5645.99</c:v>
                </c:pt>
                <c:pt idx="8039">
                  <c:v>18215</c:v>
                </c:pt>
                <c:pt idx="8040">
                  <c:v>18185.099999999999</c:v>
                </c:pt>
                <c:pt idx="8041">
                  <c:v>22835.1</c:v>
                </c:pt>
                <c:pt idx="8042">
                  <c:v>21881.8</c:v>
                </c:pt>
                <c:pt idx="8043">
                  <c:v>21314.3</c:v>
                </c:pt>
                <c:pt idx="8044">
                  <c:v>20810.7</c:v>
                </c:pt>
                <c:pt idx="8045">
                  <c:v>20813.400000000001</c:v>
                </c:pt>
                <c:pt idx="8046">
                  <c:v>20451.7</c:v>
                </c:pt>
                <c:pt idx="8047">
                  <c:v>5678.88</c:v>
                </c:pt>
                <c:pt idx="8048">
                  <c:v>5662.21</c:v>
                </c:pt>
                <c:pt idx="8049">
                  <c:v>5645.99</c:v>
                </c:pt>
                <c:pt idx="8050">
                  <c:v>19701.900000000001</c:v>
                </c:pt>
                <c:pt idx="8051">
                  <c:v>19779.599999999999</c:v>
                </c:pt>
                <c:pt idx="8052">
                  <c:v>5393.52</c:v>
                </c:pt>
                <c:pt idx="8053">
                  <c:v>4965.8500000000004</c:v>
                </c:pt>
                <c:pt idx="8054">
                  <c:v>4580.8100000000004</c:v>
                </c:pt>
                <c:pt idx="8055">
                  <c:v>4313.7700000000004</c:v>
                </c:pt>
                <c:pt idx="8056">
                  <c:v>4233.42</c:v>
                </c:pt>
                <c:pt idx="8057">
                  <c:v>4006.8</c:v>
                </c:pt>
                <c:pt idx="8058">
                  <c:v>3935.91</c:v>
                </c:pt>
                <c:pt idx="8059">
                  <c:v>3911.87</c:v>
                </c:pt>
                <c:pt idx="8060">
                  <c:v>3836.72</c:v>
                </c:pt>
                <c:pt idx="8061">
                  <c:v>3745.63</c:v>
                </c:pt>
                <c:pt idx="8062">
                  <c:v>3721.52</c:v>
                </c:pt>
                <c:pt idx="8063">
                  <c:v>6987.75</c:v>
                </c:pt>
                <c:pt idx="8064">
                  <c:v>6285.84</c:v>
                </c:pt>
                <c:pt idx="8065">
                  <c:v>5701.79</c:v>
                </c:pt>
                <c:pt idx="8066">
                  <c:v>5654.13</c:v>
                </c:pt>
                <c:pt idx="8067">
                  <c:v>5449.32</c:v>
                </c:pt>
                <c:pt idx="8068">
                  <c:v>5225.46</c:v>
                </c:pt>
                <c:pt idx="8069">
                  <c:v>5079.2700000000004</c:v>
                </c:pt>
                <c:pt idx="8070">
                  <c:v>4961.79</c:v>
                </c:pt>
                <c:pt idx="8071">
                  <c:v>4914.07</c:v>
                </c:pt>
                <c:pt idx="8072">
                  <c:v>4805.76</c:v>
                </c:pt>
                <c:pt idx="8073">
                  <c:v>4796.8999999999996</c:v>
                </c:pt>
                <c:pt idx="8074">
                  <c:v>8668.8799999999992</c:v>
                </c:pt>
                <c:pt idx="8075">
                  <c:v>7762.95</c:v>
                </c:pt>
                <c:pt idx="8076">
                  <c:v>7437.8</c:v>
                </c:pt>
                <c:pt idx="8077">
                  <c:v>6891.21</c:v>
                </c:pt>
                <c:pt idx="8078">
                  <c:v>6893.06</c:v>
                </c:pt>
                <c:pt idx="8079">
                  <c:v>6461.36</c:v>
                </c:pt>
                <c:pt idx="8080">
                  <c:v>5678.88</c:v>
                </c:pt>
                <c:pt idx="8081">
                  <c:v>5662.21</c:v>
                </c:pt>
                <c:pt idx="8082">
                  <c:v>6421.31</c:v>
                </c:pt>
                <c:pt idx="8083">
                  <c:v>6331.59</c:v>
                </c:pt>
                <c:pt idx="8084">
                  <c:v>6210</c:v>
                </c:pt>
                <c:pt idx="8085">
                  <c:v>10378.4</c:v>
                </c:pt>
                <c:pt idx="8086">
                  <c:v>9277.4</c:v>
                </c:pt>
                <c:pt idx="8087">
                  <c:v>9080.2800000000007</c:v>
                </c:pt>
                <c:pt idx="8088">
                  <c:v>8740.41</c:v>
                </c:pt>
                <c:pt idx="8089">
                  <c:v>8317.3700000000008</c:v>
                </c:pt>
                <c:pt idx="8090">
                  <c:v>8077.02</c:v>
                </c:pt>
                <c:pt idx="8091">
                  <c:v>5678.88</c:v>
                </c:pt>
                <c:pt idx="8092">
                  <c:v>5662.21</c:v>
                </c:pt>
                <c:pt idx="8093">
                  <c:v>5645.99</c:v>
                </c:pt>
                <c:pt idx="8094">
                  <c:v>7425.64</c:v>
                </c:pt>
                <c:pt idx="8095">
                  <c:v>7349.19</c:v>
                </c:pt>
                <c:pt idx="8096">
                  <c:v>11596.2</c:v>
                </c:pt>
                <c:pt idx="8097">
                  <c:v>10777.6</c:v>
                </c:pt>
                <c:pt idx="8098">
                  <c:v>10540.8</c:v>
                </c:pt>
                <c:pt idx="8099">
                  <c:v>10168.5</c:v>
                </c:pt>
                <c:pt idx="8100">
                  <c:v>9896.52</c:v>
                </c:pt>
                <c:pt idx="8101">
                  <c:v>9656.33</c:v>
                </c:pt>
                <c:pt idx="8102">
                  <c:v>5678.88</c:v>
                </c:pt>
                <c:pt idx="8103">
                  <c:v>5662.21</c:v>
                </c:pt>
                <c:pt idx="8104">
                  <c:v>5645.99</c:v>
                </c:pt>
                <c:pt idx="8105">
                  <c:v>8991.85</c:v>
                </c:pt>
                <c:pt idx="8106">
                  <c:v>8997.31</c:v>
                </c:pt>
                <c:pt idx="8107">
                  <c:v>13458.7</c:v>
                </c:pt>
                <c:pt idx="8108">
                  <c:v>12237.1</c:v>
                </c:pt>
                <c:pt idx="8109">
                  <c:v>11874.1</c:v>
                </c:pt>
                <c:pt idx="8110">
                  <c:v>11673.8</c:v>
                </c:pt>
                <c:pt idx="8111">
                  <c:v>11279.4</c:v>
                </c:pt>
                <c:pt idx="8112">
                  <c:v>11172.1</c:v>
                </c:pt>
                <c:pt idx="8113">
                  <c:v>5678.88</c:v>
                </c:pt>
                <c:pt idx="8114">
                  <c:v>5662.21</c:v>
                </c:pt>
                <c:pt idx="8115">
                  <c:v>5645.99</c:v>
                </c:pt>
                <c:pt idx="8116">
                  <c:v>10443.700000000001</c:v>
                </c:pt>
                <c:pt idx="8117">
                  <c:v>10547.6</c:v>
                </c:pt>
                <c:pt idx="8118">
                  <c:v>14560.3</c:v>
                </c:pt>
                <c:pt idx="8119">
                  <c:v>13884.2</c:v>
                </c:pt>
                <c:pt idx="8120">
                  <c:v>13468.4</c:v>
                </c:pt>
                <c:pt idx="8121">
                  <c:v>13233.1</c:v>
                </c:pt>
                <c:pt idx="8122">
                  <c:v>12825.6</c:v>
                </c:pt>
                <c:pt idx="8123">
                  <c:v>12673</c:v>
                </c:pt>
                <c:pt idx="8124">
                  <c:v>5678.88</c:v>
                </c:pt>
                <c:pt idx="8125">
                  <c:v>5662.21</c:v>
                </c:pt>
                <c:pt idx="8126">
                  <c:v>5645.99</c:v>
                </c:pt>
                <c:pt idx="8127">
                  <c:v>11957.6</c:v>
                </c:pt>
                <c:pt idx="8128">
                  <c:v>11963.3</c:v>
                </c:pt>
                <c:pt idx="8129">
                  <c:v>16042</c:v>
                </c:pt>
                <c:pt idx="8130">
                  <c:v>15742.6</c:v>
                </c:pt>
                <c:pt idx="8131">
                  <c:v>14952.4</c:v>
                </c:pt>
                <c:pt idx="8132">
                  <c:v>14727.5</c:v>
                </c:pt>
                <c:pt idx="8133">
                  <c:v>14646.1</c:v>
                </c:pt>
                <c:pt idx="8134">
                  <c:v>14248.4</c:v>
                </c:pt>
                <c:pt idx="8135">
                  <c:v>5678.88</c:v>
                </c:pt>
                <c:pt idx="8136">
                  <c:v>5662.21</c:v>
                </c:pt>
                <c:pt idx="8137">
                  <c:v>5645.99</c:v>
                </c:pt>
                <c:pt idx="8138">
                  <c:v>13591.9</c:v>
                </c:pt>
                <c:pt idx="8139">
                  <c:v>13523</c:v>
                </c:pt>
                <c:pt idx="8140">
                  <c:v>17862.8</c:v>
                </c:pt>
                <c:pt idx="8141">
                  <c:v>16899.5</c:v>
                </c:pt>
                <c:pt idx="8142">
                  <c:v>16724.400000000001</c:v>
                </c:pt>
                <c:pt idx="8143">
                  <c:v>16406.900000000001</c:v>
                </c:pt>
                <c:pt idx="8144">
                  <c:v>16028.9</c:v>
                </c:pt>
                <c:pt idx="8145">
                  <c:v>15748.8</c:v>
                </c:pt>
                <c:pt idx="8146">
                  <c:v>5678.88</c:v>
                </c:pt>
                <c:pt idx="8147">
                  <c:v>5662.21</c:v>
                </c:pt>
                <c:pt idx="8148">
                  <c:v>5645.99</c:v>
                </c:pt>
                <c:pt idx="8149">
                  <c:v>15117.9</c:v>
                </c:pt>
                <c:pt idx="8150">
                  <c:v>15044.7</c:v>
                </c:pt>
                <c:pt idx="8151">
                  <c:v>19439.2</c:v>
                </c:pt>
                <c:pt idx="8152">
                  <c:v>18393.8</c:v>
                </c:pt>
                <c:pt idx="8153">
                  <c:v>17991.599999999999</c:v>
                </c:pt>
                <c:pt idx="8154">
                  <c:v>17842</c:v>
                </c:pt>
                <c:pt idx="8155">
                  <c:v>17552.2</c:v>
                </c:pt>
                <c:pt idx="8156">
                  <c:v>17329.7</c:v>
                </c:pt>
                <c:pt idx="8157">
                  <c:v>5678.88</c:v>
                </c:pt>
                <c:pt idx="8158">
                  <c:v>5662.21</c:v>
                </c:pt>
                <c:pt idx="8159">
                  <c:v>5645.99</c:v>
                </c:pt>
                <c:pt idx="8160">
                  <c:v>16602.900000000001</c:v>
                </c:pt>
                <c:pt idx="8161">
                  <c:v>16650.2</c:v>
                </c:pt>
                <c:pt idx="8162">
                  <c:v>20822</c:v>
                </c:pt>
                <c:pt idx="8163">
                  <c:v>20074.900000000001</c:v>
                </c:pt>
                <c:pt idx="8164">
                  <c:v>19804.3</c:v>
                </c:pt>
                <c:pt idx="8165">
                  <c:v>19330.8</c:v>
                </c:pt>
                <c:pt idx="8166">
                  <c:v>19069.5</c:v>
                </c:pt>
                <c:pt idx="8167">
                  <c:v>18930.099999999999</c:v>
                </c:pt>
                <c:pt idx="8168">
                  <c:v>5678.88</c:v>
                </c:pt>
                <c:pt idx="8169">
                  <c:v>5662.21</c:v>
                </c:pt>
                <c:pt idx="8170">
                  <c:v>5645.99</c:v>
                </c:pt>
                <c:pt idx="8171">
                  <c:v>18102.2</c:v>
                </c:pt>
                <c:pt idx="8172">
                  <c:v>18168</c:v>
                </c:pt>
                <c:pt idx="8173">
                  <c:v>22417.3</c:v>
                </c:pt>
                <c:pt idx="8174">
                  <c:v>21570.1</c:v>
                </c:pt>
                <c:pt idx="8175">
                  <c:v>21307.9</c:v>
                </c:pt>
                <c:pt idx="8176">
                  <c:v>20922.400000000001</c:v>
                </c:pt>
                <c:pt idx="8177">
                  <c:v>20616.900000000001</c:v>
                </c:pt>
                <c:pt idx="8178">
                  <c:v>20379</c:v>
                </c:pt>
                <c:pt idx="8179">
                  <c:v>5678.88</c:v>
                </c:pt>
                <c:pt idx="8180">
                  <c:v>5662.21</c:v>
                </c:pt>
                <c:pt idx="8181">
                  <c:v>5645.99</c:v>
                </c:pt>
                <c:pt idx="8182">
                  <c:v>19634.5</c:v>
                </c:pt>
                <c:pt idx="8183">
                  <c:v>19724.3</c:v>
                </c:pt>
                <c:pt idx="8184">
                  <c:v>5393.52</c:v>
                </c:pt>
                <c:pt idx="8185">
                  <c:v>4885.6000000000004</c:v>
                </c:pt>
                <c:pt idx="8186">
                  <c:v>4508.99</c:v>
                </c:pt>
                <c:pt idx="8187">
                  <c:v>4230.1899999999996</c:v>
                </c:pt>
                <c:pt idx="8188">
                  <c:v>4064.35</c:v>
                </c:pt>
                <c:pt idx="8189">
                  <c:v>3975.4</c:v>
                </c:pt>
                <c:pt idx="8190">
                  <c:v>3822.85</c:v>
                </c:pt>
                <c:pt idx="8191">
                  <c:v>3741.8</c:v>
                </c:pt>
                <c:pt idx="8192">
                  <c:v>3652.45</c:v>
                </c:pt>
                <c:pt idx="8193">
                  <c:v>3602.44</c:v>
                </c:pt>
                <c:pt idx="8194">
                  <c:v>3533.11</c:v>
                </c:pt>
                <c:pt idx="8195">
                  <c:v>6987.75</c:v>
                </c:pt>
                <c:pt idx="8196">
                  <c:v>6285.84</c:v>
                </c:pt>
                <c:pt idx="8197">
                  <c:v>5853.41</c:v>
                </c:pt>
                <c:pt idx="8198">
                  <c:v>5713.36</c:v>
                </c:pt>
                <c:pt idx="8199">
                  <c:v>5449.32</c:v>
                </c:pt>
                <c:pt idx="8200">
                  <c:v>5225.46</c:v>
                </c:pt>
                <c:pt idx="8201">
                  <c:v>5194.09</c:v>
                </c:pt>
                <c:pt idx="8202">
                  <c:v>4944.46</c:v>
                </c:pt>
                <c:pt idx="8203">
                  <c:v>4845.75</c:v>
                </c:pt>
                <c:pt idx="8204">
                  <c:v>4807.8599999999997</c:v>
                </c:pt>
                <c:pt idx="8205">
                  <c:v>4724.8500000000004</c:v>
                </c:pt>
                <c:pt idx="8206">
                  <c:v>8668.8799999999992</c:v>
                </c:pt>
                <c:pt idx="8207">
                  <c:v>7614.23</c:v>
                </c:pt>
                <c:pt idx="8208">
                  <c:v>7500.2</c:v>
                </c:pt>
                <c:pt idx="8209">
                  <c:v>7102.63</c:v>
                </c:pt>
                <c:pt idx="8210">
                  <c:v>6893.06</c:v>
                </c:pt>
                <c:pt idx="8211">
                  <c:v>6461.36</c:v>
                </c:pt>
                <c:pt idx="8212">
                  <c:v>5678.88</c:v>
                </c:pt>
                <c:pt idx="8213">
                  <c:v>5662.21</c:v>
                </c:pt>
                <c:pt idx="8214">
                  <c:v>6197.06</c:v>
                </c:pt>
                <c:pt idx="8215">
                  <c:v>6105.15</c:v>
                </c:pt>
                <c:pt idx="8216">
                  <c:v>6196.59</c:v>
                </c:pt>
                <c:pt idx="8217">
                  <c:v>10378.4</c:v>
                </c:pt>
                <c:pt idx="8218">
                  <c:v>9277.4</c:v>
                </c:pt>
                <c:pt idx="8219">
                  <c:v>9080.2800000000007</c:v>
                </c:pt>
                <c:pt idx="8220">
                  <c:v>8702.93</c:v>
                </c:pt>
                <c:pt idx="8221">
                  <c:v>8317.3700000000008</c:v>
                </c:pt>
                <c:pt idx="8222">
                  <c:v>8077.02</c:v>
                </c:pt>
                <c:pt idx="8223">
                  <c:v>5678.88</c:v>
                </c:pt>
                <c:pt idx="8224">
                  <c:v>5662.21</c:v>
                </c:pt>
                <c:pt idx="8225">
                  <c:v>5645.99</c:v>
                </c:pt>
                <c:pt idx="8226">
                  <c:v>7425.64</c:v>
                </c:pt>
                <c:pt idx="8227">
                  <c:v>7349.19</c:v>
                </c:pt>
                <c:pt idx="8228">
                  <c:v>11596.2</c:v>
                </c:pt>
                <c:pt idx="8229">
                  <c:v>10777.6</c:v>
                </c:pt>
                <c:pt idx="8230">
                  <c:v>10540.8</c:v>
                </c:pt>
                <c:pt idx="8231">
                  <c:v>10033.1</c:v>
                </c:pt>
                <c:pt idx="8232">
                  <c:v>9896.52</c:v>
                </c:pt>
                <c:pt idx="8233">
                  <c:v>9656.33</c:v>
                </c:pt>
                <c:pt idx="8234">
                  <c:v>5678.88</c:v>
                </c:pt>
                <c:pt idx="8235">
                  <c:v>5662.21</c:v>
                </c:pt>
                <c:pt idx="8236">
                  <c:v>5645.99</c:v>
                </c:pt>
                <c:pt idx="8237">
                  <c:v>8991.85</c:v>
                </c:pt>
                <c:pt idx="8238">
                  <c:v>8953.64</c:v>
                </c:pt>
                <c:pt idx="8239">
                  <c:v>13458.7</c:v>
                </c:pt>
                <c:pt idx="8240">
                  <c:v>12237.1</c:v>
                </c:pt>
                <c:pt idx="8241">
                  <c:v>12116.3</c:v>
                </c:pt>
                <c:pt idx="8242">
                  <c:v>11673.8</c:v>
                </c:pt>
                <c:pt idx="8243">
                  <c:v>11519.9</c:v>
                </c:pt>
                <c:pt idx="8244">
                  <c:v>11198.4</c:v>
                </c:pt>
                <c:pt idx="8245">
                  <c:v>5678.88</c:v>
                </c:pt>
                <c:pt idx="8246">
                  <c:v>5662.21</c:v>
                </c:pt>
                <c:pt idx="8247">
                  <c:v>5645.99</c:v>
                </c:pt>
                <c:pt idx="8248">
                  <c:v>10545.8</c:v>
                </c:pt>
                <c:pt idx="8249">
                  <c:v>10547.6</c:v>
                </c:pt>
                <c:pt idx="8250">
                  <c:v>14560.3</c:v>
                </c:pt>
                <c:pt idx="8251">
                  <c:v>14085</c:v>
                </c:pt>
                <c:pt idx="8252">
                  <c:v>13468.4</c:v>
                </c:pt>
                <c:pt idx="8253">
                  <c:v>13244.8</c:v>
                </c:pt>
                <c:pt idx="8254">
                  <c:v>13021.4</c:v>
                </c:pt>
                <c:pt idx="8255">
                  <c:v>12673</c:v>
                </c:pt>
                <c:pt idx="8256">
                  <c:v>5678.88</c:v>
                </c:pt>
                <c:pt idx="8257">
                  <c:v>5662.21</c:v>
                </c:pt>
                <c:pt idx="8258">
                  <c:v>5645.99</c:v>
                </c:pt>
                <c:pt idx="8259">
                  <c:v>12049.3</c:v>
                </c:pt>
                <c:pt idx="8260">
                  <c:v>12000.1</c:v>
                </c:pt>
                <c:pt idx="8261">
                  <c:v>16042</c:v>
                </c:pt>
                <c:pt idx="8262">
                  <c:v>15336.9</c:v>
                </c:pt>
                <c:pt idx="8263">
                  <c:v>14952.4</c:v>
                </c:pt>
                <c:pt idx="8264">
                  <c:v>14738.2</c:v>
                </c:pt>
                <c:pt idx="8265">
                  <c:v>14510.7</c:v>
                </c:pt>
                <c:pt idx="8266">
                  <c:v>14248.4</c:v>
                </c:pt>
                <c:pt idx="8267">
                  <c:v>5678.88</c:v>
                </c:pt>
                <c:pt idx="8268">
                  <c:v>5662.21</c:v>
                </c:pt>
                <c:pt idx="8269">
                  <c:v>5645.99</c:v>
                </c:pt>
                <c:pt idx="8270">
                  <c:v>13605.3</c:v>
                </c:pt>
                <c:pt idx="8271">
                  <c:v>13519.7</c:v>
                </c:pt>
                <c:pt idx="8272">
                  <c:v>17773.2</c:v>
                </c:pt>
                <c:pt idx="8273">
                  <c:v>16909.2</c:v>
                </c:pt>
                <c:pt idx="8274">
                  <c:v>16724.400000000001</c:v>
                </c:pt>
                <c:pt idx="8275">
                  <c:v>16378.8</c:v>
                </c:pt>
                <c:pt idx="8276">
                  <c:v>16112.4</c:v>
                </c:pt>
                <c:pt idx="8277">
                  <c:v>15859</c:v>
                </c:pt>
                <c:pt idx="8278">
                  <c:v>5678.88</c:v>
                </c:pt>
                <c:pt idx="8279">
                  <c:v>5662.21</c:v>
                </c:pt>
                <c:pt idx="8280">
                  <c:v>5645.99</c:v>
                </c:pt>
                <c:pt idx="8281">
                  <c:v>15086.7</c:v>
                </c:pt>
                <c:pt idx="8282">
                  <c:v>15118.8</c:v>
                </c:pt>
                <c:pt idx="8283">
                  <c:v>19449.3</c:v>
                </c:pt>
                <c:pt idx="8284">
                  <c:v>18393.8</c:v>
                </c:pt>
                <c:pt idx="8285">
                  <c:v>18066.3</c:v>
                </c:pt>
                <c:pt idx="8286">
                  <c:v>17911.400000000001</c:v>
                </c:pt>
                <c:pt idx="8287">
                  <c:v>17575.400000000001</c:v>
                </c:pt>
                <c:pt idx="8288">
                  <c:v>17394.5</c:v>
                </c:pt>
                <c:pt idx="8289">
                  <c:v>5678.88</c:v>
                </c:pt>
                <c:pt idx="8290">
                  <c:v>5662.21</c:v>
                </c:pt>
                <c:pt idx="8291">
                  <c:v>5645.99</c:v>
                </c:pt>
                <c:pt idx="8292">
                  <c:v>16648.900000000001</c:v>
                </c:pt>
                <c:pt idx="8293">
                  <c:v>16632.2</c:v>
                </c:pt>
                <c:pt idx="8294">
                  <c:v>20822</c:v>
                </c:pt>
                <c:pt idx="8295">
                  <c:v>19940.400000000001</c:v>
                </c:pt>
                <c:pt idx="8296">
                  <c:v>19527.2</c:v>
                </c:pt>
                <c:pt idx="8297">
                  <c:v>19404.400000000001</c:v>
                </c:pt>
                <c:pt idx="8298">
                  <c:v>19069.5</c:v>
                </c:pt>
                <c:pt idx="8299">
                  <c:v>18828.8</c:v>
                </c:pt>
                <c:pt idx="8300">
                  <c:v>5678.88</c:v>
                </c:pt>
                <c:pt idx="8301">
                  <c:v>5662.21</c:v>
                </c:pt>
                <c:pt idx="8302">
                  <c:v>5645.99</c:v>
                </c:pt>
                <c:pt idx="8303">
                  <c:v>18218.2</c:v>
                </c:pt>
                <c:pt idx="8304">
                  <c:v>18121.400000000001</c:v>
                </c:pt>
                <c:pt idx="8305">
                  <c:v>22447.3</c:v>
                </c:pt>
                <c:pt idx="8306">
                  <c:v>21591.599999999999</c:v>
                </c:pt>
                <c:pt idx="8307">
                  <c:v>21307.9</c:v>
                </c:pt>
                <c:pt idx="8308">
                  <c:v>20787.900000000001</c:v>
                </c:pt>
                <c:pt idx="8309">
                  <c:v>20684.099999999999</c:v>
                </c:pt>
                <c:pt idx="8310">
                  <c:v>20467.599999999999</c:v>
                </c:pt>
                <c:pt idx="8311">
                  <c:v>5678.88</c:v>
                </c:pt>
                <c:pt idx="8312">
                  <c:v>5662.21</c:v>
                </c:pt>
                <c:pt idx="8313">
                  <c:v>5645.99</c:v>
                </c:pt>
                <c:pt idx="8314">
                  <c:v>19638.2</c:v>
                </c:pt>
                <c:pt idx="8315">
                  <c:v>19728.7</c:v>
                </c:pt>
                <c:pt idx="8316">
                  <c:v>5393.52</c:v>
                </c:pt>
                <c:pt idx="8317">
                  <c:v>4898.1000000000004</c:v>
                </c:pt>
                <c:pt idx="8318">
                  <c:v>4523.1099999999997</c:v>
                </c:pt>
                <c:pt idx="8319">
                  <c:v>4240.03</c:v>
                </c:pt>
                <c:pt idx="8320">
                  <c:v>3990.88</c:v>
                </c:pt>
                <c:pt idx="8321">
                  <c:v>3882.39</c:v>
                </c:pt>
                <c:pt idx="8322">
                  <c:v>3770.39</c:v>
                </c:pt>
                <c:pt idx="8323">
                  <c:v>3671.19</c:v>
                </c:pt>
                <c:pt idx="8324">
                  <c:v>3596.46</c:v>
                </c:pt>
                <c:pt idx="8325">
                  <c:v>3535.21</c:v>
                </c:pt>
                <c:pt idx="8326">
                  <c:v>3455.12</c:v>
                </c:pt>
                <c:pt idx="8327">
                  <c:v>6987.75</c:v>
                </c:pt>
                <c:pt idx="8328">
                  <c:v>6285.84</c:v>
                </c:pt>
                <c:pt idx="8329">
                  <c:v>5824.92</c:v>
                </c:pt>
                <c:pt idx="8330">
                  <c:v>5466.1</c:v>
                </c:pt>
                <c:pt idx="8331">
                  <c:v>5449.32</c:v>
                </c:pt>
                <c:pt idx="8332">
                  <c:v>5057.25</c:v>
                </c:pt>
                <c:pt idx="8333">
                  <c:v>5171.79</c:v>
                </c:pt>
                <c:pt idx="8334">
                  <c:v>5049.2700000000004</c:v>
                </c:pt>
                <c:pt idx="8335">
                  <c:v>4830.3500000000004</c:v>
                </c:pt>
                <c:pt idx="8336">
                  <c:v>4809.82</c:v>
                </c:pt>
                <c:pt idx="8337">
                  <c:v>4726.5200000000004</c:v>
                </c:pt>
                <c:pt idx="8338">
                  <c:v>8516.74</c:v>
                </c:pt>
                <c:pt idx="8339">
                  <c:v>7594.89</c:v>
                </c:pt>
                <c:pt idx="8340">
                  <c:v>7326.66</c:v>
                </c:pt>
                <c:pt idx="8341">
                  <c:v>7102.63</c:v>
                </c:pt>
                <c:pt idx="8342">
                  <c:v>6893.06</c:v>
                </c:pt>
                <c:pt idx="8343">
                  <c:v>6461.36</c:v>
                </c:pt>
                <c:pt idx="8344">
                  <c:v>5678.88</c:v>
                </c:pt>
                <c:pt idx="8345">
                  <c:v>5662.21</c:v>
                </c:pt>
                <c:pt idx="8346">
                  <c:v>6197.06</c:v>
                </c:pt>
                <c:pt idx="8347">
                  <c:v>6105.15</c:v>
                </c:pt>
                <c:pt idx="8348">
                  <c:v>6196.59</c:v>
                </c:pt>
                <c:pt idx="8349">
                  <c:v>10160.5</c:v>
                </c:pt>
                <c:pt idx="8350">
                  <c:v>9277.4</c:v>
                </c:pt>
                <c:pt idx="8351">
                  <c:v>9080.2800000000007</c:v>
                </c:pt>
                <c:pt idx="8352">
                  <c:v>8702.93</c:v>
                </c:pt>
                <c:pt idx="8353">
                  <c:v>8317.3700000000008</c:v>
                </c:pt>
                <c:pt idx="8354">
                  <c:v>8077.02</c:v>
                </c:pt>
                <c:pt idx="8355">
                  <c:v>5678.88</c:v>
                </c:pt>
                <c:pt idx="8356">
                  <c:v>5662.21</c:v>
                </c:pt>
                <c:pt idx="8357">
                  <c:v>5645.99</c:v>
                </c:pt>
                <c:pt idx="8358">
                  <c:v>7425.64</c:v>
                </c:pt>
                <c:pt idx="8359">
                  <c:v>7349.19</c:v>
                </c:pt>
                <c:pt idx="8360">
                  <c:v>11596.2</c:v>
                </c:pt>
                <c:pt idx="8361">
                  <c:v>10777.6</c:v>
                </c:pt>
                <c:pt idx="8362">
                  <c:v>10540.8</c:v>
                </c:pt>
                <c:pt idx="8363">
                  <c:v>10132.799999999999</c:v>
                </c:pt>
                <c:pt idx="8364">
                  <c:v>9896.52</c:v>
                </c:pt>
                <c:pt idx="8365">
                  <c:v>9656.33</c:v>
                </c:pt>
                <c:pt idx="8366">
                  <c:v>5678.88</c:v>
                </c:pt>
                <c:pt idx="8367">
                  <c:v>5662.21</c:v>
                </c:pt>
                <c:pt idx="8368">
                  <c:v>5645.99</c:v>
                </c:pt>
                <c:pt idx="8369">
                  <c:v>8991.85</c:v>
                </c:pt>
                <c:pt idx="8370">
                  <c:v>8953.64</c:v>
                </c:pt>
                <c:pt idx="8371">
                  <c:v>13265.6</c:v>
                </c:pt>
                <c:pt idx="8372">
                  <c:v>12237.1</c:v>
                </c:pt>
                <c:pt idx="8373">
                  <c:v>12065.9</c:v>
                </c:pt>
                <c:pt idx="8374">
                  <c:v>11673.8</c:v>
                </c:pt>
                <c:pt idx="8375">
                  <c:v>11429.7</c:v>
                </c:pt>
                <c:pt idx="8376">
                  <c:v>11284.2</c:v>
                </c:pt>
                <c:pt idx="8377">
                  <c:v>5678.88</c:v>
                </c:pt>
                <c:pt idx="8378">
                  <c:v>5662.21</c:v>
                </c:pt>
                <c:pt idx="8379">
                  <c:v>5645.99</c:v>
                </c:pt>
                <c:pt idx="8380">
                  <c:v>10522.9</c:v>
                </c:pt>
                <c:pt idx="8381">
                  <c:v>10547.6</c:v>
                </c:pt>
                <c:pt idx="8382">
                  <c:v>14560.3</c:v>
                </c:pt>
                <c:pt idx="8383">
                  <c:v>13822</c:v>
                </c:pt>
                <c:pt idx="8384">
                  <c:v>13468.4</c:v>
                </c:pt>
                <c:pt idx="8385">
                  <c:v>13067.4</c:v>
                </c:pt>
                <c:pt idx="8386">
                  <c:v>12971.8</c:v>
                </c:pt>
                <c:pt idx="8387">
                  <c:v>12764.4</c:v>
                </c:pt>
                <c:pt idx="8388">
                  <c:v>5678.88</c:v>
                </c:pt>
                <c:pt idx="8389">
                  <c:v>5662.21</c:v>
                </c:pt>
                <c:pt idx="8390">
                  <c:v>5645.99</c:v>
                </c:pt>
                <c:pt idx="8391">
                  <c:v>12025</c:v>
                </c:pt>
                <c:pt idx="8392">
                  <c:v>11974.7</c:v>
                </c:pt>
                <c:pt idx="8393">
                  <c:v>16042</c:v>
                </c:pt>
                <c:pt idx="8394">
                  <c:v>15535.6</c:v>
                </c:pt>
                <c:pt idx="8395">
                  <c:v>14952.4</c:v>
                </c:pt>
                <c:pt idx="8396">
                  <c:v>14656.5</c:v>
                </c:pt>
                <c:pt idx="8397">
                  <c:v>14367.6</c:v>
                </c:pt>
                <c:pt idx="8398">
                  <c:v>14248.4</c:v>
                </c:pt>
                <c:pt idx="8399">
                  <c:v>5678.88</c:v>
                </c:pt>
                <c:pt idx="8400">
                  <c:v>5662.21</c:v>
                </c:pt>
                <c:pt idx="8401">
                  <c:v>5645.99</c:v>
                </c:pt>
                <c:pt idx="8402">
                  <c:v>13606.1</c:v>
                </c:pt>
                <c:pt idx="8403">
                  <c:v>13557.4</c:v>
                </c:pt>
                <c:pt idx="8404">
                  <c:v>17783.8</c:v>
                </c:pt>
                <c:pt idx="8405">
                  <c:v>16918.400000000001</c:v>
                </c:pt>
                <c:pt idx="8406">
                  <c:v>16724.400000000001</c:v>
                </c:pt>
                <c:pt idx="8407">
                  <c:v>16257.5</c:v>
                </c:pt>
                <c:pt idx="8408">
                  <c:v>16169.4</c:v>
                </c:pt>
                <c:pt idx="8409">
                  <c:v>15928.1</c:v>
                </c:pt>
                <c:pt idx="8410">
                  <c:v>5678.88</c:v>
                </c:pt>
                <c:pt idx="8411">
                  <c:v>5662.21</c:v>
                </c:pt>
                <c:pt idx="8412">
                  <c:v>5645.99</c:v>
                </c:pt>
                <c:pt idx="8413">
                  <c:v>15102.4</c:v>
                </c:pt>
                <c:pt idx="8414">
                  <c:v>15057.2</c:v>
                </c:pt>
                <c:pt idx="8415">
                  <c:v>19458.900000000001</c:v>
                </c:pt>
                <c:pt idx="8416">
                  <c:v>18393.8</c:v>
                </c:pt>
                <c:pt idx="8417">
                  <c:v>18343.900000000001</c:v>
                </c:pt>
                <c:pt idx="8418">
                  <c:v>17911.400000000001</c:v>
                </c:pt>
                <c:pt idx="8419">
                  <c:v>17647.5</c:v>
                </c:pt>
                <c:pt idx="8420">
                  <c:v>17475.099999999999</c:v>
                </c:pt>
                <c:pt idx="8421">
                  <c:v>5678.88</c:v>
                </c:pt>
                <c:pt idx="8422">
                  <c:v>5662.21</c:v>
                </c:pt>
                <c:pt idx="8423">
                  <c:v>5645.99</c:v>
                </c:pt>
                <c:pt idx="8424">
                  <c:v>16576.900000000001</c:v>
                </c:pt>
                <c:pt idx="8425">
                  <c:v>16570.599999999999</c:v>
                </c:pt>
                <c:pt idx="8426">
                  <c:v>20822</c:v>
                </c:pt>
                <c:pt idx="8427">
                  <c:v>20196.3</c:v>
                </c:pt>
                <c:pt idx="8428">
                  <c:v>19547.8</c:v>
                </c:pt>
                <c:pt idx="8429">
                  <c:v>19495.2</c:v>
                </c:pt>
                <c:pt idx="8430">
                  <c:v>19167.099999999999</c:v>
                </c:pt>
                <c:pt idx="8431">
                  <c:v>18906</c:v>
                </c:pt>
                <c:pt idx="8432">
                  <c:v>5678.88</c:v>
                </c:pt>
                <c:pt idx="8433">
                  <c:v>5662.21</c:v>
                </c:pt>
                <c:pt idx="8434">
                  <c:v>5645.99</c:v>
                </c:pt>
                <c:pt idx="8435">
                  <c:v>18164.400000000001</c:v>
                </c:pt>
                <c:pt idx="8436">
                  <c:v>18188.900000000001</c:v>
                </c:pt>
                <c:pt idx="8437">
                  <c:v>22557.1</c:v>
                </c:pt>
                <c:pt idx="8438">
                  <c:v>21613.8</c:v>
                </c:pt>
                <c:pt idx="8439">
                  <c:v>21307.9</c:v>
                </c:pt>
                <c:pt idx="8440">
                  <c:v>20787.900000000001</c:v>
                </c:pt>
                <c:pt idx="8441">
                  <c:v>20701.900000000001</c:v>
                </c:pt>
                <c:pt idx="8442">
                  <c:v>20468.2</c:v>
                </c:pt>
                <c:pt idx="8443">
                  <c:v>5678.88</c:v>
                </c:pt>
                <c:pt idx="8444">
                  <c:v>5662.21</c:v>
                </c:pt>
                <c:pt idx="8445">
                  <c:v>5645.99</c:v>
                </c:pt>
                <c:pt idx="8446">
                  <c:v>19696.400000000001</c:v>
                </c:pt>
                <c:pt idx="8447">
                  <c:v>19747.599999999999</c:v>
                </c:pt>
                <c:pt idx="8448">
                  <c:v>5393.52</c:v>
                </c:pt>
                <c:pt idx="8449">
                  <c:v>4947.87</c:v>
                </c:pt>
                <c:pt idx="8450">
                  <c:v>4455.1499999999996</c:v>
                </c:pt>
                <c:pt idx="8451">
                  <c:v>4172.5600000000004</c:v>
                </c:pt>
                <c:pt idx="8452">
                  <c:v>4000.84</c:v>
                </c:pt>
                <c:pt idx="8453">
                  <c:v>3819.14</c:v>
                </c:pt>
                <c:pt idx="8454">
                  <c:v>3701.97</c:v>
                </c:pt>
                <c:pt idx="8455">
                  <c:v>3591.48</c:v>
                </c:pt>
                <c:pt idx="8456">
                  <c:v>3495.92</c:v>
                </c:pt>
                <c:pt idx="8457">
                  <c:v>3449.65</c:v>
                </c:pt>
                <c:pt idx="8458">
                  <c:v>3370.5</c:v>
                </c:pt>
                <c:pt idx="8459">
                  <c:v>6987.75</c:v>
                </c:pt>
                <c:pt idx="8460">
                  <c:v>6285.84</c:v>
                </c:pt>
                <c:pt idx="8461">
                  <c:v>5824.92</c:v>
                </c:pt>
                <c:pt idx="8462">
                  <c:v>5466.1</c:v>
                </c:pt>
                <c:pt idx="8463">
                  <c:v>5449.32</c:v>
                </c:pt>
                <c:pt idx="8464">
                  <c:v>5227.08</c:v>
                </c:pt>
                <c:pt idx="8465">
                  <c:v>5171.79</c:v>
                </c:pt>
                <c:pt idx="8466">
                  <c:v>5022.84</c:v>
                </c:pt>
                <c:pt idx="8467">
                  <c:v>4928.59</c:v>
                </c:pt>
                <c:pt idx="8468">
                  <c:v>4743.84</c:v>
                </c:pt>
                <c:pt idx="8469">
                  <c:v>4728.0600000000004</c:v>
                </c:pt>
                <c:pt idx="8470">
                  <c:v>8516.74</c:v>
                </c:pt>
                <c:pt idx="8471">
                  <c:v>7594.89</c:v>
                </c:pt>
                <c:pt idx="8472">
                  <c:v>7307.95</c:v>
                </c:pt>
                <c:pt idx="8473">
                  <c:v>7102.63</c:v>
                </c:pt>
                <c:pt idx="8474">
                  <c:v>6893.06</c:v>
                </c:pt>
                <c:pt idx="8475">
                  <c:v>6461.36</c:v>
                </c:pt>
                <c:pt idx="8476">
                  <c:v>5678.88</c:v>
                </c:pt>
                <c:pt idx="8477">
                  <c:v>5662.21</c:v>
                </c:pt>
                <c:pt idx="8478">
                  <c:v>6197.06</c:v>
                </c:pt>
                <c:pt idx="8479">
                  <c:v>6105.15</c:v>
                </c:pt>
                <c:pt idx="8480">
                  <c:v>6196.59</c:v>
                </c:pt>
                <c:pt idx="8481">
                  <c:v>10160.5</c:v>
                </c:pt>
                <c:pt idx="8482">
                  <c:v>9277.4</c:v>
                </c:pt>
                <c:pt idx="8483">
                  <c:v>8970.5499999999993</c:v>
                </c:pt>
                <c:pt idx="8484">
                  <c:v>8702.93</c:v>
                </c:pt>
                <c:pt idx="8485">
                  <c:v>8222.41</c:v>
                </c:pt>
                <c:pt idx="8486">
                  <c:v>8149.46</c:v>
                </c:pt>
                <c:pt idx="8487">
                  <c:v>5678.88</c:v>
                </c:pt>
                <c:pt idx="8488">
                  <c:v>5662.21</c:v>
                </c:pt>
                <c:pt idx="8489">
                  <c:v>5645.99</c:v>
                </c:pt>
                <c:pt idx="8490">
                  <c:v>7425.64</c:v>
                </c:pt>
                <c:pt idx="8491">
                  <c:v>7349.19</c:v>
                </c:pt>
                <c:pt idx="8492">
                  <c:v>11596.2</c:v>
                </c:pt>
                <c:pt idx="8493">
                  <c:v>10777.6</c:v>
                </c:pt>
                <c:pt idx="8494">
                  <c:v>10414</c:v>
                </c:pt>
                <c:pt idx="8495">
                  <c:v>10132.799999999999</c:v>
                </c:pt>
                <c:pt idx="8496">
                  <c:v>9896.52</c:v>
                </c:pt>
                <c:pt idx="8497">
                  <c:v>9656.33</c:v>
                </c:pt>
                <c:pt idx="8498">
                  <c:v>5678.88</c:v>
                </c:pt>
                <c:pt idx="8499">
                  <c:v>5662.21</c:v>
                </c:pt>
                <c:pt idx="8500">
                  <c:v>5645.99</c:v>
                </c:pt>
                <c:pt idx="8501">
                  <c:v>8991.85</c:v>
                </c:pt>
                <c:pt idx="8502">
                  <c:v>8953.64</c:v>
                </c:pt>
                <c:pt idx="8503">
                  <c:v>13265.6</c:v>
                </c:pt>
                <c:pt idx="8504">
                  <c:v>12237.1</c:v>
                </c:pt>
                <c:pt idx="8505">
                  <c:v>11944.4</c:v>
                </c:pt>
                <c:pt idx="8506">
                  <c:v>11673.8</c:v>
                </c:pt>
                <c:pt idx="8507">
                  <c:v>11386.6</c:v>
                </c:pt>
                <c:pt idx="8508">
                  <c:v>11271</c:v>
                </c:pt>
                <c:pt idx="8509">
                  <c:v>5678.88</c:v>
                </c:pt>
                <c:pt idx="8510">
                  <c:v>5662.21</c:v>
                </c:pt>
                <c:pt idx="8511">
                  <c:v>5645.99</c:v>
                </c:pt>
                <c:pt idx="8512">
                  <c:v>10522.9</c:v>
                </c:pt>
                <c:pt idx="8513">
                  <c:v>10492.2</c:v>
                </c:pt>
                <c:pt idx="8514">
                  <c:v>14560.3</c:v>
                </c:pt>
                <c:pt idx="8515">
                  <c:v>13833.9</c:v>
                </c:pt>
                <c:pt idx="8516">
                  <c:v>13468.4</c:v>
                </c:pt>
                <c:pt idx="8517">
                  <c:v>13166</c:v>
                </c:pt>
                <c:pt idx="8518">
                  <c:v>12865</c:v>
                </c:pt>
                <c:pt idx="8519">
                  <c:v>12741.9</c:v>
                </c:pt>
                <c:pt idx="8520">
                  <c:v>5678.88</c:v>
                </c:pt>
                <c:pt idx="8521">
                  <c:v>5662.21</c:v>
                </c:pt>
                <c:pt idx="8522">
                  <c:v>5645.99</c:v>
                </c:pt>
                <c:pt idx="8523">
                  <c:v>11971.8</c:v>
                </c:pt>
                <c:pt idx="8524">
                  <c:v>11955.9</c:v>
                </c:pt>
                <c:pt idx="8525">
                  <c:v>16042</c:v>
                </c:pt>
                <c:pt idx="8526">
                  <c:v>15537.2</c:v>
                </c:pt>
                <c:pt idx="8527">
                  <c:v>14952.4</c:v>
                </c:pt>
                <c:pt idx="8528">
                  <c:v>14819.4</c:v>
                </c:pt>
                <c:pt idx="8529">
                  <c:v>14510.7</c:v>
                </c:pt>
                <c:pt idx="8530">
                  <c:v>14248.4</c:v>
                </c:pt>
                <c:pt idx="8531">
                  <c:v>5678.88</c:v>
                </c:pt>
                <c:pt idx="8532">
                  <c:v>5662.21</c:v>
                </c:pt>
                <c:pt idx="8533">
                  <c:v>5645.99</c:v>
                </c:pt>
                <c:pt idx="8534">
                  <c:v>13554.2</c:v>
                </c:pt>
                <c:pt idx="8535">
                  <c:v>13504.5</c:v>
                </c:pt>
                <c:pt idx="8536">
                  <c:v>17763</c:v>
                </c:pt>
                <c:pt idx="8537">
                  <c:v>16982.8</c:v>
                </c:pt>
                <c:pt idx="8538">
                  <c:v>16594.3</c:v>
                </c:pt>
                <c:pt idx="8539">
                  <c:v>16207.7</c:v>
                </c:pt>
                <c:pt idx="8540">
                  <c:v>16038.7</c:v>
                </c:pt>
                <c:pt idx="8541">
                  <c:v>15754.3</c:v>
                </c:pt>
                <c:pt idx="8542">
                  <c:v>5678.88</c:v>
                </c:pt>
                <c:pt idx="8543">
                  <c:v>5662.21</c:v>
                </c:pt>
                <c:pt idx="8544">
                  <c:v>5645.99</c:v>
                </c:pt>
                <c:pt idx="8545">
                  <c:v>15143.2</c:v>
                </c:pt>
                <c:pt idx="8546">
                  <c:v>15093.9</c:v>
                </c:pt>
                <c:pt idx="8547">
                  <c:v>19467.900000000001</c:v>
                </c:pt>
                <c:pt idx="8548">
                  <c:v>18393.8</c:v>
                </c:pt>
                <c:pt idx="8549">
                  <c:v>18146.900000000001</c:v>
                </c:pt>
                <c:pt idx="8550">
                  <c:v>17800.099999999999</c:v>
                </c:pt>
                <c:pt idx="8551">
                  <c:v>17588.099999999999</c:v>
                </c:pt>
                <c:pt idx="8552">
                  <c:v>17328.900000000001</c:v>
                </c:pt>
                <c:pt idx="8553">
                  <c:v>5678.88</c:v>
                </c:pt>
                <c:pt idx="8554">
                  <c:v>5662.21</c:v>
                </c:pt>
                <c:pt idx="8555">
                  <c:v>5645.99</c:v>
                </c:pt>
                <c:pt idx="8556">
                  <c:v>16673.900000000001</c:v>
                </c:pt>
                <c:pt idx="8557">
                  <c:v>16623.8</c:v>
                </c:pt>
                <c:pt idx="8558">
                  <c:v>20822</c:v>
                </c:pt>
                <c:pt idx="8559">
                  <c:v>20171.8</c:v>
                </c:pt>
                <c:pt idx="8560">
                  <c:v>19569.400000000001</c:v>
                </c:pt>
                <c:pt idx="8561">
                  <c:v>19266.599999999999</c:v>
                </c:pt>
                <c:pt idx="8562">
                  <c:v>19145.8</c:v>
                </c:pt>
                <c:pt idx="8563">
                  <c:v>18910.3</c:v>
                </c:pt>
                <c:pt idx="8564">
                  <c:v>5678.88</c:v>
                </c:pt>
                <c:pt idx="8565">
                  <c:v>5662.21</c:v>
                </c:pt>
                <c:pt idx="8566">
                  <c:v>5645.99</c:v>
                </c:pt>
                <c:pt idx="8567">
                  <c:v>18156</c:v>
                </c:pt>
                <c:pt idx="8568">
                  <c:v>18188.900000000001</c:v>
                </c:pt>
                <c:pt idx="8569">
                  <c:v>22503.200000000001</c:v>
                </c:pt>
                <c:pt idx="8570">
                  <c:v>21732.1</c:v>
                </c:pt>
                <c:pt idx="8571">
                  <c:v>21307.9</c:v>
                </c:pt>
                <c:pt idx="8572">
                  <c:v>20787.900000000001</c:v>
                </c:pt>
                <c:pt idx="8573">
                  <c:v>20640.8</c:v>
                </c:pt>
                <c:pt idx="8574">
                  <c:v>20439</c:v>
                </c:pt>
                <c:pt idx="8575">
                  <c:v>5678.88</c:v>
                </c:pt>
                <c:pt idx="8576">
                  <c:v>5662.21</c:v>
                </c:pt>
                <c:pt idx="8577">
                  <c:v>5645.99</c:v>
                </c:pt>
                <c:pt idx="8578">
                  <c:v>19687.7</c:v>
                </c:pt>
                <c:pt idx="8579">
                  <c:v>19738.5</c:v>
                </c:pt>
                <c:pt idx="8580">
                  <c:v>5393.52</c:v>
                </c:pt>
                <c:pt idx="8581">
                  <c:v>4947.87</c:v>
                </c:pt>
                <c:pt idx="8582">
                  <c:v>4455.84</c:v>
                </c:pt>
                <c:pt idx="8583">
                  <c:v>4180.49</c:v>
                </c:pt>
                <c:pt idx="8584">
                  <c:v>3937.31</c:v>
                </c:pt>
                <c:pt idx="8585">
                  <c:v>3768.88</c:v>
                </c:pt>
                <c:pt idx="8586">
                  <c:v>3649.18</c:v>
                </c:pt>
                <c:pt idx="8587">
                  <c:v>3535.9</c:v>
                </c:pt>
                <c:pt idx="8588">
                  <c:v>3479.84</c:v>
                </c:pt>
                <c:pt idx="8589">
                  <c:v>3385.51</c:v>
                </c:pt>
                <c:pt idx="8590">
                  <c:v>3351.39</c:v>
                </c:pt>
                <c:pt idx="8591">
                  <c:v>6987.75</c:v>
                </c:pt>
                <c:pt idx="8592">
                  <c:v>6285.84</c:v>
                </c:pt>
                <c:pt idx="8593">
                  <c:v>5824.92</c:v>
                </c:pt>
                <c:pt idx="8594">
                  <c:v>5466.1</c:v>
                </c:pt>
                <c:pt idx="8595">
                  <c:v>5449.32</c:v>
                </c:pt>
                <c:pt idx="8596">
                  <c:v>5227.08</c:v>
                </c:pt>
                <c:pt idx="8597">
                  <c:v>5025.2700000000004</c:v>
                </c:pt>
                <c:pt idx="8598">
                  <c:v>4946.2</c:v>
                </c:pt>
                <c:pt idx="8599">
                  <c:v>4906.3100000000004</c:v>
                </c:pt>
                <c:pt idx="8600">
                  <c:v>4839.18</c:v>
                </c:pt>
                <c:pt idx="8601">
                  <c:v>4691.8500000000004</c:v>
                </c:pt>
                <c:pt idx="8602">
                  <c:v>8516.74</c:v>
                </c:pt>
                <c:pt idx="8603">
                  <c:v>7594.89</c:v>
                </c:pt>
                <c:pt idx="8604">
                  <c:v>7231.57</c:v>
                </c:pt>
                <c:pt idx="8605">
                  <c:v>7102.63</c:v>
                </c:pt>
                <c:pt idx="8606">
                  <c:v>6795.53</c:v>
                </c:pt>
                <c:pt idx="8607">
                  <c:v>6461.36</c:v>
                </c:pt>
                <c:pt idx="8608">
                  <c:v>5678.88</c:v>
                </c:pt>
                <c:pt idx="8609">
                  <c:v>5662.21</c:v>
                </c:pt>
                <c:pt idx="8610">
                  <c:v>6258.1</c:v>
                </c:pt>
                <c:pt idx="8611">
                  <c:v>6185.74</c:v>
                </c:pt>
                <c:pt idx="8612">
                  <c:v>6076.28</c:v>
                </c:pt>
                <c:pt idx="8613">
                  <c:v>10160.5</c:v>
                </c:pt>
                <c:pt idx="8614">
                  <c:v>9277.4</c:v>
                </c:pt>
                <c:pt idx="8615">
                  <c:v>8947.84</c:v>
                </c:pt>
                <c:pt idx="8616">
                  <c:v>8597.35</c:v>
                </c:pt>
                <c:pt idx="8617">
                  <c:v>8222.41</c:v>
                </c:pt>
                <c:pt idx="8618">
                  <c:v>8149.46</c:v>
                </c:pt>
                <c:pt idx="8619">
                  <c:v>5678.88</c:v>
                </c:pt>
                <c:pt idx="8620">
                  <c:v>5662.21</c:v>
                </c:pt>
                <c:pt idx="8621">
                  <c:v>5645.99</c:v>
                </c:pt>
                <c:pt idx="8622">
                  <c:v>7425.64</c:v>
                </c:pt>
                <c:pt idx="8623">
                  <c:v>7349.19</c:v>
                </c:pt>
                <c:pt idx="8624">
                  <c:v>11596.2</c:v>
                </c:pt>
                <c:pt idx="8625">
                  <c:v>10777.6</c:v>
                </c:pt>
                <c:pt idx="8626">
                  <c:v>10414</c:v>
                </c:pt>
                <c:pt idx="8627">
                  <c:v>10132.799999999999</c:v>
                </c:pt>
                <c:pt idx="8628">
                  <c:v>9896.52</c:v>
                </c:pt>
                <c:pt idx="8629">
                  <c:v>9656.33</c:v>
                </c:pt>
                <c:pt idx="8630">
                  <c:v>5678.88</c:v>
                </c:pt>
                <c:pt idx="8631">
                  <c:v>5662.21</c:v>
                </c:pt>
                <c:pt idx="8632">
                  <c:v>8991.85</c:v>
                </c:pt>
                <c:pt idx="8633">
                  <c:v>8953.64</c:v>
                </c:pt>
                <c:pt idx="8634">
                  <c:v>13265.6</c:v>
                </c:pt>
                <c:pt idx="8635">
                  <c:v>12237.1</c:v>
                </c:pt>
                <c:pt idx="8636">
                  <c:v>11944.4</c:v>
                </c:pt>
                <c:pt idx="8637">
                  <c:v>11673.8</c:v>
                </c:pt>
                <c:pt idx="8638">
                  <c:v>11353.9</c:v>
                </c:pt>
                <c:pt idx="8639">
                  <c:v>11185.8</c:v>
                </c:pt>
                <c:pt idx="8640">
                  <c:v>5678.88</c:v>
                </c:pt>
                <c:pt idx="8641">
                  <c:v>5662.21</c:v>
                </c:pt>
                <c:pt idx="8642">
                  <c:v>5645.99</c:v>
                </c:pt>
                <c:pt idx="8643">
                  <c:v>10522.9</c:v>
                </c:pt>
                <c:pt idx="8644">
                  <c:v>10492.2</c:v>
                </c:pt>
                <c:pt idx="8645">
                  <c:v>14560.3</c:v>
                </c:pt>
                <c:pt idx="8646">
                  <c:v>13833.9</c:v>
                </c:pt>
                <c:pt idx="8647">
                  <c:v>13468.4</c:v>
                </c:pt>
                <c:pt idx="8648">
                  <c:v>13135.2</c:v>
                </c:pt>
                <c:pt idx="8649">
                  <c:v>12865</c:v>
                </c:pt>
                <c:pt idx="8650">
                  <c:v>12741.9</c:v>
                </c:pt>
                <c:pt idx="8651">
                  <c:v>5678.88</c:v>
                </c:pt>
                <c:pt idx="8652">
                  <c:v>5662.21</c:v>
                </c:pt>
                <c:pt idx="8653">
                  <c:v>5645.99</c:v>
                </c:pt>
                <c:pt idx="8654">
                  <c:v>11973.7</c:v>
                </c:pt>
                <c:pt idx="8655">
                  <c:v>12011.8</c:v>
                </c:pt>
                <c:pt idx="8656">
                  <c:v>16042</c:v>
                </c:pt>
                <c:pt idx="8657">
                  <c:v>15505.7</c:v>
                </c:pt>
                <c:pt idx="8658">
                  <c:v>14952.4</c:v>
                </c:pt>
                <c:pt idx="8659">
                  <c:v>14676.8</c:v>
                </c:pt>
                <c:pt idx="8660">
                  <c:v>14511.5</c:v>
                </c:pt>
                <c:pt idx="8661">
                  <c:v>14248.4</c:v>
                </c:pt>
                <c:pt idx="8662">
                  <c:v>5678.88</c:v>
                </c:pt>
                <c:pt idx="8663">
                  <c:v>5662.21</c:v>
                </c:pt>
                <c:pt idx="8664">
                  <c:v>5645.99</c:v>
                </c:pt>
                <c:pt idx="8665">
                  <c:v>13503.3</c:v>
                </c:pt>
                <c:pt idx="8666">
                  <c:v>13571.7</c:v>
                </c:pt>
                <c:pt idx="8667">
                  <c:v>17763</c:v>
                </c:pt>
                <c:pt idx="8668">
                  <c:v>16902.7</c:v>
                </c:pt>
                <c:pt idx="8669">
                  <c:v>16594.3</c:v>
                </c:pt>
                <c:pt idx="8670">
                  <c:v>16201.5</c:v>
                </c:pt>
                <c:pt idx="8671">
                  <c:v>15956.2</c:v>
                </c:pt>
                <c:pt idx="8672">
                  <c:v>15752.1</c:v>
                </c:pt>
                <c:pt idx="8673">
                  <c:v>5678.88</c:v>
                </c:pt>
                <c:pt idx="8674">
                  <c:v>5662.21</c:v>
                </c:pt>
                <c:pt idx="8675">
                  <c:v>5645.99</c:v>
                </c:pt>
                <c:pt idx="8676">
                  <c:v>15091.7</c:v>
                </c:pt>
                <c:pt idx="8677">
                  <c:v>15041.6</c:v>
                </c:pt>
                <c:pt idx="8678">
                  <c:v>19550.2</c:v>
                </c:pt>
                <c:pt idx="8679">
                  <c:v>18393.8</c:v>
                </c:pt>
                <c:pt idx="8680">
                  <c:v>18111.400000000001</c:v>
                </c:pt>
                <c:pt idx="8681">
                  <c:v>17796.099999999999</c:v>
                </c:pt>
                <c:pt idx="8682">
                  <c:v>17463.599999999999</c:v>
                </c:pt>
                <c:pt idx="8683">
                  <c:v>17253.2</c:v>
                </c:pt>
                <c:pt idx="8684">
                  <c:v>5678.88</c:v>
                </c:pt>
                <c:pt idx="8685">
                  <c:v>5662.21</c:v>
                </c:pt>
                <c:pt idx="8686">
                  <c:v>5645.99</c:v>
                </c:pt>
                <c:pt idx="8687">
                  <c:v>16643.900000000001</c:v>
                </c:pt>
                <c:pt idx="8688">
                  <c:v>16593.2</c:v>
                </c:pt>
                <c:pt idx="8689">
                  <c:v>20822</c:v>
                </c:pt>
                <c:pt idx="8690">
                  <c:v>20171.8</c:v>
                </c:pt>
                <c:pt idx="8691">
                  <c:v>19626.7</c:v>
                </c:pt>
                <c:pt idx="8692">
                  <c:v>19394.599999999999</c:v>
                </c:pt>
                <c:pt idx="8693">
                  <c:v>19145.8</c:v>
                </c:pt>
                <c:pt idx="8694">
                  <c:v>18915</c:v>
                </c:pt>
                <c:pt idx="8695">
                  <c:v>5678.88</c:v>
                </c:pt>
                <c:pt idx="8696">
                  <c:v>5662.21</c:v>
                </c:pt>
                <c:pt idx="8697">
                  <c:v>5645.99</c:v>
                </c:pt>
                <c:pt idx="8698">
                  <c:v>18168.900000000001</c:v>
                </c:pt>
                <c:pt idx="8699">
                  <c:v>18188.900000000001</c:v>
                </c:pt>
                <c:pt idx="8700">
                  <c:v>22450.7</c:v>
                </c:pt>
                <c:pt idx="8701">
                  <c:v>21690.799999999999</c:v>
                </c:pt>
                <c:pt idx="8702">
                  <c:v>21307.9</c:v>
                </c:pt>
                <c:pt idx="8703">
                  <c:v>20787.900000000001</c:v>
                </c:pt>
                <c:pt idx="8704">
                  <c:v>20544.900000000001</c:v>
                </c:pt>
                <c:pt idx="8705">
                  <c:v>20403.8</c:v>
                </c:pt>
                <c:pt idx="8706">
                  <c:v>5678.88</c:v>
                </c:pt>
                <c:pt idx="8707">
                  <c:v>5662.21</c:v>
                </c:pt>
                <c:pt idx="8708">
                  <c:v>5645.99</c:v>
                </c:pt>
                <c:pt idx="8709">
                  <c:v>19659.3</c:v>
                </c:pt>
                <c:pt idx="8710">
                  <c:v>19749</c:v>
                </c:pt>
                <c:pt idx="8711">
                  <c:v>5393.52</c:v>
                </c:pt>
                <c:pt idx="8712">
                  <c:v>4947.87</c:v>
                </c:pt>
                <c:pt idx="8713">
                  <c:v>4455.84</c:v>
                </c:pt>
                <c:pt idx="8714">
                  <c:v>4182.72</c:v>
                </c:pt>
                <c:pt idx="8715">
                  <c:v>3943.51</c:v>
                </c:pt>
                <c:pt idx="8716">
                  <c:v>3772.22</c:v>
                </c:pt>
                <c:pt idx="8717">
                  <c:v>3602.82</c:v>
                </c:pt>
                <c:pt idx="8718">
                  <c:v>3506.75</c:v>
                </c:pt>
                <c:pt idx="8719">
                  <c:v>3446.34</c:v>
                </c:pt>
                <c:pt idx="8720">
                  <c:v>3340.06</c:v>
                </c:pt>
                <c:pt idx="8721">
                  <c:v>3297.29</c:v>
                </c:pt>
                <c:pt idx="8722">
                  <c:v>6987.75</c:v>
                </c:pt>
                <c:pt idx="8723">
                  <c:v>6285.84</c:v>
                </c:pt>
                <c:pt idx="8724">
                  <c:v>5824.92</c:v>
                </c:pt>
                <c:pt idx="8725">
                  <c:v>5466.1</c:v>
                </c:pt>
                <c:pt idx="8726">
                  <c:v>5449.32</c:v>
                </c:pt>
                <c:pt idx="8727">
                  <c:v>5227.08</c:v>
                </c:pt>
                <c:pt idx="8728">
                  <c:v>5006.59</c:v>
                </c:pt>
                <c:pt idx="8729">
                  <c:v>4946.2</c:v>
                </c:pt>
                <c:pt idx="8730">
                  <c:v>4821.71</c:v>
                </c:pt>
                <c:pt idx="8731">
                  <c:v>4818.87</c:v>
                </c:pt>
                <c:pt idx="8732">
                  <c:v>4765.2</c:v>
                </c:pt>
                <c:pt idx="8733">
                  <c:v>8516.74</c:v>
                </c:pt>
                <c:pt idx="8734">
                  <c:v>7594.89</c:v>
                </c:pt>
                <c:pt idx="8735">
                  <c:v>7287.12</c:v>
                </c:pt>
                <c:pt idx="8736">
                  <c:v>7102.63</c:v>
                </c:pt>
                <c:pt idx="8737">
                  <c:v>6791.48</c:v>
                </c:pt>
                <c:pt idx="8738">
                  <c:v>6461.36</c:v>
                </c:pt>
                <c:pt idx="8739">
                  <c:v>5678.88</c:v>
                </c:pt>
                <c:pt idx="8740">
                  <c:v>5662.21</c:v>
                </c:pt>
                <c:pt idx="8741">
                  <c:v>6241.02</c:v>
                </c:pt>
                <c:pt idx="8742">
                  <c:v>6151.04</c:v>
                </c:pt>
                <c:pt idx="8743">
                  <c:v>6051.21</c:v>
                </c:pt>
                <c:pt idx="8744">
                  <c:v>10160.5</c:v>
                </c:pt>
                <c:pt idx="8745">
                  <c:v>9277.4</c:v>
                </c:pt>
                <c:pt idx="8746">
                  <c:v>8947.84</c:v>
                </c:pt>
                <c:pt idx="8747">
                  <c:v>8597.35</c:v>
                </c:pt>
                <c:pt idx="8748">
                  <c:v>8222.41</c:v>
                </c:pt>
                <c:pt idx="8749">
                  <c:v>8149.46</c:v>
                </c:pt>
                <c:pt idx="8750">
                  <c:v>5678.88</c:v>
                </c:pt>
                <c:pt idx="8751">
                  <c:v>5662.21</c:v>
                </c:pt>
                <c:pt idx="8752">
                  <c:v>5645.99</c:v>
                </c:pt>
                <c:pt idx="8753">
                  <c:v>7425.64</c:v>
                </c:pt>
                <c:pt idx="8754">
                  <c:v>7349.19</c:v>
                </c:pt>
                <c:pt idx="8755">
                  <c:v>11596.2</c:v>
                </c:pt>
                <c:pt idx="8756">
                  <c:v>10777.6</c:v>
                </c:pt>
                <c:pt idx="8757">
                  <c:v>10414</c:v>
                </c:pt>
                <c:pt idx="8758">
                  <c:v>10132.799999999999</c:v>
                </c:pt>
                <c:pt idx="8759">
                  <c:v>9896.52</c:v>
                </c:pt>
                <c:pt idx="8760">
                  <c:v>9656.33</c:v>
                </c:pt>
                <c:pt idx="8761">
                  <c:v>5678.88</c:v>
                </c:pt>
                <c:pt idx="8762">
                  <c:v>5662.21</c:v>
                </c:pt>
                <c:pt idx="8763">
                  <c:v>5645.99</c:v>
                </c:pt>
                <c:pt idx="8764">
                  <c:v>8991.85</c:v>
                </c:pt>
                <c:pt idx="8765">
                  <c:v>8953.64</c:v>
                </c:pt>
                <c:pt idx="8766">
                  <c:v>13265.6</c:v>
                </c:pt>
                <c:pt idx="8767">
                  <c:v>12237.1</c:v>
                </c:pt>
                <c:pt idx="8768">
                  <c:v>11944.4</c:v>
                </c:pt>
                <c:pt idx="8769">
                  <c:v>11673.8</c:v>
                </c:pt>
                <c:pt idx="8770">
                  <c:v>11353.9</c:v>
                </c:pt>
                <c:pt idx="8771">
                  <c:v>11185.8</c:v>
                </c:pt>
                <c:pt idx="8772">
                  <c:v>5678.88</c:v>
                </c:pt>
                <c:pt idx="8773">
                  <c:v>5662.21</c:v>
                </c:pt>
                <c:pt idx="8774">
                  <c:v>5645.99</c:v>
                </c:pt>
                <c:pt idx="8775">
                  <c:v>10522.9</c:v>
                </c:pt>
                <c:pt idx="8776">
                  <c:v>10492.2</c:v>
                </c:pt>
                <c:pt idx="8777">
                  <c:v>14560.3</c:v>
                </c:pt>
                <c:pt idx="8778">
                  <c:v>13833.9</c:v>
                </c:pt>
                <c:pt idx="8779">
                  <c:v>13468.4</c:v>
                </c:pt>
                <c:pt idx="8780">
                  <c:v>13090.5</c:v>
                </c:pt>
                <c:pt idx="8781">
                  <c:v>12865</c:v>
                </c:pt>
                <c:pt idx="8782">
                  <c:v>12741.9</c:v>
                </c:pt>
                <c:pt idx="8783">
                  <c:v>5678.88</c:v>
                </c:pt>
                <c:pt idx="8784">
                  <c:v>5662.21</c:v>
                </c:pt>
                <c:pt idx="8785">
                  <c:v>5645.99</c:v>
                </c:pt>
                <c:pt idx="8786">
                  <c:v>11996.1</c:v>
                </c:pt>
                <c:pt idx="8787">
                  <c:v>12011.3</c:v>
                </c:pt>
                <c:pt idx="8788">
                  <c:v>16042</c:v>
                </c:pt>
                <c:pt idx="8789">
                  <c:v>15505.7</c:v>
                </c:pt>
                <c:pt idx="8790">
                  <c:v>14952.4</c:v>
                </c:pt>
                <c:pt idx="8791">
                  <c:v>14662.4</c:v>
                </c:pt>
                <c:pt idx="8792">
                  <c:v>14511.5</c:v>
                </c:pt>
                <c:pt idx="8793">
                  <c:v>14248.4</c:v>
                </c:pt>
                <c:pt idx="8794">
                  <c:v>5678.88</c:v>
                </c:pt>
                <c:pt idx="8795">
                  <c:v>5662.21</c:v>
                </c:pt>
                <c:pt idx="8796">
                  <c:v>5645.99</c:v>
                </c:pt>
                <c:pt idx="8797">
                  <c:v>13630.3</c:v>
                </c:pt>
                <c:pt idx="8798">
                  <c:v>13545.4</c:v>
                </c:pt>
                <c:pt idx="8799">
                  <c:v>17763</c:v>
                </c:pt>
                <c:pt idx="8800">
                  <c:v>16931.5</c:v>
                </c:pt>
                <c:pt idx="8801">
                  <c:v>16594.3</c:v>
                </c:pt>
                <c:pt idx="8802">
                  <c:v>16201.5</c:v>
                </c:pt>
                <c:pt idx="8803">
                  <c:v>15914.1</c:v>
                </c:pt>
                <c:pt idx="8804">
                  <c:v>15752.1</c:v>
                </c:pt>
                <c:pt idx="8805">
                  <c:v>5678.88</c:v>
                </c:pt>
                <c:pt idx="8806">
                  <c:v>5662.21</c:v>
                </c:pt>
                <c:pt idx="8807">
                  <c:v>5645.99</c:v>
                </c:pt>
                <c:pt idx="8808">
                  <c:v>15043.8</c:v>
                </c:pt>
                <c:pt idx="8809">
                  <c:v>15084.2</c:v>
                </c:pt>
                <c:pt idx="8810">
                  <c:v>19449.400000000001</c:v>
                </c:pt>
                <c:pt idx="8811">
                  <c:v>18393.8</c:v>
                </c:pt>
                <c:pt idx="8812">
                  <c:v>18111.400000000001</c:v>
                </c:pt>
                <c:pt idx="8813">
                  <c:v>17796.099999999999</c:v>
                </c:pt>
                <c:pt idx="8814">
                  <c:v>17611.900000000001</c:v>
                </c:pt>
                <c:pt idx="8815">
                  <c:v>17364.400000000001</c:v>
                </c:pt>
                <c:pt idx="8816">
                  <c:v>5678.88</c:v>
                </c:pt>
                <c:pt idx="8817">
                  <c:v>5662.21</c:v>
                </c:pt>
                <c:pt idx="8818">
                  <c:v>5645.99</c:v>
                </c:pt>
                <c:pt idx="8819">
                  <c:v>16627.599999999999</c:v>
                </c:pt>
                <c:pt idx="8820">
                  <c:v>16669.599999999999</c:v>
                </c:pt>
                <c:pt idx="8821">
                  <c:v>20822</c:v>
                </c:pt>
                <c:pt idx="8822">
                  <c:v>20171.8</c:v>
                </c:pt>
                <c:pt idx="8823">
                  <c:v>19597.400000000001</c:v>
                </c:pt>
                <c:pt idx="8824">
                  <c:v>19334.5</c:v>
                </c:pt>
                <c:pt idx="8825">
                  <c:v>19145.8</c:v>
                </c:pt>
                <c:pt idx="8826">
                  <c:v>18919.5</c:v>
                </c:pt>
                <c:pt idx="8827">
                  <c:v>5678.88</c:v>
                </c:pt>
                <c:pt idx="8828">
                  <c:v>5662.21</c:v>
                </c:pt>
                <c:pt idx="8829">
                  <c:v>5645.99</c:v>
                </c:pt>
                <c:pt idx="8830">
                  <c:v>18144.2</c:v>
                </c:pt>
                <c:pt idx="8831">
                  <c:v>18188.900000000001</c:v>
                </c:pt>
                <c:pt idx="8832">
                  <c:v>22369.9</c:v>
                </c:pt>
                <c:pt idx="8833">
                  <c:v>21657.5</c:v>
                </c:pt>
                <c:pt idx="8834">
                  <c:v>21307.9</c:v>
                </c:pt>
                <c:pt idx="8835">
                  <c:v>20787.900000000001</c:v>
                </c:pt>
                <c:pt idx="8836">
                  <c:v>20667.900000000001</c:v>
                </c:pt>
                <c:pt idx="8837">
                  <c:v>20354.2</c:v>
                </c:pt>
                <c:pt idx="8838">
                  <c:v>5678.88</c:v>
                </c:pt>
                <c:pt idx="8839">
                  <c:v>5662.21</c:v>
                </c:pt>
                <c:pt idx="8840">
                  <c:v>5645.99</c:v>
                </c:pt>
                <c:pt idx="8841">
                  <c:v>19691.5</c:v>
                </c:pt>
                <c:pt idx="8842">
                  <c:v>19729.8</c:v>
                </c:pt>
                <c:pt idx="8843">
                  <c:v>5393.52</c:v>
                </c:pt>
                <c:pt idx="8844">
                  <c:v>4947.87</c:v>
                </c:pt>
                <c:pt idx="8845">
                  <c:v>4455.84</c:v>
                </c:pt>
                <c:pt idx="8846">
                  <c:v>4182.72</c:v>
                </c:pt>
                <c:pt idx="8847">
                  <c:v>3944.01</c:v>
                </c:pt>
                <c:pt idx="8848">
                  <c:v>3794.41</c:v>
                </c:pt>
                <c:pt idx="8849">
                  <c:v>3605.63</c:v>
                </c:pt>
                <c:pt idx="8850">
                  <c:v>3506.75</c:v>
                </c:pt>
                <c:pt idx="8851">
                  <c:v>3445.85</c:v>
                </c:pt>
                <c:pt idx="8852">
                  <c:v>3340.77</c:v>
                </c:pt>
                <c:pt idx="8853">
                  <c:v>3257.33</c:v>
                </c:pt>
                <c:pt idx="8854">
                  <c:v>6987.75</c:v>
                </c:pt>
                <c:pt idx="8855">
                  <c:v>6285.84</c:v>
                </c:pt>
                <c:pt idx="8856">
                  <c:v>5824.92</c:v>
                </c:pt>
                <c:pt idx="8857">
                  <c:v>5466.1</c:v>
                </c:pt>
                <c:pt idx="8858">
                  <c:v>5381.75</c:v>
                </c:pt>
                <c:pt idx="8859">
                  <c:v>5227.08</c:v>
                </c:pt>
                <c:pt idx="8860">
                  <c:v>5006.59</c:v>
                </c:pt>
                <c:pt idx="8861">
                  <c:v>4946.2</c:v>
                </c:pt>
                <c:pt idx="8862">
                  <c:v>4820.04</c:v>
                </c:pt>
                <c:pt idx="8863">
                  <c:v>4746.7299999999996</c:v>
                </c:pt>
                <c:pt idx="8864">
                  <c:v>4746.26</c:v>
                </c:pt>
                <c:pt idx="8865">
                  <c:v>8516.74</c:v>
                </c:pt>
                <c:pt idx="8866">
                  <c:v>7594.89</c:v>
                </c:pt>
                <c:pt idx="8867">
                  <c:v>7287.12</c:v>
                </c:pt>
                <c:pt idx="8868">
                  <c:v>7102.63</c:v>
                </c:pt>
                <c:pt idx="8869">
                  <c:v>6791.48</c:v>
                </c:pt>
                <c:pt idx="8870">
                  <c:v>6461.36</c:v>
                </c:pt>
                <c:pt idx="8871">
                  <c:v>5678.88</c:v>
                </c:pt>
                <c:pt idx="8872">
                  <c:v>5662.21</c:v>
                </c:pt>
                <c:pt idx="8873">
                  <c:v>6241.02</c:v>
                </c:pt>
                <c:pt idx="8874">
                  <c:v>6151.04</c:v>
                </c:pt>
                <c:pt idx="8875">
                  <c:v>6051.21</c:v>
                </c:pt>
                <c:pt idx="8876">
                  <c:v>10160.5</c:v>
                </c:pt>
                <c:pt idx="8877">
                  <c:v>9277.4</c:v>
                </c:pt>
                <c:pt idx="8878">
                  <c:v>8947.84</c:v>
                </c:pt>
                <c:pt idx="8879">
                  <c:v>8597.35</c:v>
                </c:pt>
                <c:pt idx="8880">
                  <c:v>8222.41</c:v>
                </c:pt>
                <c:pt idx="8881">
                  <c:v>8149.46</c:v>
                </c:pt>
                <c:pt idx="8882">
                  <c:v>5678.88</c:v>
                </c:pt>
                <c:pt idx="8883">
                  <c:v>5662.21</c:v>
                </c:pt>
                <c:pt idx="8884">
                  <c:v>5645.99</c:v>
                </c:pt>
                <c:pt idx="8885">
                  <c:v>7425.64</c:v>
                </c:pt>
                <c:pt idx="8886">
                  <c:v>7349.19</c:v>
                </c:pt>
                <c:pt idx="8887">
                  <c:v>11596.2</c:v>
                </c:pt>
                <c:pt idx="8888">
                  <c:v>10777.6</c:v>
                </c:pt>
                <c:pt idx="8889">
                  <c:v>10414</c:v>
                </c:pt>
                <c:pt idx="8890">
                  <c:v>10132.799999999999</c:v>
                </c:pt>
                <c:pt idx="8891">
                  <c:v>9896.52</c:v>
                </c:pt>
                <c:pt idx="8892">
                  <c:v>9656.33</c:v>
                </c:pt>
                <c:pt idx="8893">
                  <c:v>5678.88</c:v>
                </c:pt>
                <c:pt idx="8894">
                  <c:v>5662.21</c:v>
                </c:pt>
                <c:pt idx="8895">
                  <c:v>5645.99</c:v>
                </c:pt>
                <c:pt idx="8896">
                  <c:v>8991.85</c:v>
                </c:pt>
                <c:pt idx="8897">
                  <c:v>8953.64</c:v>
                </c:pt>
                <c:pt idx="8898">
                  <c:v>13265.6</c:v>
                </c:pt>
                <c:pt idx="8899">
                  <c:v>12237.1</c:v>
                </c:pt>
                <c:pt idx="8900">
                  <c:v>11944.4</c:v>
                </c:pt>
                <c:pt idx="8901">
                  <c:v>11673.8</c:v>
                </c:pt>
                <c:pt idx="8902">
                  <c:v>11353.9</c:v>
                </c:pt>
                <c:pt idx="8903">
                  <c:v>11185.8</c:v>
                </c:pt>
                <c:pt idx="8904">
                  <c:v>5678.88</c:v>
                </c:pt>
                <c:pt idx="8905">
                  <c:v>5662.21</c:v>
                </c:pt>
                <c:pt idx="8906">
                  <c:v>5645.99</c:v>
                </c:pt>
                <c:pt idx="8907">
                  <c:v>10522.9</c:v>
                </c:pt>
                <c:pt idx="8908">
                  <c:v>10492.2</c:v>
                </c:pt>
                <c:pt idx="8909">
                  <c:v>14560.3</c:v>
                </c:pt>
                <c:pt idx="8910">
                  <c:v>13833.9</c:v>
                </c:pt>
                <c:pt idx="8911">
                  <c:v>13468.4</c:v>
                </c:pt>
                <c:pt idx="8912">
                  <c:v>13106.2</c:v>
                </c:pt>
                <c:pt idx="8913">
                  <c:v>12865</c:v>
                </c:pt>
                <c:pt idx="8914">
                  <c:v>12741.9</c:v>
                </c:pt>
                <c:pt idx="8915">
                  <c:v>5678.88</c:v>
                </c:pt>
                <c:pt idx="8916">
                  <c:v>5662.21</c:v>
                </c:pt>
                <c:pt idx="8917">
                  <c:v>5645.99</c:v>
                </c:pt>
                <c:pt idx="8918">
                  <c:v>11970.2</c:v>
                </c:pt>
                <c:pt idx="8919">
                  <c:v>12058.5</c:v>
                </c:pt>
                <c:pt idx="8920">
                  <c:v>16042</c:v>
                </c:pt>
                <c:pt idx="8921">
                  <c:v>15505.7</c:v>
                </c:pt>
                <c:pt idx="8922">
                  <c:v>14952.4</c:v>
                </c:pt>
                <c:pt idx="8923">
                  <c:v>14620.3</c:v>
                </c:pt>
                <c:pt idx="8924">
                  <c:v>14511.5</c:v>
                </c:pt>
                <c:pt idx="8925">
                  <c:v>14248.4</c:v>
                </c:pt>
                <c:pt idx="8926">
                  <c:v>5678.88</c:v>
                </c:pt>
                <c:pt idx="8927">
                  <c:v>5662.21</c:v>
                </c:pt>
                <c:pt idx="8928">
                  <c:v>5645.99</c:v>
                </c:pt>
                <c:pt idx="8929">
                  <c:v>13531.4</c:v>
                </c:pt>
                <c:pt idx="8930">
                  <c:v>13555</c:v>
                </c:pt>
                <c:pt idx="8931">
                  <c:v>17763</c:v>
                </c:pt>
                <c:pt idx="8932">
                  <c:v>16851.400000000001</c:v>
                </c:pt>
                <c:pt idx="8933">
                  <c:v>16594.3</c:v>
                </c:pt>
                <c:pt idx="8934">
                  <c:v>16201.5</c:v>
                </c:pt>
                <c:pt idx="8935">
                  <c:v>16048.4</c:v>
                </c:pt>
                <c:pt idx="8936">
                  <c:v>15752.1</c:v>
                </c:pt>
                <c:pt idx="8937">
                  <c:v>5678.88</c:v>
                </c:pt>
                <c:pt idx="8938">
                  <c:v>5662.21</c:v>
                </c:pt>
                <c:pt idx="8939">
                  <c:v>5645.99</c:v>
                </c:pt>
                <c:pt idx="8940">
                  <c:v>15169.8</c:v>
                </c:pt>
                <c:pt idx="8941">
                  <c:v>15084.1</c:v>
                </c:pt>
                <c:pt idx="8942">
                  <c:v>19478.2</c:v>
                </c:pt>
                <c:pt idx="8943">
                  <c:v>18393.8</c:v>
                </c:pt>
                <c:pt idx="8944">
                  <c:v>18111.400000000001</c:v>
                </c:pt>
                <c:pt idx="8945">
                  <c:v>17796.099999999999</c:v>
                </c:pt>
                <c:pt idx="8946">
                  <c:v>17589.400000000001</c:v>
                </c:pt>
                <c:pt idx="8947">
                  <c:v>17375.400000000001</c:v>
                </c:pt>
                <c:pt idx="8948">
                  <c:v>5678.88</c:v>
                </c:pt>
                <c:pt idx="8949">
                  <c:v>5662.21</c:v>
                </c:pt>
                <c:pt idx="8950">
                  <c:v>5645.99</c:v>
                </c:pt>
                <c:pt idx="8951">
                  <c:v>16593.900000000001</c:v>
                </c:pt>
                <c:pt idx="8952">
                  <c:v>16632.400000000001</c:v>
                </c:pt>
                <c:pt idx="8953">
                  <c:v>20822</c:v>
                </c:pt>
                <c:pt idx="8954">
                  <c:v>20171.8</c:v>
                </c:pt>
                <c:pt idx="8955">
                  <c:v>19573.400000000001</c:v>
                </c:pt>
                <c:pt idx="8956">
                  <c:v>19285.8</c:v>
                </c:pt>
                <c:pt idx="8957">
                  <c:v>19145.8</c:v>
                </c:pt>
                <c:pt idx="8958">
                  <c:v>18923.900000000001</c:v>
                </c:pt>
                <c:pt idx="8959">
                  <c:v>5678.88</c:v>
                </c:pt>
                <c:pt idx="8960">
                  <c:v>5662.21</c:v>
                </c:pt>
                <c:pt idx="8961">
                  <c:v>5645.99</c:v>
                </c:pt>
                <c:pt idx="8962">
                  <c:v>18124.099999999999</c:v>
                </c:pt>
                <c:pt idx="8963">
                  <c:v>18188.900000000001</c:v>
                </c:pt>
                <c:pt idx="8964">
                  <c:v>22410.1</c:v>
                </c:pt>
                <c:pt idx="8965">
                  <c:v>21626.5</c:v>
                </c:pt>
                <c:pt idx="8966">
                  <c:v>21307.9</c:v>
                </c:pt>
                <c:pt idx="8967">
                  <c:v>20787.900000000001</c:v>
                </c:pt>
                <c:pt idx="8968">
                  <c:v>20675</c:v>
                </c:pt>
                <c:pt idx="8969">
                  <c:v>20469.400000000001</c:v>
                </c:pt>
                <c:pt idx="8970">
                  <c:v>5678.88</c:v>
                </c:pt>
                <c:pt idx="8971">
                  <c:v>5662.21</c:v>
                </c:pt>
                <c:pt idx="8972">
                  <c:v>5645.99</c:v>
                </c:pt>
                <c:pt idx="8973">
                  <c:v>19740.2</c:v>
                </c:pt>
                <c:pt idx="8974">
                  <c:v>19667.599999999999</c:v>
                </c:pt>
                <c:pt idx="8975">
                  <c:v>5393.52</c:v>
                </c:pt>
                <c:pt idx="8976">
                  <c:v>4947.87</c:v>
                </c:pt>
                <c:pt idx="8977">
                  <c:v>4455.84</c:v>
                </c:pt>
                <c:pt idx="8978">
                  <c:v>4182.72</c:v>
                </c:pt>
                <c:pt idx="8979">
                  <c:v>3944.01</c:v>
                </c:pt>
                <c:pt idx="8980">
                  <c:v>3794.41</c:v>
                </c:pt>
                <c:pt idx="8981">
                  <c:v>3607.96</c:v>
                </c:pt>
                <c:pt idx="8982">
                  <c:v>3506.75</c:v>
                </c:pt>
                <c:pt idx="8983">
                  <c:v>3386.95</c:v>
                </c:pt>
                <c:pt idx="8984">
                  <c:v>3298.42</c:v>
                </c:pt>
                <c:pt idx="8985">
                  <c:v>3270.71</c:v>
                </c:pt>
                <c:pt idx="8986">
                  <c:v>6987.75</c:v>
                </c:pt>
                <c:pt idx="8987">
                  <c:v>6285.84</c:v>
                </c:pt>
                <c:pt idx="8988">
                  <c:v>5824.92</c:v>
                </c:pt>
                <c:pt idx="8989">
                  <c:v>5466.1</c:v>
                </c:pt>
                <c:pt idx="8990">
                  <c:v>5381.75</c:v>
                </c:pt>
                <c:pt idx="8991">
                  <c:v>5227.08</c:v>
                </c:pt>
                <c:pt idx="8992">
                  <c:v>5006.59</c:v>
                </c:pt>
                <c:pt idx="8993">
                  <c:v>4899.29</c:v>
                </c:pt>
                <c:pt idx="8994">
                  <c:v>4775.78</c:v>
                </c:pt>
                <c:pt idx="8995">
                  <c:v>4729.1099999999997</c:v>
                </c:pt>
                <c:pt idx="8996">
                  <c:v>4615.6499999999996</c:v>
                </c:pt>
                <c:pt idx="8997">
                  <c:v>8516.74</c:v>
                </c:pt>
                <c:pt idx="8998">
                  <c:v>7594.89</c:v>
                </c:pt>
                <c:pt idx="8999">
                  <c:v>7287.12</c:v>
                </c:pt>
                <c:pt idx="9000">
                  <c:v>7102.63</c:v>
                </c:pt>
                <c:pt idx="9001">
                  <c:v>6791.48</c:v>
                </c:pt>
                <c:pt idx="9002">
                  <c:v>6461.36</c:v>
                </c:pt>
                <c:pt idx="9003">
                  <c:v>5678.88</c:v>
                </c:pt>
                <c:pt idx="9004">
                  <c:v>5662.21</c:v>
                </c:pt>
                <c:pt idx="9005">
                  <c:v>6241.02</c:v>
                </c:pt>
                <c:pt idx="9006">
                  <c:v>6151.04</c:v>
                </c:pt>
                <c:pt idx="9007">
                  <c:v>6051.21</c:v>
                </c:pt>
                <c:pt idx="9008">
                  <c:v>10160.5</c:v>
                </c:pt>
                <c:pt idx="9009">
                  <c:v>9277.4</c:v>
                </c:pt>
                <c:pt idx="9010">
                  <c:v>8947.84</c:v>
                </c:pt>
                <c:pt idx="9011">
                  <c:v>8597.35</c:v>
                </c:pt>
                <c:pt idx="9012">
                  <c:v>8222.41</c:v>
                </c:pt>
                <c:pt idx="9013">
                  <c:v>8149.46</c:v>
                </c:pt>
                <c:pt idx="9014">
                  <c:v>5678.88</c:v>
                </c:pt>
                <c:pt idx="9015">
                  <c:v>5662.21</c:v>
                </c:pt>
                <c:pt idx="9016">
                  <c:v>5645.99</c:v>
                </c:pt>
                <c:pt idx="9017">
                  <c:v>7425.64</c:v>
                </c:pt>
                <c:pt idx="9018">
                  <c:v>7349.19</c:v>
                </c:pt>
                <c:pt idx="9019">
                  <c:v>11596.2</c:v>
                </c:pt>
                <c:pt idx="9020">
                  <c:v>10777.6</c:v>
                </c:pt>
                <c:pt idx="9021">
                  <c:v>10414</c:v>
                </c:pt>
                <c:pt idx="9022">
                  <c:v>10132.799999999999</c:v>
                </c:pt>
                <c:pt idx="9023">
                  <c:v>9896.52</c:v>
                </c:pt>
                <c:pt idx="9024">
                  <c:v>9656.33</c:v>
                </c:pt>
                <c:pt idx="9025">
                  <c:v>5678.88</c:v>
                </c:pt>
                <c:pt idx="9026">
                  <c:v>5662.21</c:v>
                </c:pt>
                <c:pt idx="9027">
                  <c:v>5645.99</c:v>
                </c:pt>
                <c:pt idx="9028">
                  <c:v>8991.85</c:v>
                </c:pt>
                <c:pt idx="9029">
                  <c:v>8953.64</c:v>
                </c:pt>
                <c:pt idx="9030">
                  <c:v>13265.6</c:v>
                </c:pt>
                <c:pt idx="9031">
                  <c:v>12237.1</c:v>
                </c:pt>
                <c:pt idx="9032">
                  <c:v>11944.4</c:v>
                </c:pt>
                <c:pt idx="9033">
                  <c:v>11673.8</c:v>
                </c:pt>
                <c:pt idx="9034">
                  <c:v>11353.9</c:v>
                </c:pt>
                <c:pt idx="9035">
                  <c:v>11185.8</c:v>
                </c:pt>
                <c:pt idx="9036">
                  <c:v>5678.88</c:v>
                </c:pt>
                <c:pt idx="9037">
                  <c:v>5662.21</c:v>
                </c:pt>
                <c:pt idx="9038">
                  <c:v>5645.99</c:v>
                </c:pt>
                <c:pt idx="9039">
                  <c:v>10522.9</c:v>
                </c:pt>
                <c:pt idx="9040">
                  <c:v>10492.2</c:v>
                </c:pt>
                <c:pt idx="9041">
                  <c:v>14560.3</c:v>
                </c:pt>
                <c:pt idx="9042">
                  <c:v>13833.9</c:v>
                </c:pt>
                <c:pt idx="9043">
                  <c:v>13468.4</c:v>
                </c:pt>
                <c:pt idx="9044">
                  <c:v>13069.1</c:v>
                </c:pt>
                <c:pt idx="9045">
                  <c:v>12865</c:v>
                </c:pt>
                <c:pt idx="9046">
                  <c:v>12741.9</c:v>
                </c:pt>
                <c:pt idx="9047">
                  <c:v>5678.88</c:v>
                </c:pt>
                <c:pt idx="9048">
                  <c:v>5662.21</c:v>
                </c:pt>
                <c:pt idx="9049">
                  <c:v>5645.99</c:v>
                </c:pt>
                <c:pt idx="9050">
                  <c:v>12089.1</c:v>
                </c:pt>
                <c:pt idx="9051">
                  <c:v>12038</c:v>
                </c:pt>
                <c:pt idx="9052">
                  <c:v>16042</c:v>
                </c:pt>
                <c:pt idx="9053">
                  <c:v>15505.7</c:v>
                </c:pt>
                <c:pt idx="9054">
                  <c:v>14952.4</c:v>
                </c:pt>
                <c:pt idx="9055">
                  <c:v>14834.6</c:v>
                </c:pt>
                <c:pt idx="9056">
                  <c:v>14511.5</c:v>
                </c:pt>
                <c:pt idx="9057">
                  <c:v>14248.4</c:v>
                </c:pt>
                <c:pt idx="9058">
                  <c:v>5678.88</c:v>
                </c:pt>
                <c:pt idx="9059">
                  <c:v>5662.21</c:v>
                </c:pt>
                <c:pt idx="9060">
                  <c:v>5645.99</c:v>
                </c:pt>
                <c:pt idx="9061">
                  <c:v>13626.7</c:v>
                </c:pt>
                <c:pt idx="9062">
                  <c:v>13577</c:v>
                </c:pt>
                <c:pt idx="9063">
                  <c:v>17763</c:v>
                </c:pt>
                <c:pt idx="9064">
                  <c:v>16851.400000000001</c:v>
                </c:pt>
                <c:pt idx="9065">
                  <c:v>16594.3</c:v>
                </c:pt>
                <c:pt idx="9066">
                  <c:v>16201.5</c:v>
                </c:pt>
                <c:pt idx="9067">
                  <c:v>16071</c:v>
                </c:pt>
                <c:pt idx="9068">
                  <c:v>15752.1</c:v>
                </c:pt>
                <c:pt idx="9069">
                  <c:v>5678.88</c:v>
                </c:pt>
                <c:pt idx="9070">
                  <c:v>5662.21</c:v>
                </c:pt>
                <c:pt idx="9071">
                  <c:v>5645.99</c:v>
                </c:pt>
                <c:pt idx="9072">
                  <c:v>15169.8</c:v>
                </c:pt>
                <c:pt idx="9073">
                  <c:v>15092.6</c:v>
                </c:pt>
                <c:pt idx="9074">
                  <c:v>19402.099999999999</c:v>
                </c:pt>
                <c:pt idx="9075">
                  <c:v>18393.8</c:v>
                </c:pt>
                <c:pt idx="9076">
                  <c:v>18111.400000000001</c:v>
                </c:pt>
                <c:pt idx="9077">
                  <c:v>17796.099999999999</c:v>
                </c:pt>
                <c:pt idx="9078">
                  <c:v>17570.900000000001</c:v>
                </c:pt>
                <c:pt idx="9079">
                  <c:v>17351</c:v>
                </c:pt>
                <c:pt idx="9080">
                  <c:v>5678.88</c:v>
                </c:pt>
                <c:pt idx="9081">
                  <c:v>5662.21</c:v>
                </c:pt>
                <c:pt idx="9082">
                  <c:v>5645.99</c:v>
                </c:pt>
                <c:pt idx="9083">
                  <c:v>16602.400000000001</c:v>
                </c:pt>
                <c:pt idx="9084">
                  <c:v>16633.7</c:v>
                </c:pt>
                <c:pt idx="9085">
                  <c:v>20822</c:v>
                </c:pt>
                <c:pt idx="9086">
                  <c:v>20171.8</c:v>
                </c:pt>
                <c:pt idx="9087">
                  <c:v>19544.8</c:v>
                </c:pt>
                <c:pt idx="9088">
                  <c:v>19246.2</c:v>
                </c:pt>
                <c:pt idx="9089">
                  <c:v>19145.8</c:v>
                </c:pt>
                <c:pt idx="9090">
                  <c:v>18915.5</c:v>
                </c:pt>
                <c:pt idx="9091">
                  <c:v>5678.88</c:v>
                </c:pt>
                <c:pt idx="9092">
                  <c:v>5662.21</c:v>
                </c:pt>
                <c:pt idx="9093">
                  <c:v>5645.99</c:v>
                </c:pt>
                <c:pt idx="9094">
                  <c:v>18109.900000000001</c:v>
                </c:pt>
                <c:pt idx="9095">
                  <c:v>18188.900000000001</c:v>
                </c:pt>
                <c:pt idx="9096">
                  <c:v>22367.9</c:v>
                </c:pt>
                <c:pt idx="9097">
                  <c:v>21571.7</c:v>
                </c:pt>
                <c:pt idx="9098">
                  <c:v>21307.9</c:v>
                </c:pt>
                <c:pt idx="9099">
                  <c:v>20787.900000000001</c:v>
                </c:pt>
                <c:pt idx="9100">
                  <c:v>20643.400000000001</c:v>
                </c:pt>
                <c:pt idx="9101">
                  <c:v>20469.400000000001</c:v>
                </c:pt>
                <c:pt idx="9102">
                  <c:v>5678.88</c:v>
                </c:pt>
                <c:pt idx="9103">
                  <c:v>5662.21</c:v>
                </c:pt>
                <c:pt idx="9104">
                  <c:v>5645.99</c:v>
                </c:pt>
                <c:pt idx="9105">
                  <c:v>19698.599999999999</c:v>
                </c:pt>
                <c:pt idx="9106">
                  <c:v>19743.400000000001</c:v>
                </c:pt>
                <c:pt idx="9107">
                  <c:v>5393.52</c:v>
                </c:pt>
                <c:pt idx="9108">
                  <c:v>4947.87</c:v>
                </c:pt>
                <c:pt idx="9109">
                  <c:v>4455.84</c:v>
                </c:pt>
                <c:pt idx="9110">
                  <c:v>4182.72</c:v>
                </c:pt>
                <c:pt idx="9111">
                  <c:v>3944.01</c:v>
                </c:pt>
                <c:pt idx="9112">
                  <c:v>3794.41</c:v>
                </c:pt>
                <c:pt idx="9113">
                  <c:v>3608.68</c:v>
                </c:pt>
                <c:pt idx="9114">
                  <c:v>3506.75</c:v>
                </c:pt>
                <c:pt idx="9115">
                  <c:v>3386.95</c:v>
                </c:pt>
                <c:pt idx="9116">
                  <c:v>3298.42</c:v>
                </c:pt>
                <c:pt idx="9117">
                  <c:v>3217.73</c:v>
                </c:pt>
                <c:pt idx="9118">
                  <c:v>6987.75</c:v>
                </c:pt>
                <c:pt idx="9119">
                  <c:v>6285.84</c:v>
                </c:pt>
                <c:pt idx="9120">
                  <c:v>5824.92</c:v>
                </c:pt>
                <c:pt idx="9121">
                  <c:v>5466.1</c:v>
                </c:pt>
                <c:pt idx="9122">
                  <c:v>5381.75</c:v>
                </c:pt>
                <c:pt idx="9123">
                  <c:v>5227.08</c:v>
                </c:pt>
                <c:pt idx="9124">
                  <c:v>5006.59</c:v>
                </c:pt>
                <c:pt idx="9125">
                  <c:v>4899.29</c:v>
                </c:pt>
                <c:pt idx="9126">
                  <c:v>4775.78</c:v>
                </c:pt>
                <c:pt idx="9127">
                  <c:v>4688.3500000000004</c:v>
                </c:pt>
                <c:pt idx="9128">
                  <c:v>4625.3999999999996</c:v>
                </c:pt>
                <c:pt idx="9129">
                  <c:v>8516.74</c:v>
                </c:pt>
                <c:pt idx="9130">
                  <c:v>7594.89</c:v>
                </c:pt>
                <c:pt idx="9131">
                  <c:v>7287.12</c:v>
                </c:pt>
                <c:pt idx="9132">
                  <c:v>7102.63</c:v>
                </c:pt>
                <c:pt idx="9133">
                  <c:v>6791.48</c:v>
                </c:pt>
                <c:pt idx="9134">
                  <c:v>6461.36</c:v>
                </c:pt>
                <c:pt idx="9135">
                  <c:v>5678.88</c:v>
                </c:pt>
                <c:pt idx="9136">
                  <c:v>5662.21</c:v>
                </c:pt>
                <c:pt idx="9137">
                  <c:v>6241.02</c:v>
                </c:pt>
                <c:pt idx="9138">
                  <c:v>6151.04</c:v>
                </c:pt>
                <c:pt idx="9139">
                  <c:v>6051.21</c:v>
                </c:pt>
                <c:pt idx="9140">
                  <c:v>10160.5</c:v>
                </c:pt>
                <c:pt idx="9141">
                  <c:v>9277.4</c:v>
                </c:pt>
                <c:pt idx="9142">
                  <c:v>8947.84</c:v>
                </c:pt>
                <c:pt idx="9143">
                  <c:v>8597.35</c:v>
                </c:pt>
                <c:pt idx="9144">
                  <c:v>8222.41</c:v>
                </c:pt>
                <c:pt idx="9145">
                  <c:v>8149.46</c:v>
                </c:pt>
                <c:pt idx="9146">
                  <c:v>5678.88</c:v>
                </c:pt>
                <c:pt idx="9147">
                  <c:v>5662.21</c:v>
                </c:pt>
                <c:pt idx="9148">
                  <c:v>5645.99</c:v>
                </c:pt>
                <c:pt idx="9149">
                  <c:v>7425.64</c:v>
                </c:pt>
                <c:pt idx="9150">
                  <c:v>7349.19</c:v>
                </c:pt>
                <c:pt idx="9151">
                  <c:v>11596.2</c:v>
                </c:pt>
                <c:pt idx="9152">
                  <c:v>10777.6</c:v>
                </c:pt>
                <c:pt idx="9153">
                  <c:v>10414</c:v>
                </c:pt>
                <c:pt idx="9154">
                  <c:v>10132.799999999999</c:v>
                </c:pt>
                <c:pt idx="9155">
                  <c:v>9896.52</c:v>
                </c:pt>
                <c:pt idx="9156">
                  <c:v>9656.33</c:v>
                </c:pt>
                <c:pt idx="9157">
                  <c:v>5678.88</c:v>
                </c:pt>
                <c:pt idx="9158">
                  <c:v>5662.21</c:v>
                </c:pt>
                <c:pt idx="9159">
                  <c:v>5645.99</c:v>
                </c:pt>
                <c:pt idx="9160">
                  <c:v>8991.85</c:v>
                </c:pt>
                <c:pt idx="9161">
                  <c:v>8953.64</c:v>
                </c:pt>
                <c:pt idx="9162">
                  <c:v>13265.6</c:v>
                </c:pt>
                <c:pt idx="9163">
                  <c:v>12237.1</c:v>
                </c:pt>
                <c:pt idx="9164">
                  <c:v>11944.4</c:v>
                </c:pt>
                <c:pt idx="9165">
                  <c:v>11673.8</c:v>
                </c:pt>
                <c:pt idx="9166">
                  <c:v>11353.9</c:v>
                </c:pt>
                <c:pt idx="9167">
                  <c:v>11185.8</c:v>
                </c:pt>
                <c:pt idx="9168">
                  <c:v>5678.88</c:v>
                </c:pt>
                <c:pt idx="9169">
                  <c:v>5662.21</c:v>
                </c:pt>
                <c:pt idx="9170">
                  <c:v>5645.99</c:v>
                </c:pt>
                <c:pt idx="9171">
                  <c:v>10522.9</c:v>
                </c:pt>
                <c:pt idx="9172">
                  <c:v>10492.2</c:v>
                </c:pt>
                <c:pt idx="9173">
                  <c:v>14560.3</c:v>
                </c:pt>
                <c:pt idx="9174">
                  <c:v>13833.9</c:v>
                </c:pt>
                <c:pt idx="9175">
                  <c:v>13468.4</c:v>
                </c:pt>
                <c:pt idx="9176">
                  <c:v>13069.1</c:v>
                </c:pt>
                <c:pt idx="9177">
                  <c:v>12865</c:v>
                </c:pt>
                <c:pt idx="9178">
                  <c:v>12741.9</c:v>
                </c:pt>
                <c:pt idx="9179">
                  <c:v>5678.88</c:v>
                </c:pt>
                <c:pt idx="9180">
                  <c:v>5662.21</c:v>
                </c:pt>
                <c:pt idx="9181">
                  <c:v>5645.99</c:v>
                </c:pt>
                <c:pt idx="9182">
                  <c:v>12073.1</c:v>
                </c:pt>
                <c:pt idx="9183">
                  <c:v>12021.1</c:v>
                </c:pt>
                <c:pt idx="9184">
                  <c:v>16042</c:v>
                </c:pt>
                <c:pt idx="9185">
                  <c:v>15505.7</c:v>
                </c:pt>
                <c:pt idx="9186">
                  <c:v>14952.4</c:v>
                </c:pt>
                <c:pt idx="9187">
                  <c:v>14606.5</c:v>
                </c:pt>
                <c:pt idx="9188">
                  <c:v>14511.5</c:v>
                </c:pt>
                <c:pt idx="9189">
                  <c:v>14248.4</c:v>
                </c:pt>
                <c:pt idx="9190">
                  <c:v>5678.88</c:v>
                </c:pt>
                <c:pt idx="9191">
                  <c:v>5662.21</c:v>
                </c:pt>
                <c:pt idx="9192">
                  <c:v>5645.99</c:v>
                </c:pt>
                <c:pt idx="9193">
                  <c:v>13592.4</c:v>
                </c:pt>
                <c:pt idx="9194">
                  <c:v>13541.7</c:v>
                </c:pt>
                <c:pt idx="9195">
                  <c:v>17763</c:v>
                </c:pt>
                <c:pt idx="9196">
                  <c:v>16851.400000000001</c:v>
                </c:pt>
                <c:pt idx="9197">
                  <c:v>16594.3</c:v>
                </c:pt>
                <c:pt idx="9198">
                  <c:v>16201.5</c:v>
                </c:pt>
                <c:pt idx="9199">
                  <c:v>15911.5</c:v>
                </c:pt>
                <c:pt idx="9200">
                  <c:v>15752.1</c:v>
                </c:pt>
                <c:pt idx="9201">
                  <c:v>5678.88</c:v>
                </c:pt>
                <c:pt idx="9202">
                  <c:v>5662.21</c:v>
                </c:pt>
                <c:pt idx="9203">
                  <c:v>5645.99</c:v>
                </c:pt>
                <c:pt idx="9204">
                  <c:v>15049.2</c:v>
                </c:pt>
                <c:pt idx="9205">
                  <c:v>15137</c:v>
                </c:pt>
                <c:pt idx="9206">
                  <c:v>19402.099999999999</c:v>
                </c:pt>
                <c:pt idx="9207">
                  <c:v>18393.8</c:v>
                </c:pt>
                <c:pt idx="9208">
                  <c:v>18111.400000000001</c:v>
                </c:pt>
                <c:pt idx="9209">
                  <c:v>17796.099999999999</c:v>
                </c:pt>
                <c:pt idx="9210">
                  <c:v>17555.5</c:v>
                </c:pt>
                <c:pt idx="9211">
                  <c:v>17367.7</c:v>
                </c:pt>
                <c:pt idx="9212">
                  <c:v>5678.88</c:v>
                </c:pt>
                <c:pt idx="9213">
                  <c:v>5662.21</c:v>
                </c:pt>
                <c:pt idx="9214">
                  <c:v>5645.99</c:v>
                </c:pt>
                <c:pt idx="9215">
                  <c:v>16580.5</c:v>
                </c:pt>
                <c:pt idx="9216">
                  <c:v>16641.8</c:v>
                </c:pt>
                <c:pt idx="9217">
                  <c:v>20822</c:v>
                </c:pt>
                <c:pt idx="9218">
                  <c:v>20171.8</c:v>
                </c:pt>
                <c:pt idx="9219">
                  <c:v>19800.2</c:v>
                </c:pt>
                <c:pt idx="9220">
                  <c:v>19435.400000000001</c:v>
                </c:pt>
                <c:pt idx="9221">
                  <c:v>19145.8</c:v>
                </c:pt>
                <c:pt idx="9222">
                  <c:v>18918</c:v>
                </c:pt>
                <c:pt idx="9223">
                  <c:v>5678.88</c:v>
                </c:pt>
                <c:pt idx="9224">
                  <c:v>5662.21</c:v>
                </c:pt>
                <c:pt idx="9225">
                  <c:v>5645.99</c:v>
                </c:pt>
                <c:pt idx="9226">
                  <c:v>18109.900000000001</c:v>
                </c:pt>
                <c:pt idx="9227">
                  <c:v>18188.900000000001</c:v>
                </c:pt>
                <c:pt idx="9228">
                  <c:v>22367.9</c:v>
                </c:pt>
                <c:pt idx="9229">
                  <c:v>21524.5</c:v>
                </c:pt>
                <c:pt idx="9230">
                  <c:v>21307.9</c:v>
                </c:pt>
                <c:pt idx="9231">
                  <c:v>20787.900000000001</c:v>
                </c:pt>
                <c:pt idx="9232">
                  <c:v>20692.900000000001</c:v>
                </c:pt>
                <c:pt idx="9233">
                  <c:v>20469.400000000001</c:v>
                </c:pt>
                <c:pt idx="9234">
                  <c:v>5678.88</c:v>
                </c:pt>
                <c:pt idx="9235">
                  <c:v>5662.21</c:v>
                </c:pt>
                <c:pt idx="9236">
                  <c:v>5645.99</c:v>
                </c:pt>
                <c:pt idx="9237">
                  <c:v>19744.3</c:v>
                </c:pt>
                <c:pt idx="9238">
                  <c:v>19728.599999999999</c:v>
                </c:pt>
                <c:pt idx="9239">
                  <c:v>5393.52</c:v>
                </c:pt>
                <c:pt idx="9240">
                  <c:v>4947.87</c:v>
                </c:pt>
                <c:pt idx="9241">
                  <c:v>4455.84</c:v>
                </c:pt>
                <c:pt idx="9242">
                  <c:v>4182.72</c:v>
                </c:pt>
                <c:pt idx="9243">
                  <c:v>3944.01</c:v>
                </c:pt>
                <c:pt idx="9244">
                  <c:v>3794.41</c:v>
                </c:pt>
                <c:pt idx="9245">
                  <c:v>3608.68</c:v>
                </c:pt>
                <c:pt idx="9246">
                  <c:v>3506.75</c:v>
                </c:pt>
                <c:pt idx="9247">
                  <c:v>3386.95</c:v>
                </c:pt>
                <c:pt idx="9248">
                  <c:v>3298.42</c:v>
                </c:pt>
                <c:pt idx="9249">
                  <c:v>3217.73</c:v>
                </c:pt>
                <c:pt idx="9250">
                  <c:v>6987.75</c:v>
                </c:pt>
                <c:pt idx="9251">
                  <c:v>6285.84</c:v>
                </c:pt>
                <c:pt idx="9252">
                  <c:v>5824.92</c:v>
                </c:pt>
                <c:pt idx="9253">
                  <c:v>5466.1</c:v>
                </c:pt>
                <c:pt idx="9254">
                  <c:v>5381.75</c:v>
                </c:pt>
                <c:pt idx="9255">
                  <c:v>5227.08</c:v>
                </c:pt>
                <c:pt idx="9256">
                  <c:v>5006.59</c:v>
                </c:pt>
                <c:pt idx="9257">
                  <c:v>4899.29</c:v>
                </c:pt>
                <c:pt idx="9258">
                  <c:v>4775.78</c:v>
                </c:pt>
                <c:pt idx="9259">
                  <c:v>4688.3500000000004</c:v>
                </c:pt>
                <c:pt idx="9260">
                  <c:v>4617.55</c:v>
                </c:pt>
                <c:pt idx="9261">
                  <c:v>8516.74</c:v>
                </c:pt>
                <c:pt idx="9262">
                  <c:v>7594.89</c:v>
                </c:pt>
                <c:pt idx="9263">
                  <c:v>7287.12</c:v>
                </c:pt>
                <c:pt idx="9264">
                  <c:v>7102.63</c:v>
                </c:pt>
                <c:pt idx="9265">
                  <c:v>6791.48</c:v>
                </c:pt>
                <c:pt idx="9266">
                  <c:v>6461.36</c:v>
                </c:pt>
                <c:pt idx="9267">
                  <c:v>5678.88</c:v>
                </c:pt>
                <c:pt idx="9268">
                  <c:v>5662.21</c:v>
                </c:pt>
                <c:pt idx="9269">
                  <c:v>6241.02</c:v>
                </c:pt>
                <c:pt idx="9270">
                  <c:v>6151.04</c:v>
                </c:pt>
                <c:pt idx="9271">
                  <c:v>6051.21</c:v>
                </c:pt>
                <c:pt idx="9272">
                  <c:v>10160.5</c:v>
                </c:pt>
                <c:pt idx="9273">
                  <c:v>9277.4</c:v>
                </c:pt>
                <c:pt idx="9274">
                  <c:v>8947.84</c:v>
                </c:pt>
                <c:pt idx="9275">
                  <c:v>8597.35</c:v>
                </c:pt>
                <c:pt idx="9276">
                  <c:v>8222.41</c:v>
                </c:pt>
                <c:pt idx="9277">
                  <c:v>8149.46</c:v>
                </c:pt>
                <c:pt idx="9278">
                  <c:v>5678.88</c:v>
                </c:pt>
                <c:pt idx="9279">
                  <c:v>5662.21</c:v>
                </c:pt>
                <c:pt idx="9280">
                  <c:v>5645.99</c:v>
                </c:pt>
                <c:pt idx="9281">
                  <c:v>7425.64</c:v>
                </c:pt>
                <c:pt idx="9282">
                  <c:v>7349.19</c:v>
                </c:pt>
                <c:pt idx="9283">
                  <c:v>11596.2</c:v>
                </c:pt>
                <c:pt idx="9284">
                  <c:v>10777.6</c:v>
                </c:pt>
                <c:pt idx="9285">
                  <c:v>10414</c:v>
                </c:pt>
                <c:pt idx="9286">
                  <c:v>10132.799999999999</c:v>
                </c:pt>
                <c:pt idx="9287">
                  <c:v>9896.52</c:v>
                </c:pt>
                <c:pt idx="9288">
                  <c:v>9656.33</c:v>
                </c:pt>
                <c:pt idx="9289">
                  <c:v>5678.88</c:v>
                </c:pt>
                <c:pt idx="9290">
                  <c:v>5662.21</c:v>
                </c:pt>
                <c:pt idx="9291">
                  <c:v>5645.99</c:v>
                </c:pt>
                <c:pt idx="9292">
                  <c:v>8991.85</c:v>
                </c:pt>
                <c:pt idx="9293">
                  <c:v>8953.64</c:v>
                </c:pt>
                <c:pt idx="9294">
                  <c:v>13265.6</c:v>
                </c:pt>
                <c:pt idx="9295">
                  <c:v>12237.1</c:v>
                </c:pt>
                <c:pt idx="9296">
                  <c:v>11944.4</c:v>
                </c:pt>
                <c:pt idx="9297">
                  <c:v>11673.8</c:v>
                </c:pt>
                <c:pt idx="9298">
                  <c:v>11353.9</c:v>
                </c:pt>
                <c:pt idx="9299">
                  <c:v>11185.8</c:v>
                </c:pt>
                <c:pt idx="9300">
                  <c:v>5678.88</c:v>
                </c:pt>
                <c:pt idx="9301">
                  <c:v>5662.21</c:v>
                </c:pt>
                <c:pt idx="9302">
                  <c:v>5645.99</c:v>
                </c:pt>
                <c:pt idx="9303">
                  <c:v>10522.9</c:v>
                </c:pt>
                <c:pt idx="9304">
                  <c:v>10492.2</c:v>
                </c:pt>
                <c:pt idx="9305">
                  <c:v>14560.3</c:v>
                </c:pt>
                <c:pt idx="9306">
                  <c:v>13833.9</c:v>
                </c:pt>
                <c:pt idx="9307">
                  <c:v>13468.4</c:v>
                </c:pt>
                <c:pt idx="9308">
                  <c:v>13069.1</c:v>
                </c:pt>
                <c:pt idx="9309">
                  <c:v>12865</c:v>
                </c:pt>
                <c:pt idx="9310">
                  <c:v>12741.9</c:v>
                </c:pt>
                <c:pt idx="9311">
                  <c:v>5678.88</c:v>
                </c:pt>
                <c:pt idx="9312">
                  <c:v>5662.21</c:v>
                </c:pt>
                <c:pt idx="9313">
                  <c:v>5645.99</c:v>
                </c:pt>
                <c:pt idx="9314">
                  <c:v>12060.1</c:v>
                </c:pt>
                <c:pt idx="9315">
                  <c:v>12007.1</c:v>
                </c:pt>
                <c:pt idx="9316">
                  <c:v>16042</c:v>
                </c:pt>
                <c:pt idx="9317">
                  <c:v>15505.7</c:v>
                </c:pt>
                <c:pt idx="9318">
                  <c:v>14952.4</c:v>
                </c:pt>
                <c:pt idx="9319">
                  <c:v>14771.1</c:v>
                </c:pt>
                <c:pt idx="9320">
                  <c:v>14511.5</c:v>
                </c:pt>
                <c:pt idx="9321">
                  <c:v>14248.4</c:v>
                </c:pt>
                <c:pt idx="9322">
                  <c:v>5678.88</c:v>
                </c:pt>
                <c:pt idx="9323">
                  <c:v>5662.21</c:v>
                </c:pt>
                <c:pt idx="9324">
                  <c:v>5645.99</c:v>
                </c:pt>
                <c:pt idx="9325">
                  <c:v>13563.7</c:v>
                </c:pt>
                <c:pt idx="9326">
                  <c:v>13512.1</c:v>
                </c:pt>
                <c:pt idx="9327">
                  <c:v>17763</c:v>
                </c:pt>
                <c:pt idx="9328">
                  <c:v>16851.400000000001</c:v>
                </c:pt>
                <c:pt idx="9329">
                  <c:v>16594.3</c:v>
                </c:pt>
                <c:pt idx="9330">
                  <c:v>16201.5</c:v>
                </c:pt>
                <c:pt idx="9331">
                  <c:v>15911.5</c:v>
                </c:pt>
                <c:pt idx="9332">
                  <c:v>15752.1</c:v>
                </c:pt>
                <c:pt idx="9333">
                  <c:v>5678.88</c:v>
                </c:pt>
                <c:pt idx="9334">
                  <c:v>5662.21</c:v>
                </c:pt>
                <c:pt idx="9335">
                  <c:v>5645.99</c:v>
                </c:pt>
                <c:pt idx="9336">
                  <c:v>15149.7</c:v>
                </c:pt>
                <c:pt idx="9337">
                  <c:v>15099.1</c:v>
                </c:pt>
                <c:pt idx="9338">
                  <c:v>19402.099999999999</c:v>
                </c:pt>
                <c:pt idx="9339">
                  <c:v>18393.8</c:v>
                </c:pt>
                <c:pt idx="9340">
                  <c:v>18111.400000000001</c:v>
                </c:pt>
                <c:pt idx="9341">
                  <c:v>17796.099999999999</c:v>
                </c:pt>
                <c:pt idx="9342">
                  <c:v>17542.7</c:v>
                </c:pt>
                <c:pt idx="9343">
                  <c:v>17322.5</c:v>
                </c:pt>
                <c:pt idx="9344">
                  <c:v>5678.88</c:v>
                </c:pt>
                <c:pt idx="9345">
                  <c:v>5662.21</c:v>
                </c:pt>
                <c:pt idx="9346">
                  <c:v>5645.99</c:v>
                </c:pt>
                <c:pt idx="9347">
                  <c:v>16629.3</c:v>
                </c:pt>
                <c:pt idx="9348">
                  <c:v>16649.8</c:v>
                </c:pt>
                <c:pt idx="9349">
                  <c:v>20822</c:v>
                </c:pt>
                <c:pt idx="9350">
                  <c:v>20171.8</c:v>
                </c:pt>
                <c:pt idx="9351">
                  <c:v>19764.900000000001</c:v>
                </c:pt>
                <c:pt idx="9352">
                  <c:v>19267.900000000001</c:v>
                </c:pt>
                <c:pt idx="9353">
                  <c:v>19145.8</c:v>
                </c:pt>
                <c:pt idx="9354">
                  <c:v>18920.400000000001</c:v>
                </c:pt>
                <c:pt idx="9355">
                  <c:v>5678.88</c:v>
                </c:pt>
                <c:pt idx="9356">
                  <c:v>5662.21</c:v>
                </c:pt>
                <c:pt idx="9357">
                  <c:v>5645.99</c:v>
                </c:pt>
                <c:pt idx="9358">
                  <c:v>18109.900000000001</c:v>
                </c:pt>
                <c:pt idx="9359">
                  <c:v>18188.900000000001</c:v>
                </c:pt>
                <c:pt idx="9360">
                  <c:v>22367.9</c:v>
                </c:pt>
                <c:pt idx="9361">
                  <c:v>21559.5</c:v>
                </c:pt>
                <c:pt idx="9362">
                  <c:v>21307.9</c:v>
                </c:pt>
                <c:pt idx="9363">
                  <c:v>20787.900000000001</c:v>
                </c:pt>
                <c:pt idx="9364">
                  <c:v>20633.599999999999</c:v>
                </c:pt>
                <c:pt idx="9365">
                  <c:v>20469.400000000001</c:v>
                </c:pt>
                <c:pt idx="9366">
                  <c:v>5678.88</c:v>
                </c:pt>
                <c:pt idx="9367">
                  <c:v>5662.21</c:v>
                </c:pt>
                <c:pt idx="9368">
                  <c:v>5645.99</c:v>
                </c:pt>
                <c:pt idx="9369">
                  <c:v>19641.7</c:v>
                </c:pt>
                <c:pt idx="9370">
                  <c:v>19726.7</c:v>
                </c:pt>
                <c:pt idx="9371">
                  <c:v>5393.52</c:v>
                </c:pt>
                <c:pt idx="9372">
                  <c:v>4947.87</c:v>
                </c:pt>
                <c:pt idx="9373">
                  <c:v>4455.84</c:v>
                </c:pt>
                <c:pt idx="9374">
                  <c:v>4182.72</c:v>
                </c:pt>
                <c:pt idx="9375">
                  <c:v>3944.01</c:v>
                </c:pt>
                <c:pt idx="9376">
                  <c:v>3794.41</c:v>
                </c:pt>
                <c:pt idx="9377">
                  <c:v>3608.68</c:v>
                </c:pt>
                <c:pt idx="9378">
                  <c:v>3506.75</c:v>
                </c:pt>
                <c:pt idx="9379">
                  <c:v>3386.95</c:v>
                </c:pt>
                <c:pt idx="9380">
                  <c:v>3298.42</c:v>
                </c:pt>
                <c:pt idx="9381">
                  <c:v>3217.73</c:v>
                </c:pt>
                <c:pt idx="9382">
                  <c:v>6987.75</c:v>
                </c:pt>
                <c:pt idx="9383">
                  <c:v>6285.84</c:v>
                </c:pt>
                <c:pt idx="9384">
                  <c:v>5824.92</c:v>
                </c:pt>
                <c:pt idx="9385">
                  <c:v>5466.1</c:v>
                </c:pt>
                <c:pt idx="9386">
                  <c:v>5381.75</c:v>
                </c:pt>
                <c:pt idx="9387">
                  <c:v>5227.08</c:v>
                </c:pt>
                <c:pt idx="9388">
                  <c:v>5006.59</c:v>
                </c:pt>
                <c:pt idx="9389">
                  <c:v>4899.29</c:v>
                </c:pt>
                <c:pt idx="9390">
                  <c:v>4775.78</c:v>
                </c:pt>
                <c:pt idx="9391">
                  <c:v>4688.3500000000004</c:v>
                </c:pt>
                <c:pt idx="9392">
                  <c:v>4617.55</c:v>
                </c:pt>
                <c:pt idx="9393">
                  <c:v>8516.74</c:v>
                </c:pt>
                <c:pt idx="9394">
                  <c:v>7594.89</c:v>
                </c:pt>
                <c:pt idx="9395">
                  <c:v>7287.12</c:v>
                </c:pt>
                <c:pt idx="9396">
                  <c:v>7102.63</c:v>
                </c:pt>
                <c:pt idx="9397">
                  <c:v>6791.48</c:v>
                </c:pt>
                <c:pt idx="9398">
                  <c:v>6461.36</c:v>
                </c:pt>
                <c:pt idx="9399">
                  <c:v>5678.88</c:v>
                </c:pt>
                <c:pt idx="9400">
                  <c:v>5662.21</c:v>
                </c:pt>
                <c:pt idx="9401">
                  <c:v>6241.02</c:v>
                </c:pt>
                <c:pt idx="9402">
                  <c:v>6151.04</c:v>
                </c:pt>
                <c:pt idx="9403">
                  <c:v>6051.21</c:v>
                </c:pt>
                <c:pt idx="9404">
                  <c:v>10160.5</c:v>
                </c:pt>
                <c:pt idx="9405">
                  <c:v>9277.4</c:v>
                </c:pt>
                <c:pt idx="9406">
                  <c:v>8947.84</c:v>
                </c:pt>
                <c:pt idx="9407">
                  <c:v>8597.35</c:v>
                </c:pt>
                <c:pt idx="9408">
                  <c:v>8222.41</c:v>
                </c:pt>
                <c:pt idx="9409">
                  <c:v>8149.46</c:v>
                </c:pt>
                <c:pt idx="9410">
                  <c:v>5678.88</c:v>
                </c:pt>
                <c:pt idx="9411">
                  <c:v>5662.21</c:v>
                </c:pt>
                <c:pt idx="9412">
                  <c:v>5645.99</c:v>
                </c:pt>
                <c:pt idx="9413">
                  <c:v>7425.64</c:v>
                </c:pt>
                <c:pt idx="9414">
                  <c:v>7349.19</c:v>
                </c:pt>
                <c:pt idx="9415">
                  <c:v>11596.2</c:v>
                </c:pt>
                <c:pt idx="9416">
                  <c:v>10777.6</c:v>
                </c:pt>
                <c:pt idx="9417">
                  <c:v>10414</c:v>
                </c:pt>
                <c:pt idx="9418">
                  <c:v>10132.799999999999</c:v>
                </c:pt>
                <c:pt idx="9419">
                  <c:v>9896.52</c:v>
                </c:pt>
                <c:pt idx="9420">
                  <c:v>9656.33</c:v>
                </c:pt>
                <c:pt idx="9421">
                  <c:v>5678.88</c:v>
                </c:pt>
                <c:pt idx="9422">
                  <c:v>5662.21</c:v>
                </c:pt>
                <c:pt idx="9423">
                  <c:v>5645.99</c:v>
                </c:pt>
                <c:pt idx="9424">
                  <c:v>8991.85</c:v>
                </c:pt>
                <c:pt idx="9425">
                  <c:v>8953.64</c:v>
                </c:pt>
                <c:pt idx="9426">
                  <c:v>13265.6</c:v>
                </c:pt>
                <c:pt idx="9427">
                  <c:v>12237.1</c:v>
                </c:pt>
                <c:pt idx="9428">
                  <c:v>11944.4</c:v>
                </c:pt>
                <c:pt idx="9429">
                  <c:v>11673.8</c:v>
                </c:pt>
                <c:pt idx="9430">
                  <c:v>11353.9</c:v>
                </c:pt>
                <c:pt idx="9431">
                  <c:v>11185.8</c:v>
                </c:pt>
                <c:pt idx="9432">
                  <c:v>5678.88</c:v>
                </c:pt>
                <c:pt idx="9433">
                  <c:v>5662.21</c:v>
                </c:pt>
                <c:pt idx="9434">
                  <c:v>5645.99</c:v>
                </c:pt>
                <c:pt idx="9435">
                  <c:v>10522.9</c:v>
                </c:pt>
                <c:pt idx="9436">
                  <c:v>10492.2</c:v>
                </c:pt>
                <c:pt idx="9437">
                  <c:v>14560.3</c:v>
                </c:pt>
                <c:pt idx="9438">
                  <c:v>13833.9</c:v>
                </c:pt>
                <c:pt idx="9439">
                  <c:v>13468.4</c:v>
                </c:pt>
                <c:pt idx="9440">
                  <c:v>13069.1</c:v>
                </c:pt>
                <c:pt idx="9441">
                  <c:v>12865</c:v>
                </c:pt>
                <c:pt idx="9442">
                  <c:v>12741.9</c:v>
                </c:pt>
                <c:pt idx="9443">
                  <c:v>5678.88</c:v>
                </c:pt>
                <c:pt idx="9444">
                  <c:v>5662.21</c:v>
                </c:pt>
                <c:pt idx="9445">
                  <c:v>5645.99</c:v>
                </c:pt>
                <c:pt idx="9446">
                  <c:v>12012.7</c:v>
                </c:pt>
                <c:pt idx="9447">
                  <c:v>11995.4</c:v>
                </c:pt>
                <c:pt idx="9448">
                  <c:v>16042</c:v>
                </c:pt>
                <c:pt idx="9449">
                  <c:v>15505.7</c:v>
                </c:pt>
                <c:pt idx="9450">
                  <c:v>14952.4</c:v>
                </c:pt>
                <c:pt idx="9451">
                  <c:v>14771.1</c:v>
                </c:pt>
                <c:pt idx="9452">
                  <c:v>14511.5</c:v>
                </c:pt>
                <c:pt idx="9453">
                  <c:v>14248.4</c:v>
                </c:pt>
                <c:pt idx="9454">
                  <c:v>5678.88</c:v>
                </c:pt>
                <c:pt idx="9455">
                  <c:v>5662.21</c:v>
                </c:pt>
                <c:pt idx="9456">
                  <c:v>5645.99</c:v>
                </c:pt>
                <c:pt idx="9457">
                  <c:v>13553.1</c:v>
                </c:pt>
                <c:pt idx="9458">
                  <c:v>13587.8</c:v>
                </c:pt>
                <c:pt idx="9459">
                  <c:v>17763</c:v>
                </c:pt>
                <c:pt idx="9460">
                  <c:v>16851.400000000001</c:v>
                </c:pt>
                <c:pt idx="9461">
                  <c:v>16594.3</c:v>
                </c:pt>
                <c:pt idx="9462">
                  <c:v>16201.5</c:v>
                </c:pt>
                <c:pt idx="9463">
                  <c:v>15911.5</c:v>
                </c:pt>
                <c:pt idx="9464">
                  <c:v>15752.1</c:v>
                </c:pt>
                <c:pt idx="9465">
                  <c:v>5678.88</c:v>
                </c:pt>
                <c:pt idx="9466">
                  <c:v>5662.21</c:v>
                </c:pt>
                <c:pt idx="9467">
                  <c:v>5645.99</c:v>
                </c:pt>
                <c:pt idx="9468">
                  <c:v>15118</c:v>
                </c:pt>
                <c:pt idx="9469">
                  <c:v>15066.7</c:v>
                </c:pt>
                <c:pt idx="9470">
                  <c:v>19402.099999999999</c:v>
                </c:pt>
                <c:pt idx="9471">
                  <c:v>18393.8</c:v>
                </c:pt>
                <c:pt idx="9472">
                  <c:v>18111.400000000001</c:v>
                </c:pt>
                <c:pt idx="9473">
                  <c:v>17796.099999999999</c:v>
                </c:pt>
                <c:pt idx="9474">
                  <c:v>17564.8</c:v>
                </c:pt>
                <c:pt idx="9475">
                  <c:v>17284.099999999999</c:v>
                </c:pt>
                <c:pt idx="9476">
                  <c:v>5678.88</c:v>
                </c:pt>
                <c:pt idx="9477">
                  <c:v>5662.21</c:v>
                </c:pt>
                <c:pt idx="9478">
                  <c:v>5645.99</c:v>
                </c:pt>
                <c:pt idx="9479">
                  <c:v>16603.3</c:v>
                </c:pt>
                <c:pt idx="9480">
                  <c:v>16563.5</c:v>
                </c:pt>
                <c:pt idx="9481">
                  <c:v>20822</c:v>
                </c:pt>
                <c:pt idx="9482">
                  <c:v>20171.8</c:v>
                </c:pt>
                <c:pt idx="9483">
                  <c:v>19744.8</c:v>
                </c:pt>
                <c:pt idx="9484">
                  <c:v>19428</c:v>
                </c:pt>
                <c:pt idx="9485">
                  <c:v>19145.8</c:v>
                </c:pt>
                <c:pt idx="9486">
                  <c:v>18922.8</c:v>
                </c:pt>
                <c:pt idx="9487">
                  <c:v>5678.88</c:v>
                </c:pt>
                <c:pt idx="9488">
                  <c:v>5662.21</c:v>
                </c:pt>
                <c:pt idx="9489">
                  <c:v>5645.99</c:v>
                </c:pt>
                <c:pt idx="9490">
                  <c:v>18109.900000000001</c:v>
                </c:pt>
                <c:pt idx="9491">
                  <c:v>18188.900000000001</c:v>
                </c:pt>
                <c:pt idx="9492">
                  <c:v>22367.9</c:v>
                </c:pt>
                <c:pt idx="9493">
                  <c:v>21533.3</c:v>
                </c:pt>
                <c:pt idx="9494">
                  <c:v>21307.9</c:v>
                </c:pt>
                <c:pt idx="9495">
                  <c:v>20787.900000000001</c:v>
                </c:pt>
                <c:pt idx="9496">
                  <c:v>20582.8</c:v>
                </c:pt>
                <c:pt idx="9497">
                  <c:v>20469.400000000001</c:v>
                </c:pt>
                <c:pt idx="9498">
                  <c:v>5678.88</c:v>
                </c:pt>
                <c:pt idx="9499">
                  <c:v>5662.21</c:v>
                </c:pt>
                <c:pt idx="9500">
                  <c:v>5645.99</c:v>
                </c:pt>
                <c:pt idx="9501">
                  <c:v>19705.3</c:v>
                </c:pt>
                <c:pt idx="9502">
                  <c:v>19754</c:v>
                </c:pt>
                <c:pt idx="9503">
                  <c:v>5359.03</c:v>
                </c:pt>
                <c:pt idx="9504">
                  <c:v>4986.3100000000004</c:v>
                </c:pt>
                <c:pt idx="9505">
                  <c:v>4570.97</c:v>
                </c:pt>
                <c:pt idx="9506">
                  <c:v>4416.7</c:v>
                </c:pt>
                <c:pt idx="9507">
                  <c:v>4309.1899999999996</c:v>
                </c:pt>
                <c:pt idx="9508">
                  <c:v>4067.39</c:v>
                </c:pt>
                <c:pt idx="9509">
                  <c:v>4012.56</c:v>
                </c:pt>
                <c:pt idx="9510">
                  <c:v>4018.9</c:v>
                </c:pt>
                <c:pt idx="9511">
                  <c:v>3923.36</c:v>
                </c:pt>
                <c:pt idx="9512">
                  <c:v>3793.15</c:v>
                </c:pt>
                <c:pt idx="9513">
                  <c:v>3832.16</c:v>
                </c:pt>
                <c:pt idx="9514">
                  <c:v>7137.26</c:v>
                </c:pt>
                <c:pt idx="9515">
                  <c:v>6087.64</c:v>
                </c:pt>
                <c:pt idx="9516">
                  <c:v>5632.47</c:v>
                </c:pt>
                <c:pt idx="9517">
                  <c:v>5385.57</c:v>
                </c:pt>
                <c:pt idx="9518">
                  <c:v>5333.26</c:v>
                </c:pt>
                <c:pt idx="9519">
                  <c:v>5102.12</c:v>
                </c:pt>
                <c:pt idx="9520">
                  <c:v>5150.07</c:v>
                </c:pt>
                <c:pt idx="9521">
                  <c:v>4875.08</c:v>
                </c:pt>
                <c:pt idx="9522">
                  <c:v>4779.8999999999996</c:v>
                </c:pt>
                <c:pt idx="9523">
                  <c:v>4828.42</c:v>
                </c:pt>
                <c:pt idx="9524">
                  <c:v>4647.01</c:v>
                </c:pt>
                <c:pt idx="9525">
                  <c:v>6038.15</c:v>
                </c:pt>
                <c:pt idx="9526">
                  <c:v>7689.17</c:v>
                </c:pt>
                <c:pt idx="9527">
                  <c:v>5325.73</c:v>
                </c:pt>
                <c:pt idx="9528">
                  <c:v>7166.21</c:v>
                </c:pt>
                <c:pt idx="9529">
                  <c:v>6873.61</c:v>
                </c:pt>
                <c:pt idx="9530">
                  <c:v>6691.18</c:v>
                </c:pt>
                <c:pt idx="9531">
                  <c:v>6464.66</c:v>
                </c:pt>
                <c:pt idx="9532">
                  <c:v>6191.65</c:v>
                </c:pt>
                <c:pt idx="9533">
                  <c:v>6170.4</c:v>
                </c:pt>
                <c:pt idx="9534">
                  <c:v>6121.8</c:v>
                </c:pt>
                <c:pt idx="9535">
                  <c:v>6302.6</c:v>
                </c:pt>
                <c:pt idx="9536">
                  <c:v>6038.15</c:v>
                </c:pt>
                <c:pt idx="9537">
                  <c:v>9472.58</c:v>
                </c:pt>
                <c:pt idx="9538">
                  <c:v>5325.73</c:v>
                </c:pt>
                <c:pt idx="9539">
                  <c:v>8487.81</c:v>
                </c:pt>
                <c:pt idx="9540">
                  <c:v>8428.34</c:v>
                </c:pt>
                <c:pt idx="9541">
                  <c:v>8183.67</c:v>
                </c:pt>
                <c:pt idx="9542">
                  <c:v>7899.15</c:v>
                </c:pt>
                <c:pt idx="9543">
                  <c:v>7807.66</c:v>
                </c:pt>
                <c:pt idx="9544">
                  <c:v>7714.74</c:v>
                </c:pt>
                <c:pt idx="9545">
                  <c:v>7620.87</c:v>
                </c:pt>
                <c:pt idx="9546">
                  <c:v>7738.7</c:v>
                </c:pt>
                <c:pt idx="9547">
                  <c:v>6038.15</c:v>
                </c:pt>
                <c:pt idx="9548">
                  <c:v>10750.2</c:v>
                </c:pt>
                <c:pt idx="9549">
                  <c:v>5325.73</c:v>
                </c:pt>
                <c:pt idx="9550">
                  <c:v>9934.56</c:v>
                </c:pt>
                <c:pt idx="9551">
                  <c:v>9958.2000000000007</c:v>
                </c:pt>
                <c:pt idx="9552">
                  <c:v>9648.17</c:v>
                </c:pt>
                <c:pt idx="9553">
                  <c:v>9563.2199999999993</c:v>
                </c:pt>
                <c:pt idx="9554">
                  <c:v>9441.18</c:v>
                </c:pt>
                <c:pt idx="9555">
                  <c:v>9304.73</c:v>
                </c:pt>
                <c:pt idx="9556">
                  <c:v>9178.58</c:v>
                </c:pt>
                <c:pt idx="9557">
                  <c:v>9131.61</c:v>
                </c:pt>
                <c:pt idx="9558">
                  <c:v>6038.15</c:v>
                </c:pt>
                <c:pt idx="9559">
                  <c:v>12322.4</c:v>
                </c:pt>
                <c:pt idx="9560">
                  <c:v>5325.73</c:v>
                </c:pt>
                <c:pt idx="9561">
                  <c:v>11588.1</c:v>
                </c:pt>
                <c:pt idx="9562">
                  <c:v>11288</c:v>
                </c:pt>
                <c:pt idx="9563">
                  <c:v>11235.8</c:v>
                </c:pt>
                <c:pt idx="9564">
                  <c:v>11139.2</c:v>
                </c:pt>
                <c:pt idx="9565">
                  <c:v>10762.7</c:v>
                </c:pt>
                <c:pt idx="9566">
                  <c:v>10643.8</c:v>
                </c:pt>
                <c:pt idx="9567">
                  <c:v>10724.5</c:v>
                </c:pt>
                <c:pt idx="9568">
                  <c:v>10707.7</c:v>
                </c:pt>
                <c:pt idx="9569">
                  <c:v>6038.15</c:v>
                </c:pt>
                <c:pt idx="9570">
                  <c:v>13822.2</c:v>
                </c:pt>
                <c:pt idx="9571">
                  <c:v>5325.73</c:v>
                </c:pt>
                <c:pt idx="9572">
                  <c:v>13044.4</c:v>
                </c:pt>
                <c:pt idx="9573">
                  <c:v>12873.1</c:v>
                </c:pt>
                <c:pt idx="9574">
                  <c:v>12665.7</c:v>
                </c:pt>
                <c:pt idx="9575">
                  <c:v>12648.3</c:v>
                </c:pt>
                <c:pt idx="9576">
                  <c:v>12381.9</c:v>
                </c:pt>
                <c:pt idx="9577">
                  <c:v>12250.6</c:v>
                </c:pt>
                <c:pt idx="9578">
                  <c:v>12161.6</c:v>
                </c:pt>
                <c:pt idx="9579">
                  <c:v>12237.5</c:v>
                </c:pt>
                <c:pt idx="9580">
                  <c:v>6038.15</c:v>
                </c:pt>
                <c:pt idx="9581">
                  <c:v>15362.5</c:v>
                </c:pt>
                <c:pt idx="9582">
                  <c:v>5325.73</c:v>
                </c:pt>
                <c:pt idx="9583">
                  <c:v>14571.4</c:v>
                </c:pt>
                <c:pt idx="9584">
                  <c:v>14625.7</c:v>
                </c:pt>
                <c:pt idx="9585">
                  <c:v>14312.1</c:v>
                </c:pt>
                <c:pt idx="9586">
                  <c:v>14165.3</c:v>
                </c:pt>
                <c:pt idx="9587">
                  <c:v>13895.2</c:v>
                </c:pt>
                <c:pt idx="9588">
                  <c:v>13748.9</c:v>
                </c:pt>
                <c:pt idx="9589">
                  <c:v>13641.6</c:v>
                </c:pt>
                <c:pt idx="9590">
                  <c:v>13922.1</c:v>
                </c:pt>
                <c:pt idx="9591">
                  <c:v>6038.15</c:v>
                </c:pt>
                <c:pt idx="9592">
                  <c:v>16938.400000000001</c:v>
                </c:pt>
                <c:pt idx="9593">
                  <c:v>5325.73</c:v>
                </c:pt>
                <c:pt idx="9594">
                  <c:v>16118.2</c:v>
                </c:pt>
                <c:pt idx="9595">
                  <c:v>16094.6</c:v>
                </c:pt>
                <c:pt idx="9596">
                  <c:v>15879.7</c:v>
                </c:pt>
                <c:pt idx="9597">
                  <c:v>15710.5</c:v>
                </c:pt>
                <c:pt idx="9598">
                  <c:v>15448.2</c:v>
                </c:pt>
                <c:pt idx="9599">
                  <c:v>15299</c:v>
                </c:pt>
                <c:pt idx="9600">
                  <c:v>15322.7</c:v>
                </c:pt>
                <c:pt idx="9601">
                  <c:v>15308.8</c:v>
                </c:pt>
                <c:pt idx="9602">
                  <c:v>6038.15</c:v>
                </c:pt>
                <c:pt idx="9603">
                  <c:v>18645.7</c:v>
                </c:pt>
                <c:pt idx="9604">
                  <c:v>5325.73</c:v>
                </c:pt>
                <c:pt idx="9605">
                  <c:v>17910.7</c:v>
                </c:pt>
                <c:pt idx="9606">
                  <c:v>17441.2</c:v>
                </c:pt>
                <c:pt idx="9607">
                  <c:v>17439.2</c:v>
                </c:pt>
                <c:pt idx="9608">
                  <c:v>17227.5</c:v>
                </c:pt>
                <c:pt idx="9609">
                  <c:v>17044.3</c:v>
                </c:pt>
                <c:pt idx="9610">
                  <c:v>16913.099999999999</c:v>
                </c:pt>
                <c:pt idx="9611">
                  <c:v>16739</c:v>
                </c:pt>
                <c:pt idx="9612">
                  <c:v>16848.3</c:v>
                </c:pt>
                <c:pt idx="9613">
                  <c:v>6038.15</c:v>
                </c:pt>
                <c:pt idx="9614">
                  <c:v>19997.599999999999</c:v>
                </c:pt>
                <c:pt idx="9615">
                  <c:v>5325.73</c:v>
                </c:pt>
                <c:pt idx="9616">
                  <c:v>19292.5</c:v>
                </c:pt>
                <c:pt idx="9617">
                  <c:v>19322.5</c:v>
                </c:pt>
                <c:pt idx="9618">
                  <c:v>18772.7</c:v>
                </c:pt>
                <c:pt idx="9619">
                  <c:v>18780</c:v>
                </c:pt>
                <c:pt idx="9620">
                  <c:v>18453.5</c:v>
                </c:pt>
                <c:pt idx="9621">
                  <c:v>18394.8</c:v>
                </c:pt>
                <c:pt idx="9622">
                  <c:v>18282.7</c:v>
                </c:pt>
                <c:pt idx="9623">
                  <c:v>18484.400000000001</c:v>
                </c:pt>
                <c:pt idx="9624">
                  <c:v>6038.15</c:v>
                </c:pt>
                <c:pt idx="9625">
                  <c:v>21441.5</c:v>
                </c:pt>
                <c:pt idx="9626">
                  <c:v>5325.73</c:v>
                </c:pt>
                <c:pt idx="9627">
                  <c:v>21053.1</c:v>
                </c:pt>
                <c:pt idx="9628">
                  <c:v>20499.400000000001</c:v>
                </c:pt>
                <c:pt idx="9629">
                  <c:v>20314.3</c:v>
                </c:pt>
                <c:pt idx="9630">
                  <c:v>20250.5</c:v>
                </c:pt>
                <c:pt idx="9631">
                  <c:v>19993.099999999999</c:v>
                </c:pt>
                <c:pt idx="9632">
                  <c:v>19985.2</c:v>
                </c:pt>
                <c:pt idx="9633">
                  <c:v>19814</c:v>
                </c:pt>
                <c:pt idx="9634">
                  <c:v>19943.599999999999</c:v>
                </c:pt>
                <c:pt idx="9635">
                  <c:v>5359.03</c:v>
                </c:pt>
                <c:pt idx="9636">
                  <c:v>4776.05</c:v>
                </c:pt>
                <c:pt idx="9637">
                  <c:v>4488.8100000000004</c:v>
                </c:pt>
                <c:pt idx="9638">
                  <c:v>4298.8900000000003</c:v>
                </c:pt>
                <c:pt idx="9639">
                  <c:v>4145.01</c:v>
                </c:pt>
                <c:pt idx="9640">
                  <c:v>3935.13</c:v>
                </c:pt>
                <c:pt idx="9641">
                  <c:v>3883.14</c:v>
                </c:pt>
                <c:pt idx="9642">
                  <c:v>3749.24</c:v>
                </c:pt>
                <c:pt idx="9643">
                  <c:v>3757.58</c:v>
                </c:pt>
                <c:pt idx="9644">
                  <c:v>3671.02</c:v>
                </c:pt>
                <c:pt idx="9645">
                  <c:v>3591.12</c:v>
                </c:pt>
                <c:pt idx="9646">
                  <c:v>7137.26</c:v>
                </c:pt>
                <c:pt idx="9647">
                  <c:v>6087.64</c:v>
                </c:pt>
                <c:pt idx="9648">
                  <c:v>5632.47</c:v>
                </c:pt>
                <c:pt idx="9649">
                  <c:v>5385.57</c:v>
                </c:pt>
                <c:pt idx="9650">
                  <c:v>5333.26</c:v>
                </c:pt>
                <c:pt idx="9651">
                  <c:v>5102.12</c:v>
                </c:pt>
                <c:pt idx="9652">
                  <c:v>4877.3100000000004</c:v>
                </c:pt>
                <c:pt idx="9653">
                  <c:v>4790.71</c:v>
                </c:pt>
                <c:pt idx="9654">
                  <c:v>4719.8</c:v>
                </c:pt>
                <c:pt idx="9655">
                  <c:v>4832.26</c:v>
                </c:pt>
                <c:pt idx="9656">
                  <c:v>4647.01</c:v>
                </c:pt>
                <c:pt idx="9657">
                  <c:v>6038.15</c:v>
                </c:pt>
                <c:pt idx="9658">
                  <c:v>7689.17</c:v>
                </c:pt>
                <c:pt idx="9659">
                  <c:v>5325.73</c:v>
                </c:pt>
                <c:pt idx="9660">
                  <c:v>7166.21</c:v>
                </c:pt>
                <c:pt idx="9661">
                  <c:v>6873.61</c:v>
                </c:pt>
                <c:pt idx="9662">
                  <c:v>6444.02</c:v>
                </c:pt>
                <c:pt idx="9663">
                  <c:v>6464.66</c:v>
                </c:pt>
                <c:pt idx="9664">
                  <c:v>6155.34</c:v>
                </c:pt>
                <c:pt idx="9665">
                  <c:v>6159.56</c:v>
                </c:pt>
                <c:pt idx="9666">
                  <c:v>6121.8</c:v>
                </c:pt>
                <c:pt idx="9667">
                  <c:v>6054.4</c:v>
                </c:pt>
                <c:pt idx="9668">
                  <c:v>6038.15</c:v>
                </c:pt>
                <c:pt idx="9669">
                  <c:v>9247.33</c:v>
                </c:pt>
                <c:pt idx="9670">
                  <c:v>5325.73</c:v>
                </c:pt>
                <c:pt idx="9671">
                  <c:v>8650.7099999999991</c:v>
                </c:pt>
                <c:pt idx="9672">
                  <c:v>8428.34</c:v>
                </c:pt>
                <c:pt idx="9673">
                  <c:v>8183.67</c:v>
                </c:pt>
                <c:pt idx="9674">
                  <c:v>8027.24</c:v>
                </c:pt>
                <c:pt idx="9675">
                  <c:v>7950.16</c:v>
                </c:pt>
                <c:pt idx="9676">
                  <c:v>7654.93</c:v>
                </c:pt>
                <c:pt idx="9677">
                  <c:v>7632.54</c:v>
                </c:pt>
                <c:pt idx="9678">
                  <c:v>7535.07</c:v>
                </c:pt>
                <c:pt idx="9679">
                  <c:v>6038.15</c:v>
                </c:pt>
                <c:pt idx="9680">
                  <c:v>10750.2</c:v>
                </c:pt>
                <c:pt idx="9681">
                  <c:v>5325.73</c:v>
                </c:pt>
                <c:pt idx="9682">
                  <c:v>9946.18</c:v>
                </c:pt>
                <c:pt idx="9683">
                  <c:v>9958.2000000000007</c:v>
                </c:pt>
                <c:pt idx="9684">
                  <c:v>9631.35</c:v>
                </c:pt>
                <c:pt idx="9685">
                  <c:v>9423.89</c:v>
                </c:pt>
                <c:pt idx="9686">
                  <c:v>9315.7199999999993</c:v>
                </c:pt>
                <c:pt idx="9687">
                  <c:v>9271.57</c:v>
                </c:pt>
                <c:pt idx="9688">
                  <c:v>9111.16</c:v>
                </c:pt>
                <c:pt idx="9689">
                  <c:v>9090.17</c:v>
                </c:pt>
                <c:pt idx="9690">
                  <c:v>6038.15</c:v>
                </c:pt>
                <c:pt idx="9691">
                  <c:v>12322.4</c:v>
                </c:pt>
                <c:pt idx="9692">
                  <c:v>5325.73</c:v>
                </c:pt>
                <c:pt idx="9693">
                  <c:v>11751.2</c:v>
                </c:pt>
                <c:pt idx="9694">
                  <c:v>11348.6</c:v>
                </c:pt>
                <c:pt idx="9695">
                  <c:v>11100.2</c:v>
                </c:pt>
                <c:pt idx="9696">
                  <c:v>10925.2</c:v>
                </c:pt>
                <c:pt idx="9697">
                  <c:v>10781.6</c:v>
                </c:pt>
                <c:pt idx="9698">
                  <c:v>10665.4</c:v>
                </c:pt>
                <c:pt idx="9699">
                  <c:v>10566.5</c:v>
                </c:pt>
                <c:pt idx="9700">
                  <c:v>10697.5</c:v>
                </c:pt>
                <c:pt idx="9701">
                  <c:v>6038.15</c:v>
                </c:pt>
                <c:pt idx="9702">
                  <c:v>13898.1</c:v>
                </c:pt>
                <c:pt idx="9703">
                  <c:v>5325.73</c:v>
                </c:pt>
                <c:pt idx="9704">
                  <c:v>13044.4</c:v>
                </c:pt>
                <c:pt idx="9705">
                  <c:v>13016.5</c:v>
                </c:pt>
                <c:pt idx="9706">
                  <c:v>12793</c:v>
                </c:pt>
                <c:pt idx="9707">
                  <c:v>12611.2</c:v>
                </c:pt>
                <c:pt idx="9708">
                  <c:v>12315.9</c:v>
                </c:pt>
                <c:pt idx="9709">
                  <c:v>12191.1</c:v>
                </c:pt>
                <c:pt idx="9710">
                  <c:v>12090.6</c:v>
                </c:pt>
                <c:pt idx="9711">
                  <c:v>12101.4</c:v>
                </c:pt>
                <c:pt idx="9712">
                  <c:v>6038.15</c:v>
                </c:pt>
                <c:pt idx="9713">
                  <c:v>15426.6</c:v>
                </c:pt>
                <c:pt idx="9714">
                  <c:v>5325.73</c:v>
                </c:pt>
                <c:pt idx="9715">
                  <c:v>14743.9</c:v>
                </c:pt>
                <c:pt idx="9716">
                  <c:v>14529</c:v>
                </c:pt>
                <c:pt idx="9717">
                  <c:v>14318.8</c:v>
                </c:pt>
                <c:pt idx="9718">
                  <c:v>14020.9</c:v>
                </c:pt>
                <c:pt idx="9719">
                  <c:v>14025.8</c:v>
                </c:pt>
                <c:pt idx="9720">
                  <c:v>13880.2</c:v>
                </c:pt>
                <c:pt idx="9721">
                  <c:v>13790.3</c:v>
                </c:pt>
                <c:pt idx="9722">
                  <c:v>13634.1</c:v>
                </c:pt>
                <c:pt idx="9723">
                  <c:v>6038.15</c:v>
                </c:pt>
                <c:pt idx="9724">
                  <c:v>17111.099999999999</c:v>
                </c:pt>
                <c:pt idx="9725">
                  <c:v>5325.73</c:v>
                </c:pt>
                <c:pt idx="9726">
                  <c:v>16302.9</c:v>
                </c:pt>
                <c:pt idx="9727">
                  <c:v>16129.7</c:v>
                </c:pt>
                <c:pt idx="9728">
                  <c:v>15863.5</c:v>
                </c:pt>
                <c:pt idx="9729">
                  <c:v>15582.4</c:v>
                </c:pt>
                <c:pt idx="9730">
                  <c:v>15491.8</c:v>
                </c:pt>
                <c:pt idx="9731">
                  <c:v>15333.5</c:v>
                </c:pt>
                <c:pt idx="9732">
                  <c:v>15218.1</c:v>
                </c:pt>
                <c:pt idx="9733">
                  <c:v>15321</c:v>
                </c:pt>
                <c:pt idx="9734">
                  <c:v>6038.15</c:v>
                </c:pt>
                <c:pt idx="9735">
                  <c:v>18659.400000000001</c:v>
                </c:pt>
                <c:pt idx="9736">
                  <c:v>5325.73</c:v>
                </c:pt>
                <c:pt idx="9737">
                  <c:v>17689</c:v>
                </c:pt>
                <c:pt idx="9738">
                  <c:v>17572.599999999999</c:v>
                </c:pt>
                <c:pt idx="9739">
                  <c:v>17285.3</c:v>
                </c:pt>
                <c:pt idx="9740">
                  <c:v>17255.599999999999</c:v>
                </c:pt>
                <c:pt idx="9741">
                  <c:v>16934.8</c:v>
                </c:pt>
                <c:pt idx="9742">
                  <c:v>16829.8</c:v>
                </c:pt>
                <c:pt idx="9743">
                  <c:v>16724.900000000001</c:v>
                </c:pt>
                <c:pt idx="9744">
                  <c:v>16871.8</c:v>
                </c:pt>
                <c:pt idx="9745">
                  <c:v>6038.15</c:v>
                </c:pt>
                <c:pt idx="9746">
                  <c:v>20110.2</c:v>
                </c:pt>
                <c:pt idx="9747">
                  <c:v>5325.73</c:v>
                </c:pt>
                <c:pt idx="9748">
                  <c:v>19279.3</c:v>
                </c:pt>
                <c:pt idx="9749">
                  <c:v>19125.5</c:v>
                </c:pt>
                <c:pt idx="9750">
                  <c:v>18944.400000000001</c:v>
                </c:pt>
                <c:pt idx="9751">
                  <c:v>18705.900000000001</c:v>
                </c:pt>
                <c:pt idx="9752">
                  <c:v>18661.8</c:v>
                </c:pt>
                <c:pt idx="9753">
                  <c:v>18365.599999999999</c:v>
                </c:pt>
                <c:pt idx="9754">
                  <c:v>18360.2</c:v>
                </c:pt>
                <c:pt idx="9755">
                  <c:v>18344.099999999999</c:v>
                </c:pt>
                <c:pt idx="9756">
                  <c:v>6038.15</c:v>
                </c:pt>
                <c:pt idx="9757">
                  <c:v>21432.1</c:v>
                </c:pt>
                <c:pt idx="9758">
                  <c:v>5325.73</c:v>
                </c:pt>
                <c:pt idx="9759">
                  <c:v>20783.099999999999</c:v>
                </c:pt>
                <c:pt idx="9760">
                  <c:v>20653.8</c:v>
                </c:pt>
                <c:pt idx="9761">
                  <c:v>20367.2</c:v>
                </c:pt>
                <c:pt idx="9762">
                  <c:v>20183.900000000001</c:v>
                </c:pt>
                <c:pt idx="9763">
                  <c:v>19999.099999999999</c:v>
                </c:pt>
                <c:pt idx="9764">
                  <c:v>19964.900000000001</c:v>
                </c:pt>
                <c:pt idx="9765">
                  <c:v>19816.599999999999</c:v>
                </c:pt>
                <c:pt idx="9766">
                  <c:v>19878.5</c:v>
                </c:pt>
                <c:pt idx="9767">
                  <c:v>5359.03</c:v>
                </c:pt>
                <c:pt idx="9768">
                  <c:v>4785.18</c:v>
                </c:pt>
                <c:pt idx="9769">
                  <c:v>4417.93</c:v>
                </c:pt>
                <c:pt idx="9770">
                  <c:v>4218.8</c:v>
                </c:pt>
                <c:pt idx="9771">
                  <c:v>3993.3</c:v>
                </c:pt>
                <c:pt idx="9772">
                  <c:v>3858.69</c:v>
                </c:pt>
                <c:pt idx="9773">
                  <c:v>3759.15</c:v>
                </c:pt>
                <c:pt idx="9774">
                  <c:v>3637</c:v>
                </c:pt>
                <c:pt idx="9775">
                  <c:v>3614.95</c:v>
                </c:pt>
                <c:pt idx="9776">
                  <c:v>3523.42</c:v>
                </c:pt>
                <c:pt idx="9777">
                  <c:v>3462.8</c:v>
                </c:pt>
                <c:pt idx="9778">
                  <c:v>7137.26</c:v>
                </c:pt>
                <c:pt idx="9779">
                  <c:v>6087.64</c:v>
                </c:pt>
                <c:pt idx="9780">
                  <c:v>5632.47</c:v>
                </c:pt>
                <c:pt idx="9781">
                  <c:v>5385.57</c:v>
                </c:pt>
                <c:pt idx="9782">
                  <c:v>5333.26</c:v>
                </c:pt>
                <c:pt idx="9783">
                  <c:v>5102.12</c:v>
                </c:pt>
                <c:pt idx="9784">
                  <c:v>4852.75</c:v>
                </c:pt>
                <c:pt idx="9785">
                  <c:v>4778.3100000000004</c:v>
                </c:pt>
                <c:pt idx="9786">
                  <c:v>4702.43</c:v>
                </c:pt>
                <c:pt idx="9787">
                  <c:v>4637.8100000000004</c:v>
                </c:pt>
                <c:pt idx="9788">
                  <c:v>4647.01</c:v>
                </c:pt>
                <c:pt idx="9789">
                  <c:v>6038.15</c:v>
                </c:pt>
                <c:pt idx="9790">
                  <c:v>7689.17</c:v>
                </c:pt>
                <c:pt idx="9791">
                  <c:v>5325.73</c:v>
                </c:pt>
                <c:pt idx="9792">
                  <c:v>6968.68</c:v>
                </c:pt>
                <c:pt idx="9793">
                  <c:v>6873.61</c:v>
                </c:pt>
                <c:pt idx="9794">
                  <c:v>6444.02</c:v>
                </c:pt>
                <c:pt idx="9795">
                  <c:v>6464.66</c:v>
                </c:pt>
                <c:pt idx="9796">
                  <c:v>6155.34</c:v>
                </c:pt>
                <c:pt idx="9797">
                  <c:v>6095.38</c:v>
                </c:pt>
                <c:pt idx="9798">
                  <c:v>5991.69</c:v>
                </c:pt>
                <c:pt idx="9799">
                  <c:v>6052.05</c:v>
                </c:pt>
                <c:pt idx="9800">
                  <c:v>6038.15</c:v>
                </c:pt>
                <c:pt idx="9801">
                  <c:v>9639.32</c:v>
                </c:pt>
                <c:pt idx="9802">
                  <c:v>5325.73</c:v>
                </c:pt>
                <c:pt idx="9803">
                  <c:v>8493.7900000000009</c:v>
                </c:pt>
                <c:pt idx="9804">
                  <c:v>8428.34</c:v>
                </c:pt>
                <c:pt idx="9805">
                  <c:v>8183.67</c:v>
                </c:pt>
                <c:pt idx="9806">
                  <c:v>7800.68</c:v>
                </c:pt>
                <c:pt idx="9807">
                  <c:v>7694.08</c:v>
                </c:pt>
                <c:pt idx="9808">
                  <c:v>7782.74</c:v>
                </c:pt>
                <c:pt idx="9809">
                  <c:v>7574.35</c:v>
                </c:pt>
                <c:pt idx="9810">
                  <c:v>7616.27</c:v>
                </c:pt>
                <c:pt idx="9811">
                  <c:v>6038.15</c:v>
                </c:pt>
                <c:pt idx="9812">
                  <c:v>10750.2</c:v>
                </c:pt>
                <c:pt idx="9813">
                  <c:v>5325.73</c:v>
                </c:pt>
                <c:pt idx="9814">
                  <c:v>10090.1</c:v>
                </c:pt>
                <c:pt idx="9815">
                  <c:v>9739.48</c:v>
                </c:pt>
                <c:pt idx="9816">
                  <c:v>9572.33</c:v>
                </c:pt>
                <c:pt idx="9817">
                  <c:v>9413.24</c:v>
                </c:pt>
                <c:pt idx="9818">
                  <c:v>9256.07</c:v>
                </c:pt>
                <c:pt idx="9819">
                  <c:v>9124.48</c:v>
                </c:pt>
                <c:pt idx="9820">
                  <c:v>9041.02</c:v>
                </c:pt>
                <c:pt idx="9821">
                  <c:v>9185.0400000000009</c:v>
                </c:pt>
                <c:pt idx="9822">
                  <c:v>6038.15</c:v>
                </c:pt>
                <c:pt idx="9823">
                  <c:v>12472.9</c:v>
                </c:pt>
                <c:pt idx="9824">
                  <c:v>5325.73</c:v>
                </c:pt>
                <c:pt idx="9825">
                  <c:v>11646</c:v>
                </c:pt>
                <c:pt idx="9826">
                  <c:v>11304.7</c:v>
                </c:pt>
                <c:pt idx="9827">
                  <c:v>11098.1</c:v>
                </c:pt>
                <c:pt idx="9828">
                  <c:v>10938</c:v>
                </c:pt>
                <c:pt idx="9829">
                  <c:v>10833.3</c:v>
                </c:pt>
                <c:pt idx="9830">
                  <c:v>10716.3</c:v>
                </c:pt>
                <c:pt idx="9831">
                  <c:v>10657</c:v>
                </c:pt>
                <c:pt idx="9832">
                  <c:v>10628.1</c:v>
                </c:pt>
                <c:pt idx="9833">
                  <c:v>6038.15</c:v>
                </c:pt>
                <c:pt idx="9834">
                  <c:v>14131.5</c:v>
                </c:pt>
                <c:pt idx="9835">
                  <c:v>5325.73</c:v>
                </c:pt>
                <c:pt idx="9836">
                  <c:v>13044.4</c:v>
                </c:pt>
                <c:pt idx="9837">
                  <c:v>12855.7</c:v>
                </c:pt>
                <c:pt idx="9838">
                  <c:v>12756.5</c:v>
                </c:pt>
                <c:pt idx="9839">
                  <c:v>12467.6</c:v>
                </c:pt>
                <c:pt idx="9840">
                  <c:v>12327.3</c:v>
                </c:pt>
                <c:pt idx="9841">
                  <c:v>12203</c:v>
                </c:pt>
                <c:pt idx="9842">
                  <c:v>12183.5</c:v>
                </c:pt>
                <c:pt idx="9843">
                  <c:v>12185.2</c:v>
                </c:pt>
                <c:pt idx="9844">
                  <c:v>6038.15</c:v>
                </c:pt>
                <c:pt idx="9845">
                  <c:v>15660.8</c:v>
                </c:pt>
                <c:pt idx="9846">
                  <c:v>5325.73</c:v>
                </c:pt>
                <c:pt idx="9847">
                  <c:v>14753</c:v>
                </c:pt>
                <c:pt idx="9848">
                  <c:v>14381.5</c:v>
                </c:pt>
                <c:pt idx="9849">
                  <c:v>14144.5</c:v>
                </c:pt>
                <c:pt idx="9850">
                  <c:v>13983.5</c:v>
                </c:pt>
                <c:pt idx="9851">
                  <c:v>13933.3</c:v>
                </c:pt>
                <c:pt idx="9852">
                  <c:v>13787.6</c:v>
                </c:pt>
                <c:pt idx="9853">
                  <c:v>13680.3</c:v>
                </c:pt>
                <c:pt idx="9854">
                  <c:v>13630.2</c:v>
                </c:pt>
                <c:pt idx="9855">
                  <c:v>6038.15</c:v>
                </c:pt>
                <c:pt idx="9856">
                  <c:v>17132.8</c:v>
                </c:pt>
                <c:pt idx="9857">
                  <c:v>5325.73</c:v>
                </c:pt>
                <c:pt idx="9858">
                  <c:v>16175.1</c:v>
                </c:pt>
                <c:pt idx="9859">
                  <c:v>16038.4</c:v>
                </c:pt>
                <c:pt idx="9860">
                  <c:v>15763.5</c:v>
                </c:pt>
                <c:pt idx="9861">
                  <c:v>15499.1</c:v>
                </c:pt>
                <c:pt idx="9862">
                  <c:v>15381.7</c:v>
                </c:pt>
                <c:pt idx="9863">
                  <c:v>15348.5</c:v>
                </c:pt>
                <c:pt idx="9864">
                  <c:v>15236.9</c:v>
                </c:pt>
                <c:pt idx="9865">
                  <c:v>15277.2</c:v>
                </c:pt>
                <c:pt idx="9866">
                  <c:v>6038.15</c:v>
                </c:pt>
                <c:pt idx="9867">
                  <c:v>18837.8</c:v>
                </c:pt>
                <c:pt idx="9868">
                  <c:v>5325.73</c:v>
                </c:pt>
                <c:pt idx="9869">
                  <c:v>17720.7</c:v>
                </c:pt>
                <c:pt idx="9870">
                  <c:v>17562.099999999999</c:v>
                </c:pt>
                <c:pt idx="9871">
                  <c:v>17448.099999999999</c:v>
                </c:pt>
                <c:pt idx="9872">
                  <c:v>17124.7</c:v>
                </c:pt>
                <c:pt idx="9873">
                  <c:v>16891</c:v>
                </c:pt>
                <c:pt idx="9874">
                  <c:v>16922.2</c:v>
                </c:pt>
                <c:pt idx="9875">
                  <c:v>16698.400000000001</c:v>
                </c:pt>
                <c:pt idx="9876">
                  <c:v>16849.900000000001</c:v>
                </c:pt>
                <c:pt idx="9877">
                  <c:v>6038.15</c:v>
                </c:pt>
                <c:pt idx="9878">
                  <c:v>19970.8</c:v>
                </c:pt>
                <c:pt idx="9879">
                  <c:v>5325.73</c:v>
                </c:pt>
                <c:pt idx="9880">
                  <c:v>19269.099999999999</c:v>
                </c:pt>
                <c:pt idx="9881">
                  <c:v>19032.7</c:v>
                </c:pt>
                <c:pt idx="9882">
                  <c:v>18817.599999999999</c:v>
                </c:pt>
                <c:pt idx="9883">
                  <c:v>18708</c:v>
                </c:pt>
                <c:pt idx="9884">
                  <c:v>18501.2</c:v>
                </c:pt>
                <c:pt idx="9885">
                  <c:v>18466.599999999999</c:v>
                </c:pt>
                <c:pt idx="9886">
                  <c:v>18307.400000000001</c:v>
                </c:pt>
                <c:pt idx="9887">
                  <c:v>18340.900000000001</c:v>
                </c:pt>
                <c:pt idx="9888">
                  <c:v>6038.15</c:v>
                </c:pt>
                <c:pt idx="9889">
                  <c:v>21438.9</c:v>
                </c:pt>
                <c:pt idx="9890">
                  <c:v>5325.73</c:v>
                </c:pt>
                <c:pt idx="9891">
                  <c:v>20712.900000000001</c:v>
                </c:pt>
                <c:pt idx="9892">
                  <c:v>20567.400000000001</c:v>
                </c:pt>
                <c:pt idx="9893">
                  <c:v>20368.7</c:v>
                </c:pt>
                <c:pt idx="9894">
                  <c:v>20178</c:v>
                </c:pt>
                <c:pt idx="9895">
                  <c:v>20024.400000000001</c:v>
                </c:pt>
                <c:pt idx="9896">
                  <c:v>19970.5</c:v>
                </c:pt>
                <c:pt idx="9897">
                  <c:v>19855.900000000001</c:v>
                </c:pt>
                <c:pt idx="9898">
                  <c:v>19915.2</c:v>
                </c:pt>
                <c:pt idx="9899">
                  <c:v>5359.03</c:v>
                </c:pt>
                <c:pt idx="9900">
                  <c:v>4796.3500000000004</c:v>
                </c:pt>
                <c:pt idx="9901">
                  <c:v>4431.92</c:v>
                </c:pt>
                <c:pt idx="9902">
                  <c:v>4150.58</c:v>
                </c:pt>
                <c:pt idx="9903">
                  <c:v>3992.68</c:v>
                </c:pt>
                <c:pt idx="9904">
                  <c:v>3783.75</c:v>
                </c:pt>
                <c:pt idx="9905">
                  <c:v>3690.04</c:v>
                </c:pt>
                <c:pt idx="9906">
                  <c:v>3611.92</c:v>
                </c:pt>
                <c:pt idx="9907">
                  <c:v>3485.65</c:v>
                </c:pt>
                <c:pt idx="9908">
                  <c:v>3457.2</c:v>
                </c:pt>
                <c:pt idx="9909">
                  <c:v>3434.43</c:v>
                </c:pt>
                <c:pt idx="9910">
                  <c:v>7137.26</c:v>
                </c:pt>
                <c:pt idx="9911">
                  <c:v>6087.64</c:v>
                </c:pt>
                <c:pt idx="9912">
                  <c:v>5632.47</c:v>
                </c:pt>
                <c:pt idx="9913">
                  <c:v>5385.57</c:v>
                </c:pt>
                <c:pt idx="9914">
                  <c:v>5333.26</c:v>
                </c:pt>
                <c:pt idx="9915">
                  <c:v>5102.12</c:v>
                </c:pt>
                <c:pt idx="9916">
                  <c:v>5053.37</c:v>
                </c:pt>
                <c:pt idx="9917">
                  <c:v>4739.67</c:v>
                </c:pt>
                <c:pt idx="9918">
                  <c:v>4689.53</c:v>
                </c:pt>
                <c:pt idx="9919">
                  <c:v>4621.84</c:v>
                </c:pt>
                <c:pt idx="9920">
                  <c:v>4647.01</c:v>
                </c:pt>
                <c:pt idx="9921">
                  <c:v>6038.15</c:v>
                </c:pt>
                <c:pt idx="9922">
                  <c:v>7689.17</c:v>
                </c:pt>
                <c:pt idx="9923">
                  <c:v>5325.73</c:v>
                </c:pt>
                <c:pt idx="9924">
                  <c:v>6968.68</c:v>
                </c:pt>
                <c:pt idx="9925">
                  <c:v>6873.61</c:v>
                </c:pt>
                <c:pt idx="9926">
                  <c:v>6444.02</c:v>
                </c:pt>
                <c:pt idx="9927">
                  <c:v>6464.66</c:v>
                </c:pt>
                <c:pt idx="9928">
                  <c:v>6155.34</c:v>
                </c:pt>
                <c:pt idx="9929">
                  <c:v>6095.38</c:v>
                </c:pt>
                <c:pt idx="9930">
                  <c:v>5970.81</c:v>
                </c:pt>
                <c:pt idx="9931">
                  <c:v>6007.95</c:v>
                </c:pt>
                <c:pt idx="9932">
                  <c:v>6038.15</c:v>
                </c:pt>
                <c:pt idx="9933">
                  <c:v>9639.32</c:v>
                </c:pt>
                <c:pt idx="9934">
                  <c:v>5325.73</c:v>
                </c:pt>
                <c:pt idx="9935">
                  <c:v>8464.44</c:v>
                </c:pt>
                <c:pt idx="9936">
                  <c:v>8428.34</c:v>
                </c:pt>
                <c:pt idx="9937">
                  <c:v>8183.67</c:v>
                </c:pt>
                <c:pt idx="9938">
                  <c:v>7800.68</c:v>
                </c:pt>
                <c:pt idx="9939">
                  <c:v>7782.74</c:v>
                </c:pt>
                <c:pt idx="9940">
                  <c:v>7695.52</c:v>
                </c:pt>
                <c:pt idx="9941">
                  <c:v>7545.83</c:v>
                </c:pt>
                <c:pt idx="9942">
                  <c:v>7616.27</c:v>
                </c:pt>
                <c:pt idx="9943">
                  <c:v>6038.15</c:v>
                </c:pt>
                <c:pt idx="9944">
                  <c:v>10750.2</c:v>
                </c:pt>
                <c:pt idx="9945">
                  <c:v>5325.73</c:v>
                </c:pt>
                <c:pt idx="9946">
                  <c:v>10103.799999999999</c:v>
                </c:pt>
                <c:pt idx="9947">
                  <c:v>9739.48</c:v>
                </c:pt>
                <c:pt idx="9948">
                  <c:v>9579.39</c:v>
                </c:pt>
                <c:pt idx="9949">
                  <c:v>9413.24</c:v>
                </c:pt>
                <c:pt idx="9950">
                  <c:v>9256.07</c:v>
                </c:pt>
                <c:pt idx="9951">
                  <c:v>9124.48</c:v>
                </c:pt>
                <c:pt idx="9952">
                  <c:v>9015.27</c:v>
                </c:pt>
                <c:pt idx="9953">
                  <c:v>9105.41</c:v>
                </c:pt>
                <c:pt idx="9954">
                  <c:v>6038.15</c:v>
                </c:pt>
                <c:pt idx="9955">
                  <c:v>12472.9</c:v>
                </c:pt>
                <c:pt idx="9956">
                  <c:v>5325.73</c:v>
                </c:pt>
                <c:pt idx="9957">
                  <c:v>11646</c:v>
                </c:pt>
                <c:pt idx="9958">
                  <c:v>11274.3</c:v>
                </c:pt>
                <c:pt idx="9959">
                  <c:v>11292.8</c:v>
                </c:pt>
                <c:pt idx="9960">
                  <c:v>10967.5</c:v>
                </c:pt>
                <c:pt idx="9961">
                  <c:v>10802.6</c:v>
                </c:pt>
                <c:pt idx="9962">
                  <c:v>10685.9</c:v>
                </c:pt>
                <c:pt idx="9963">
                  <c:v>10598.1</c:v>
                </c:pt>
                <c:pt idx="9964">
                  <c:v>10639.3</c:v>
                </c:pt>
                <c:pt idx="9965">
                  <c:v>6038.15</c:v>
                </c:pt>
                <c:pt idx="9966">
                  <c:v>14131.5</c:v>
                </c:pt>
                <c:pt idx="9967">
                  <c:v>5325.73</c:v>
                </c:pt>
                <c:pt idx="9968">
                  <c:v>13044.4</c:v>
                </c:pt>
                <c:pt idx="9969">
                  <c:v>12868.2</c:v>
                </c:pt>
                <c:pt idx="9970">
                  <c:v>12756.5</c:v>
                </c:pt>
                <c:pt idx="9971">
                  <c:v>12504.9</c:v>
                </c:pt>
                <c:pt idx="9972">
                  <c:v>12311.4</c:v>
                </c:pt>
                <c:pt idx="9973">
                  <c:v>12178.3</c:v>
                </c:pt>
                <c:pt idx="9974">
                  <c:v>12247.7</c:v>
                </c:pt>
                <c:pt idx="9975">
                  <c:v>12153.3</c:v>
                </c:pt>
                <c:pt idx="9976">
                  <c:v>6038.15</c:v>
                </c:pt>
                <c:pt idx="9977">
                  <c:v>15543.5</c:v>
                </c:pt>
                <c:pt idx="9978">
                  <c:v>5325.73</c:v>
                </c:pt>
                <c:pt idx="9979">
                  <c:v>14585.8</c:v>
                </c:pt>
                <c:pt idx="9980">
                  <c:v>14458.8</c:v>
                </c:pt>
                <c:pt idx="9981">
                  <c:v>14144.5</c:v>
                </c:pt>
                <c:pt idx="9982">
                  <c:v>14031.6</c:v>
                </c:pt>
                <c:pt idx="9983">
                  <c:v>14005.9</c:v>
                </c:pt>
                <c:pt idx="9984">
                  <c:v>13854.7</c:v>
                </c:pt>
                <c:pt idx="9985">
                  <c:v>13654.9</c:v>
                </c:pt>
                <c:pt idx="9986">
                  <c:v>13740.7</c:v>
                </c:pt>
                <c:pt idx="9987">
                  <c:v>6038.15</c:v>
                </c:pt>
                <c:pt idx="9988">
                  <c:v>16864</c:v>
                </c:pt>
                <c:pt idx="9989">
                  <c:v>5325.73</c:v>
                </c:pt>
                <c:pt idx="9990">
                  <c:v>16192</c:v>
                </c:pt>
                <c:pt idx="9991">
                  <c:v>15909.9</c:v>
                </c:pt>
                <c:pt idx="9992">
                  <c:v>15687.5</c:v>
                </c:pt>
                <c:pt idx="9993">
                  <c:v>15671.1</c:v>
                </c:pt>
                <c:pt idx="9994">
                  <c:v>15479.4</c:v>
                </c:pt>
                <c:pt idx="9995">
                  <c:v>15260.5</c:v>
                </c:pt>
                <c:pt idx="9996">
                  <c:v>15164</c:v>
                </c:pt>
                <c:pt idx="9997">
                  <c:v>15328.8</c:v>
                </c:pt>
                <c:pt idx="9998">
                  <c:v>6038.15</c:v>
                </c:pt>
                <c:pt idx="9999">
                  <c:v>18659</c:v>
                </c:pt>
                <c:pt idx="10000">
                  <c:v>5325.73</c:v>
                </c:pt>
                <c:pt idx="10001">
                  <c:v>17746</c:v>
                </c:pt>
                <c:pt idx="10002">
                  <c:v>17383.8</c:v>
                </c:pt>
                <c:pt idx="10003">
                  <c:v>17242.099999999999</c:v>
                </c:pt>
                <c:pt idx="10004">
                  <c:v>17196</c:v>
                </c:pt>
                <c:pt idx="10005">
                  <c:v>17004.8</c:v>
                </c:pt>
                <c:pt idx="10006">
                  <c:v>16868</c:v>
                </c:pt>
                <c:pt idx="10007">
                  <c:v>16770.8</c:v>
                </c:pt>
                <c:pt idx="10008">
                  <c:v>16767.2</c:v>
                </c:pt>
                <c:pt idx="10009">
                  <c:v>6038.15</c:v>
                </c:pt>
                <c:pt idx="10010">
                  <c:v>20203.7</c:v>
                </c:pt>
                <c:pt idx="10011">
                  <c:v>5325.73</c:v>
                </c:pt>
                <c:pt idx="10012">
                  <c:v>19251.900000000001</c:v>
                </c:pt>
                <c:pt idx="10013">
                  <c:v>18955.7</c:v>
                </c:pt>
                <c:pt idx="10014">
                  <c:v>18880.2</c:v>
                </c:pt>
                <c:pt idx="10015">
                  <c:v>18770.599999999999</c:v>
                </c:pt>
                <c:pt idx="10016">
                  <c:v>18584.7</c:v>
                </c:pt>
                <c:pt idx="10017">
                  <c:v>18398.400000000001</c:v>
                </c:pt>
                <c:pt idx="10018">
                  <c:v>18227.2</c:v>
                </c:pt>
                <c:pt idx="10019">
                  <c:v>18252.7</c:v>
                </c:pt>
                <c:pt idx="10020">
                  <c:v>6038.15</c:v>
                </c:pt>
                <c:pt idx="10021">
                  <c:v>21445.1</c:v>
                </c:pt>
                <c:pt idx="10022">
                  <c:v>5325.73</c:v>
                </c:pt>
                <c:pt idx="10023">
                  <c:v>20775.900000000001</c:v>
                </c:pt>
                <c:pt idx="10024">
                  <c:v>20748</c:v>
                </c:pt>
                <c:pt idx="10025">
                  <c:v>20316.099999999999</c:v>
                </c:pt>
                <c:pt idx="10026">
                  <c:v>20298</c:v>
                </c:pt>
                <c:pt idx="10027">
                  <c:v>19969.3</c:v>
                </c:pt>
                <c:pt idx="10028">
                  <c:v>19963.2</c:v>
                </c:pt>
                <c:pt idx="10029">
                  <c:v>19842</c:v>
                </c:pt>
                <c:pt idx="10030">
                  <c:v>19879.400000000001</c:v>
                </c:pt>
                <c:pt idx="10031">
                  <c:v>5359.03</c:v>
                </c:pt>
                <c:pt idx="10032">
                  <c:v>4798.84</c:v>
                </c:pt>
                <c:pt idx="10033">
                  <c:v>4422.3500000000004</c:v>
                </c:pt>
                <c:pt idx="10034">
                  <c:v>4162.71</c:v>
                </c:pt>
                <c:pt idx="10035">
                  <c:v>3929.89</c:v>
                </c:pt>
                <c:pt idx="10036">
                  <c:v>3725.04</c:v>
                </c:pt>
                <c:pt idx="10037">
                  <c:v>3628.34</c:v>
                </c:pt>
                <c:pt idx="10038">
                  <c:v>3543.02</c:v>
                </c:pt>
                <c:pt idx="10039">
                  <c:v>3477.56</c:v>
                </c:pt>
                <c:pt idx="10040">
                  <c:v>3380.26</c:v>
                </c:pt>
                <c:pt idx="10041">
                  <c:v>3339.87</c:v>
                </c:pt>
                <c:pt idx="10042">
                  <c:v>7137.26</c:v>
                </c:pt>
                <c:pt idx="10043">
                  <c:v>6087.64</c:v>
                </c:pt>
                <c:pt idx="10044">
                  <c:v>5632.47</c:v>
                </c:pt>
                <c:pt idx="10045">
                  <c:v>5385.57</c:v>
                </c:pt>
                <c:pt idx="10046">
                  <c:v>5333.26</c:v>
                </c:pt>
                <c:pt idx="10047">
                  <c:v>5102.12</c:v>
                </c:pt>
                <c:pt idx="10048">
                  <c:v>5053.37</c:v>
                </c:pt>
                <c:pt idx="10049">
                  <c:v>4912.0600000000004</c:v>
                </c:pt>
                <c:pt idx="10050">
                  <c:v>4830.9799999999996</c:v>
                </c:pt>
                <c:pt idx="10051">
                  <c:v>4610.93</c:v>
                </c:pt>
                <c:pt idx="10052">
                  <c:v>4647.01</c:v>
                </c:pt>
                <c:pt idx="10053">
                  <c:v>6038.15</c:v>
                </c:pt>
                <c:pt idx="10054">
                  <c:v>7689.17</c:v>
                </c:pt>
                <c:pt idx="10055">
                  <c:v>5325.73</c:v>
                </c:pt>
                <c:pt idx="10056">
                  <c:v>6968.68</c:v>
                </c:pt>
                <c:pt idx="10057">
                  <c:v>6873.61</c:v>
                </c:pt>
                <c:pt idx="10058">
                  <c:v>6444.02</c:v>
                </c:pt>
                <c:pt idx="10059">
                  <c:v>6464.66</c:v>
                </c:pt>
                <c:pt idx="10060">
                  <c:v>6155.34</c:v>
                </c:pt>
                <c:pt idx="10061">
                  <c:v>6095.38</c:v>
                </c:pt>
                <c:pt idx="10062">
                  <c:v>5970.81</c:v>
                </c:pt>
                <c:pt idx="10063">
                  <c:v>6007.95</c:v>
                </c:pt>
                <c:pt idx="10064">
                  <c:v>6038.15</c:v>
                </c:pt>
                <c:pt idx="10065">
                  <c:v>9485.67</c:v>
                </c:pt>
                <c:pt idx="10066">
                  <c:v>5325.73</c:v>
                </c:pt>
                <c:pt idx="10067">
                  <c:v>8464.44</c:v>
                </c:pt>
                <c:pt idx="10068">
                  <c:v>8428.34</c:v>
                </c:pt>
                <c:pt idx="10069">
                  <c:v>8183.67</c:v>
                </c:pt>
                <c:pt idx="10070">
                  <c:v>7800.68</c:v>
                </c:pt>
                <c:pt idx="10071">
                  <c:v>7707.98</c:v>
                </c:pt>
                <c:pt idx="10072">
                  <c:v>7599.42</c:v>
                </c:pt>
                <c:pt idx="10073">
                  <c:v>7611.82</c:v>
                </c:pt>
                <c:pt idx="10074">
                  <c:v>7616.27</c:v>
                </c:pt>
                <c:pt idx="10075">
                  <c:v>6038.15</c:v>
                </c:pt>
                <c:pt idx="10076">
                  <c:v>10750.2</c:v>
                </c:pt>
                <c:pt idx="10077">
                  <c:v>5325.73</c:v>
                </c:pt>
                <c:pt idx="10078">
                  <c:v>10120.9</c:v>
                </c:pt>
                <c:pt idx="10079">
                  <c:v>9739.48</c:v>
                </c:pt>
                <c:pt idx="10080">
                  <c:v>9534.4599999999991</c:v>
                </c:pt>
                <c:pt idx="10081">
                  <c:v>9413.24</c:v>
                </c:pt>
                <c:pt idx="10082">
                  <c:v>9256.07</c:v>
                </c:pt>
                <c:pt idx="10083">
                  <c:v>9124.48</c:v>
                </c:pt>
                <c:pt idx="10084">
                  <c:v>9015.27</c:v>
                </c:pt>
                <c:pt idx="10085">
                  <c:v>9105.41</c:v>
                </c:pt>
                <c:pt idx="10086">
                  <c:v>6038.15</c:v>
                </c:pt>
                <c:pt idx="10087">
                  <c:v>12472.9</c:v>
                </c:pt>
                <c:pt idx="10088">
                  <c:v>5325.73</c:v>
                </c:pt>
                <c:pt idx="10089">
                  <c:v>11646</c:v>
                </c:pt>
                <c:pt idx="10090">
                  <c:v>11458.4</c:v>
                </c:pt>
                <c:pt idx="10091">
                  <c:v>11292.8</c:v>
                </c:pt>
                <c:pt idx="10092">
                  <c:v>10943.9</c:v>
                </c:pt>
                <c:pt idx="10093">
                  <c:v>10780.4</c:v>
                </c:pt>
                <c:pt idx="10094">
                  <c:v>10663.9</c:v>
                </c:pt>
                <c:pt idx="10095">
                  <c:v>10575.9</c:v>
                </c:pt>
                <c:pt idx="10096">
                  <c:v>10562.9</c:v>
                </c:pt>
                <c:pt idx="10097">
                  <c:v>6038.15</c:v>
                </c:pt>
                <c:pt idx="10098">
                  <c:v>14131.5</c:v>
                </c:pt>
                <c:pt idx="10099">
                  <c:v>5325.73</c:v>
                </c:pt>
                <c:pt idx="10100">
                  <c:v>13044.4</c:v>
                </c:pt>
                <c:pt idx="10101">
                  <c:v>12806.4</c:v>
                </c:pt>
                <c:pt idx="10102">
                  <c:v>12680.3</c:v>
                </c:pt>
                <c:pt idx="10103">
                  <c:v>12444.1</c:v>
                </c:pt>
                <c:pt idx="10104">
                  <c:v>12404.8</c:v>
                </c:pt>
                <c:pt idx="10105">
                  <c:v>12218.5</c:v>
                </c:pt>
                <c:pt idx="10106">
                  <c:v>12123.7</c:v>
                </c:pt>
                <c:pt idx="10107">
                  <c:v>12192.7</c:v>
                </c:pt>
                <c:pt idx="10108">
                  <c:v>6038.15</c:v>
                </c:pt>
                <c:pt idx="10109">
                  <c:v>15531</c:v>
                </c:pt>
                <c:pt idx="10110">
                  <c:v>5325.73</c:v>
                </c:pt>
                <c:pt idx="10111">
                  <c:v>14712.9</c:v>
                </c:pt>
                <c:pt idx="10112">
                  <c:v>14381</c:v>
                </c:pt>
                <c:pt idx="10113">
                  <c:v>14144.5</c:v>
                </c:pt>
                <c:pt idx="10114">
                  <c:v>13957.1</c:v>
                </c:pt>
                <c:pt idx="10115">
                  <c:v>13863</c:v>
                </c:pt>
                <c:pt idx="10116">
                  <c:v>13748.2</c:v>
                </c:pt>
                <c:pt idx="10117">
                  <c:v>13619.3</c:v>
                </c:pt>
                <c:pt idx="10118">
                  <c:v>13713.8</c:v>
                </c:pt>
                <c:pt idx="10119">
                  <c:v>6038.15</c:v>
                </c:pt>
                <c:pt idx="10120">
                  <c:v>17180.5</c:v>
                </c:pt>
                <c:pt idx="10121">
                  <c:v>5325.73</c:v>
                </c:pt>
                <c:pt idx="10122">
                  <c:v>16192</c:v>
                </c:pt>
                <c:pt idx="10123">
                  <c:v>16142.3</c:v>
                </c:pt>
                <c:pt idx="10124">
                  <c:v>15693.6</c:v>
                </c:pt>
                <c:pt idx="10125">
                  <c:v>15543.7</c:v>
                </c:pt>
                <c:pt idx="10126">
                  <c:v>15403.3</c:v>
                </c:pt>
                <c:pt idx="10127">
                  <c:v>15339.1</c:v>
                </c:pt>
                <c:pt idx="10128">
                  <c:v>15223</c:v>
                </c:pt>
                <c:pt idx="10129">
                  <c:v>15257</c:v>
                </c:pt>
                <c:pt idx="10130">
                  <c:v>6038.15</c:v>
                </c:pt>
                <c:pt idx="10131">
                  <c:v>18615.3</c:v>
                </c:pt>
                <c:pt idx="10132">
                  <c:v>5325.73</c:v>
                </c:pt>
                <c:pt idx="10133">
                  <c:v>17839.599999999999</c:v>
                </c:pt>
                <c:pt idx="10134">
                  <c:v>17549</c:v>
                </c:pt>
                <c:pt idx="10135">
                  <c:v>17247.099999999999</c:v>
                </c:pt>
                <c:pt idx="10136">
                  <c:v>17126.3</c:v>
                </c:pt>
                <c:pt idx="10137">
                  <c:v>17014.900000000001</c:v>
                </c:pt>
                <c:pt idx="10138">
                  <c:v>16980.900000000001</c:v>
                </c:pt>
                <c:pt idx="10139">
                  <c:v>16706.8</c:v>
                </c:pt>
                <c:pt idx="10140">
                  <c:v>16790</c:v>
                </c:pt>
                <c:pt idx="10141">
                  <c:v>6038.15</c:v>
                </c:pt>
                <c:pt idx="10142">
                  <c:v>20235.900000000001</c:v>
                </c:pt>
                <c:pt idx="10143">
                  <c:v>5325.73</c:v>
                </c:pt>
                <c:pt idx="10144">
                  <c:v>19257.400000000001</c:v>
                </c:pt>
                <c:pt idx="10145">
                  <c:v>19231.400000000001</c:v>
                </c:pt>
                <c:pt idx="10146">
                  <c:v>18809.8</c:v>
                </c:pt>
                <c:pt idx="10147">
                  <c:v>18675.2</c:v>
                </c:pt>
                <c:pt idx="10148">
                  <c:v>18576.5</c:v>
                </c:pt>
                <c:pt idx="10149">
                  <c:v>18439.2</c:v>
                </c:pt>
                <c:pt idx="10150">
                  <c:v>18337.099999999999</c:v>
                </c:pt>
                <c:pt idx="10151">
                  <c:v>18297.400000000001</c:v>
                </c:pt>
                <c:pt idx="10152">
                  <c:v>6038.15</c:v>
                </c:pt>
                <c:pt idx="10153">
                  <c:v>21596</c:v>
                </c:pt>
                <c:pt idx="10154">
                  <c:v>5325.73</c:v>
                </c:pt>
                <c:pt idx="10155">
                  <c:v>20771.2</c:v>
                </c:pt>
                <c:pt idx="10156">
                  <c:v>20503.099999999999</c:v>
                </c:pt>
                <c:pt idx="10157">
                  <c:v>20281.099999999999</c:v>
                </c:pt>
                <c:pt idx="10158">
                  <c:v>20146.2</c:v>
                </c:pt>
                <c:pt idx="10159">
                  <c:v>20060.7</c:v>
                </c:pt>
                <c:pt idx="10160">
                  <c:v>19962.400000000001</c:v>
                </c:pt>
                <c:pt idx="10161">
                  <c:v>19837.8</c:v>
                </c:pt>
                <c:pt idx="10162">
                  <c:v>19849.5</c:v>
                </c:pt>
                <c:pt idx="10163">
                  <c:v>5359.03</c:v>
                </c:pt>
                <c:pt idx="10164">
                  <c:v>4798.84</c:v>
                </c:pt>
                <c:pt idx="10165">
                  <c:v>4422.3500000000004</c:v>
                </c:pt>
                <c:pt idx="10166">
                  <c:v>4169.57</c:v>
                </c:pt>
                <c:pt idx="10167">
                  <c:v>3935.04</c:v>
                </c:pt>
                <c:pt idx="10168">
                  <c:v>3729.46</c:v>
                </c:pt>
                <c:pt idx="10169">
                  <c:v>3630.82</c:v>
                </c:pt>
                <c:pt idx="10170">
                  <c:v>3492.34</c:v>
                </c:pt>
                <c:pt idx="10171">
                  <c:v>3421.34</c:v>
                </c:pt>
                <c:pt idx="10172">
                  <c:v>3324.58</c:v>
                </c:pt>
                <c:pt idx="10173">
                  <c:v>3274.63</c:v>
                </c:pt>
                <c:pt idx="10174">
                  <c:v>7137.26</c:v>
                </c:pt>
                <c:pt idx="10175">
                  <c:v>6087.64</c:v>
                </c:pt>
                <c:pt idx="10176">
                  <c:v>5632.47</c:v>
                </c:pt>
                <c:pt idx="10177">
                  <c:v>5385.57</c:v>
                </c:pt>
                <c:pt idx="10178">
                  <c:v>5227.96</c:v>
                </c:pt>
                <c:pt idx="10179">
                  <c:v>5022.8</c:v>
                </c:pt>
                <c:pt idx="10180">
                  <c:v>5053.37</c:v>
                </c:pt>
                <c:pt idx="10181">
                  <c:v>4848.7700000000004</c:v>
                </c:pt>
                <c:pt idx="10182">
                  <c:v>4805.33</c:v>
                </c:pt>
                <c:pt idx="10183">
                  <c:v>4735.59</c:v>
                </c:pt>
                <c:pt idx="10184">
                  <c:v>4605.3999999999996</c:v>
                </c:pt>
                <c:pt idx="10185">
                  <c:v>6038.15</c:v>
                </c:pt>
                <c:pt idx="10186">
                  <c:v>7689.17</c:v>
                </c:pt>
                <c:pt idx="10187">
                  <c:v>5325.73</c:v>
                </c:pt>
                <c:pt idx="10188">
                  <c:v>6968.68</c:v>
                </c:pt>
                <c:pt idx="10189">
                  <c:v>6766.54</c:v>
                </c:pt>
                <c:pt idx="10190">
                  <c:v>6444.02</c:v>
                </c:pt>
                <c:pt idx="10191">
                  <c:v>6380.44</c:v>
                </c:pt>
                <c:pt idx="10192">
                  <c:v>6155.34</c:v>
                </c:pt>
                <c:pt idx="10193">
                  <c:v>6095.38</c:v>
                </c:pt>
                <c:pt idx="10194">
                  <c:v>5970.81</c:v>
                </c:pt>
                <c:pt idx="10195">
                  <c:v>6007.95</c:v>
                </c:pt>
                <c:pt idx="10196">
                  <c:v>6038.15</c:v>
                </c:pt>
                <c:pt idx="10197">
                  <c:v>9485.67</c:v>
                </c:pt>
                <c:pt idx="10198">
                  <c:v>5325.73</c:v>
                </c:pt>
                <c:pt idx="10199">
                  <c:v>8464.44</c:v>
                </c:pt>
                <c:pt idx="10200">
                  <c:v>8323.18</c:v>
                </c:pt>
                <c:pt idx="10201">
                  <c:v>8092.32</c:v>
                </c:pt>
                <c:pt idx="10202">
                  <c:v>7800.68</c:v>
                </c:pt>
                <c:pt idx="10203">
                  <c:v>7707.52</c:v>
                </c:pt>
                <c:pt idx="10204">
                  <c:v>7599.42</c:v>
                </c:pt>
                <c:pt idx="10205">
                  <c:v>7524.81</c:v>
                </c:pt>
                <c:pt idx="10206">
                  <c:v>7616.27</c:v>
                </c:pt>
                <c:pt idx="10207">
                  <c:v>6038.15</c:v>
                </c:pt>
                <c:pt idx="10208">
                  <c:v>10750.2</c:v>
                </c:pt>
                <c:pt idx="10209">
                  <c:v>5325.73</c:v>
                </c:pt>
                <c:pt idx="10210">
                  <c:v>10102.6</c:v>
                </c:pt>
                <c:pt idx="10211">
                  <c:v>9739.48</c:v>
                </c:pt>
                <c:pt idx="10212">
                  <c:v>9607.2099999999991</c:v>
                </c:pt>
                <c:pt idx="10213">
                  <c:v>9413.24</c:v>
                </c:pt>
                <c:pt idx="10214">
                  <c:v>9256.07</c:v>
                </c:pt>
                <c:pt idx="10215">
                  <c:v>9124.48</c:v>
                </c:pt>
                <c:pt idx="10216">
                  <c:v>9015.27</c:v>
                </c:pt>
                <c:pt idx="10217">
                  <c:v>9068.0300000000007</c:v>
                </c:pt>
                <c:pt idx="10218">
                  <c:v>6038.15</c:v>
                </c:pt>
                <c:pt idx="10219">
                  <c:v>12472.9</c:v>
                </c:pt>
                <c:pt idx="10220">
                  <c:v>5325.73</c:v>
                </c:pt>
                <c:pt idx="10221">
                  <c:v>11646</c:v>
                </c:pt>
                <c:pt idx="10222">
                  <c:v>11412.9</c:v>
                </c:pt>
                <c:pt idx="10223">
                  <c:v>11208.1</c:v>
                </c:pt>
                <c:pt idx="10224">
                  <c:v>10926.3</c:v>
                </c:pt>
                <c:pt idx="10225">
                  <c:v>10764.2</c:v>
                </c:pt>
                <c:pt idx="10226">
                  <c:v>10729.8</c:v>
                </c:pt>
                <c:pt idx="10227">
                  <c:v>10559.5</c:v>
                </c:pt>
                <c:pt idx="10228">
                  <c:v>10678.5</c:v>
                </c:pt>
                <c:pt idx="10229">
                  <c:v>6038.15</c:v>
                </c:pt>
                <c:pt idx="10230">
                  <c:v>14131.5</c:v>
                </c:pt>
                <c:pt idx="10231">
                  <c:v>5325.73</c:v>
                </c:pt>
                <c:pt idx="10232">
                  <c:v>13044.4</c:v>
                </c:pt>
                <c:pt idx="10233">
                  <c:v>12939.4</c:v>
                </c:pt>
                <c:pt idx="10234">
                  <c:v>12671.2</c:v>
                </c:pt>
                <c:pt idx="10235">
                  <c:v>12539.4</c:v>
                </c:pt>
                <c:pt idx="10236">
                  <c:v>12335.4</c:v>
                </c:pt>
                <c:pt idx="10237">
                  <c:v>12234.9</c:v>
                </c:pt>
                <c:pt idx="10238">
                  <c:v>12136.4</c:v>
                </c:pt>
                <c:pt idx="10239">
                  <c:v>12155.6</c:v>
                </c:pt>
                <c:pt idx="10240">
                  <c:v>6038.15</c:v>
                </c:pt>
                <c:pt idx="10241">
                  <c:v>15531</c:v>
                </c:pt>
                <c:pt idx="10242">
                  <c:v>5325.73</c:v>
                </c:pt>
                <c:pt idx="10243">
                  <c:v>14722</c:v>
                </c:pt>
                <c:pt idx="10244">
                  <c:v>14498.7</c:v>
                </c:pt>
                <c:pt idx="10245">
                  <c:v>14144.5</c:v>
                </c:pt>
                <c:pt idx="10246">
                  <c:v>14044.9</c:v>
                </c:pt>
                <c:pt idx="10247">
                  <c:v>13874.9</c:v>
                </c:pt>
                <c:pt idx="10248">
                  <c:v>13752.8</c:v>
                </c:pt>
                <c:pt idx="10249">
                  <c:v>13655.9</c:v>
                </c:pt>
                <c:pt idx="10250">
                  <c:v>13659.9</c:v>
                </c:pt>
                <c:pt idx="10251">
                  <c:v>6038.15</c:v>
                </c:pt>
                <c:pt idx="10252">
                  <c:v>17138.599999999999</c:v>
                </c:pt>
                <c:pt idx="10253">
                  <c:v>5325.73</c:v>
                </c:pt>
                <c:pt idx="10254">
                  <c:v>16192</c:v>
                </c:pt>
                <c:pt idx="10255">
                  <c:v>16009.6</c:v>
                </c:pt>
                <c:pt idx="10256">
                  <c:v>15738.5</c:v>
                </c:pt>
                <c:pt idx="10257">
                  <c:v>15558</c:v>
                </c:pt>
                <c:pt idx="10258">
                  <c:v>15421.8</c:v>
                </c:pt>
                <c:pt idx="10259">
                  <c:v>15254.3</c:v>
                </c:pt>
                <c:pt idx="10260">
                  <c:v>15243.7</c:v>
                </c:pt>
                <c:pt idx="10261">
                  <c:v>15230.7</c:v>
                </c:pt>
                <c:pt idx="10262">
                  <c:v>6038.15</c:v>
                </c:pt>
                <c:pt idx="10263">
                  <c:v>18615.3</c:v>
                </c:pt>
                <c:pt idx="10264">
                  <c:v>5325.73</c:v>
                </c:pt>
                <c:pt idx="10265">
                  <c:v>17756.099999999999</c:v>
                </c:pt>
                <c:pt idx="10266">
                  <c:v>17543.8</c:v>
                </c:pt>
                <c:pt idx="10267">
                  <c:v>17258.400000000001</c:v>
                </c:pt>
                <c:pt idx="10268">
                  <c:v>17128.400000000001</c:v>
                </c:pt>
                <c:pt idx="10269">
                  <c:v>16936.7</c:v>
                </c:pt>
                <c:pt idx="10270">
                  <c:v>16827.900000000001</c:v>
                </c:pt>
                <c:pt idx="10271">
                  <c:v>16786.5</c:v>
                </c:pt>
                <c:pt idx="10272">
                  <c:v>16737.099999999999</c:v>
                </c:pt>
                <c:pt idx="10273">
                  <c:v>6038.15</c:v>
                </c:pt>
                <c:pt idx="10274">
                  <c:v>20257.2</c:v>
                </c:pt>
                <c:pt idx="10275">
                  <c:v>5325.73</c:v>
                </c:pt>
                <c:pt idx="10276">
                  <c:v>19262.5</c:v>
                </c:pt>
                <c:pt idx="10277">
                  <c:v>19001.099999999999</c:v>
                </c:pt>
                <c:pt idx="10278">
                  <c:v>18756.400000000001</c:v>
                </c:pt>
                <c:pt idx="10279">
                  <c:v>18577.7</c:v>
                </c:pt>
                <c:pt idx="10280">
                  <c:v>18579.599999999999</c:v>
                </c:pt>
                <c:pt idx="10281">
                  <c:v>18439.2</c:v>
                </c:pt>
                <c:pt idx="10282">
                  <c:v>18331.900000000001</c:v>
                </c:pt>
                <c:pt idx="10283">
                  <c:v>18271</c:v>
                </c:pt>
                <c:pt idx="10284">
                  <c:v>6038.15</c:v>
                </c:pt>
                <c:pt idx="10285">
                  <c:v>21500.1</c:v>
                </c:pt>
                <c:pt idx="10286">
                  <c:v>5325.73</c:v>
                </c:pt>
                <c:pt idx="10287">
                  <c:v>20861.5</c:v>
                </c:pt>
                <c:pt idx="10288">
                  <c:v>20621.2</c:v>
                </c:pt>
                <c:pt idx="10289">
                  <c:v>20426.900000000001</c:v>
                </c:pt>
                <c:pt idx="10290">
                  <c:v>20151.900000000001</c:v>
                </c:pt>
                <c:pt idx="10291">
                  <c:v>20078.2</c:v>
                </c:pt>
                <c:pt idx="10292">
                  <c:v>19976.5</c:v>
                </c:pt>
                <c:pt idx="10293">
                  <c:v>19816.400000000001</c:v>
                </c:pt>
                <c:pt idx="10294">
                  <c:v>19840.2</c:v>
                </c:pt>
                <c:pt idx="10295">
                  <c:v>5359.03</c:v>
                </c:pt>
                <c:pt idx="10296">
                  <c:v>4798.84</c:v>
                </c:pt>
                <c:pt idx="10297">
                  <c:v>4422.3500000000004</c:v>
                </c:pt>
                <c:pt idx="10298">
                  <c:v>4176.43</c:v>
                </c:pt>
                <c:pt idx="10299">
                  <c:v>3959.57</c:v>
                </c:pt>
                <c:pt idx="10300">
                  <c:v>3752.49</c:v>
                </c:pt>
                <c:pt idx="10301">
                  <c:v>3573.1</c:v>
                </c:pt>
                <c:pt idx="10302">
                  <c:v>3495.2</c:v>
                </c:pt>
                <c:pt idx="10303">
                  <c:v>3374.4</c:v>
                </c:pt>
                <c:pt idx="10304">
                  <c:v>3280.16</c:v>
                </c:pt>
                <c:pt idx="10305">
                  <c:v>3238.59</c:v>
                </c:pt>
                <c:pt idx="10306">
                  <c:v>7137.26</c:v>
                </c:pt>
                <c:pt idx="10307">
                  <c:v>6087.64</c:v>
                </c:pt>
                <c:pt idx="10308">
                  <c:v>5632.47</c:v>
                </c:pt>
                <c:pt idx="10309">
                  <c:v>5385.57</c:v>
                </c:pt>
                <c:pt idx="10310">
                  <c:v>5227.96</c:v>
                </c:pt>
                <c:pt idx="10311">
                  <c:v>5022.12</c:v>
                </c:pt>
                <c:pt idx="10312">
                  <c:v>5053.37</c:v>
                </c:pt>
                <c:pt idx="10313">
                  <c:v>4848.7700000000004</c:v>
                </c:pt>
                <c:pt idx="10314">
                  <c:v>4731.34</c:v>
                </c:pt>
                <c:pt idx="10315">
                  <c:v>4714.25</c:v>
                </c:pt>
                <c:pt idx="10316">
                  <c:v>4605.3999999999996</c:v>
                </c:pt>
                <c:pt idx="10317">
                  <c:v>6038.15</c:v>
                </c:pt>
                <c:pt idx="10318">
                  <c:v>7689.17</c:v>
                </c:pt>
                <c:pt idx="10319">
                  <c:v>5325.73</c:v>
                </c:pt>
                <c:pt idx="10320">
                  <c:v>6968.68</c:v>
                </c:pt>
                <c:pt idx="10321">
                  <c:v>6766.54</c:v>
                </c:pt>
                <c:pt idx="10322">
                  <c:v>6444.02</c:v>
                </c:pt>
                <c:pt idx="10323">
                  <c:v>6377</c:v>
                </c:pt>
                <c:pt idx="10324">
                  <c:v>6155.34</c:v>
                </c:pt>
                <c:pt idx="10325">
                  <c:v>6095.38</c:v>
                </c:pt>
                <c:pt idx="10326">
                  <c:v>5970.81</c:v>
                </c:pt>
                <c:pt idx="10327">
                  <c:v>6007.95</c:v>
                </c:pt>
                <c:pt idx="10328">
                  <c:v>6038.15</c:v>
                </c:pt>
                <c:pt idx="10329">
                  <c:v>9485.67</c:v>
                </c:pt>
                <c:pt idx="10330">
                  <c:v>5325.73</c:v>
                </c:pt>
                <c:pt idx="10331">
                  <c:v>8464.44</c:v>
                </c:pt>
                <c:pt idx="10332">
                  <c:v>8323.18</c:v>
                </c:pt>
                <c:pt idx="10333">
                  <c:v>8092.32</c:v>
                </c:pt>
                <c:pt idx="10334">
                  <c:v>7800.68</c:v>
                </c:pt>
                <c:pt idx="10335">
                  <c:v>7707.52</c:v>
                </c:pt>
                <c:pt idx="10336">
                  <c:v>7599.42</c:v>
                </c:pt>
                <c:pt idx="10337">
                  <c:v>7524.81</c:v>
                </c:pt>
                <c:pt idx="10338">
                  <c:v>7578.97</c:v>
                </c:pt>
                <c:pt idx="10339">
                  <c:v>6038.15</c:v>
                </c:pt>
                <c:pt idx="10340">
                  <c:v>10750.2</c:v>
                </c:pt>
                <c:pt idx="10341">
                  <c:v>5325.73</c:v>
                </c:pt>
                <c:pt idx="10342">
                  <c:v>10102.6</c:v>
                </c:pt>
                <c:pt idx="10343">
                  <c:v>9739.48</c:v>
                </c:pt>
                <c:pt idx="10344">
                  <c:v>9562.31</c:v>
                </c:pt>
                <c:pt idx="10345">
                  <c:v>9413.24</c:v>
                </c:pt>
                <c:pt idx="10346">
                  <c:v>9256.07</c:v>
                </c:pt>
                <c:pt idx="10347">
                  <c:v>9124.48</c:v>
                </c:pt>
                <c:pt idx="10348">
                  <c:v>9015.27</c:v>
                </c:pt>
                <c:pt idx="10349">
                  <c:v>9051.36</c:v>
                </c:pt>
                <c:pt idx="10350">
                  <c:v>6038.15</c:v>
                </c:pt>
                <c:pt idx="10351">
                  <c:v>12472.9</c:v>
                </c:pt>
                <c:pt idx="10352">
                  <c:v>5325.73</c:v>
                </c:pt>
                <c:pt idx="10353">
                  <c:v>11646</c:v>
                </c:pt>
                <c:pt idx="10354">
                  <c:v>11385.8</c:v>
                </c:pt>
                <c:pt idx="10355">
                  <c:v>11202.5</c:v>
                </c:pt>
                <c:pt idx="10356">
                  <c:v>10900</c:v>
                </c:pt>
                <c:pt idx="10357">
                  <c:v>10839.5</c:v>
                </c:pt>
                <c:pt idx="10358">
                  <c:v>10715.8</c:v>
                </c:pt>
                <c:pt idx="10359">
                  <c:v>10621.6</c:v>
                </c:pt>
                <c:pt idx="10360">
                  <c:v>10592.3</c:v>
                </c:pt>
                <c:pt idx="10361">
                  <c:v>6038.15</c:v>
                </c:pt>
                <c:pt idx="10362">
                  <c:v>14131.5</c:v>
                </c:pt>
                <c:pt idx="10363">
                  <c:v>5325.73</c:v>
                </c:pt>
                <c:pt idx="10364">
                  <c:v>13044.4</c:v>
                </c:pt>
                <c:pt idx="10365">
                  <c:v>12939.4</c:v>
                </c:pt>
                <c:pt idx="10366">
                  <c:v>12671.2</c:v>
                </c:pt>
                <c:pt idx="10367">
                  <c:v>12469.2</c:v>
                </c:pt>
                <c:pt idx="10368">
                  <c:v>12352.9</c:v>
                </c:pt>
                <c:pt idx="10369">
                  <c:v>12272.6</c:v>
                </c:pt>
                <c:pt idx="10370">
                  <c:v>12175</c:v>
                </c:pt>
                <c:pt idx="10371">
                  <c:v>12178.1</c:v>
                </c:pt>
                <c:pt idx="10372">
                  <c:v>6038.15</c:v>
                </c:pt>
                <c:pt idx="10373">
                  <c:v>15531</c:v>
                </c:pt>
                <c:pt idx="10374">
                  <c:v>5325.73</c:v>
                </c:pt>
                <c:pt idx="10375">
                  <c:v>14722</c:v>
                </c:pt>
                <c:pt idx="10376">
                  <c:v>14454</c:v>
                </c:pt>
                <c:pt idx="10377">
                  <c:v>14144.5</c:v>
                </c:pt>
                <c:pt idx="10378">
                  <c:v>14016.1</c:v>
                </c:pt>
                <c:pt idx="10379">
                  <c:v>13924.8</c:v>
                </c:pt>
                <c:pt idx="10380">
                  <c:v>13774.5</c:v>
                </c:pt>
                <c:pt idx="10381">
                  <c:v>13666.1</c:v>
                </c:pt>
                <c:pt idx="10382">
                  <c:v>13705.8</c:v>
                </c:pt>
                <c:pt idx="10383">
                  <c:v>6038.15</c:v>
                </c:pt>
                <c:pt idx="10384">
                  <c:v>17106.900000000001</c:v>
                </c:pt>
                <c:pt idx="10385">
                  <c:v>5325.73</c:v>
                </c:pt>
                <c:pt idx="10386">
                  <c:v>16192</c:v>
                </c:pt>
                <c:pt idx="10387">
                  <c:v>15984.7</c:v>
                </c:pt>
                <c:pt idx="10388">
                  <c:v>15803.7</c:v>
                </c:pt>
                <c:pt idx="10389">
                  <c:v>15613.3</c:v>
                </c:pt>
                <c:pt idx="10390">
                  <c:v>15492.8</c:v>
                </c:pt>
                <c:pt idx="10391">
                  <c:v>15302.4</c:v>
                </c:pt>
                <c:pt idx="10392">
                  <c:v>15201.6</c:v>
                </c:pt>
                <c:pt idx="10393">
                  <c:v>15173.1</c:v>
                </c:pt>
                <c:pt idx="10394">
                  <c:v>6038.15</c:v>
                </c:pt>
                <c:pt idx="10395">
                  <c:v>18615.3</c:v>
                </c:pt>
                <c:pt idx="10396">
                  <c:v>5325.73</c:v>
                </c:pt>
                <c:pt idx="10397">
                  <c:v>17690.5</c:v>
                </c:pt>
                <c:pt idx="10398">
                  <c:v>17548.2</c:v>
                </c:pt>
                <c:pt idx="10399">
                  <c:v>17323.099999999999</c:v>
                </c:pt>
                <c:pt idx="10400">
                  <c:v>17132.400000000001</c:v>
                </c:pt>
                <c:pt idx="10401">
                  <c:v>16949</c:v>
                </c:pt>
                <c:pt idx="10402">
                  <c:v>16883.400000000001</c:v>
                </c:pt>
                <c:pt idx="10403">
                  <c:v>16752.8</c:v>
                </c:pt>
                <c:pt idx="10404">
                  <c:v>16707.099999999999</c:v>
                </c:pt>
                <c:pt idx="10405">
                  <c:v>6038.15</c:v>
                </c:pt>
                <c:pt idx="10406">
                  <c:v>20171.900000000001</c:v>
                </c:pt>
                <c:pt idx="10407">
                  <c:v>5325.73</c:v>
                </c:pt>
                <c:pt idx="10408">
                  <c:v>19267.5</c:v>
                </c:pt>
                <c:pt idx="10409">
                  <c:v>19057.900000000001</c:v>
                </c:pt>
                <c:pt idx="10410">
                  <c:v>18872.599999999999</c:v>
                </c:pt>
                <c:pt idx="10411">
                  <c:v>18702.400000000001</c:v>
                </c:pt>
                <c:pt idx="10412">
                  <c:v>18579.599999999999</c:v>
                </c:pt>
                <c:pt idx="10413">
                  <c:v>18439.2</c:v>
                </c:pt>
                <c:pt idx="10414">
                  <c:v>18331.900000000001</c:v>
                </c:pt>
                <c:pt idx="10415">
                  <c:v>18351.2</c:v>
                </c:pt>
                <c:pt idx="10416">
                  <c:v>6038.15</c:v>
                </c:pt>
                <c:pt idx="10417">
                  <c:v>21797.9</c:v>
                </c:pt>
                <c:pt idx="10418">
                  <c:v>5325.73</c:v>
                </c:pt>
                <c:pt idx="10419">
                  <c:v>20726.8</c:v>
                </c:pt>
                <c:pt idx="10420">
                  <c:v>20577.2</c:v>
                </c:pt>
                <c:pt idx="10421">
                  <c:v>20364.5</c:v>
                </c:pt>
                <c:pt idx="10422">
                  <c:v>20152.2</c:v>
                </c:pt>
                <c:pt idx="10423">
                  <c:v>19994.400000000001</c:v>
                </c:pt>
                <c:pt idx="10424">
                  <c:v>19904.900000000001</c:v>
                </c:pt>
                <c:pt idx="10425">
                  <c:v>19787</c:v>
                </c:pt>
                <c:pt idx="10426">
                  <c:v>19822.5</c:v>
                </c:pt>
                <c:pt idx="10427">
                  <c:v>5359.03</c:v>
                </c:pt>
                <c:pt idx="10428">
                  <c:v>4798.84</c:v>
                </c:pt>
                <c:pt idx="10429">
                  <c:v>4422.3500000000004</c:v>
                </c:pt>
                <c:pt idx="10430">
                  <c:v>4176.43</c:v>
                </c:pt>
                <c:pt idx="10431">
                  <c:v>3959.57</c:v>
                </c:pt>
                <c:pt idx="10432">
                  <c:v>3752.49</c:v>
                </c:pt>
                <c:pt idx="10433">
                  <c:v>3573.1</c:v>
                </c:pt>
                <c:pt idx="10434">
                  <c:v>3437.95</c:v>
                </c:pt>
                <c:pt idx="10435">
                  <c:v>3377.25</c:v>
                </c:pt>
                <c:pt idx="10436">
                  <c:v>3282.4</c:v>
                </c:pt>
                <c:pt idx="10437">
                  <c:v>3237.95</c:v>
                </c:pt>
                <c:pt idx="10438">
                  <c:v>7137.26</c:v>
                </c:pt>
                <c:pt idx="10439">
                  <c:v>6087.64</c:v>
                </c:pt>
                <c:pt idx="10440">
                  <c:v>5632.47</c:v>
                </c:pt>
                <c:pt idx="10441">
                  <c:v>5385.57</c:v>
                </c:pt>
                <c:pt idx="10442">
                  <c:v>5227.96</c:v>
                </c:pt>
                <c:pt idx="10443">
                  <c:v>5022.12</c:v>
                </c:pt>
                <c:pt idx="10444">
                  <c:v>4968.8900000000003</c:v>
                </c:pt>
                <c:pt idx="10445">
                  <c:v>4848.7700000000004</c:v>
                </c:pt>
                <c:pt idx="10446">
                  <c:v>4729.3900000000003</c:v>
                </c:pt>
                <c:pt idx="10447">
                  <c:v>4653.0200000000004</c:v>
                </c:pt>
                <c:pt idx="10448">
                  <c:v>4605.3999999999996</c:v>
                </c:pt>
                <c:pt idx="10449">
                  <c:v>6038.15</c:v>
                </c:pt>
                <c:pt idx="10450">
                  <c:v>7689.17</c:v>
                </c:pt>
                <c:pt idx="10451">
                  <c:v>5325.73</c:v>
                </c:pt>
                <c:pt idx="10452">
                  <c:v>6968.68</c:v>
                </c:pt>
                <c:pt idx="10453">
                  <c:v>6766.54</c:v>
                </c:pt>
                <c:pt idx="10454">
                  <c:v>6444.02</c:v>
                </c:pt>
                <c:pt idx="10455">
                  <c:v>6377</c:v>
                </c:pt>
                <c:pt idx="10456">
                  <c:v>6155.34</c:v>
                </c:pt>
                <c:pt idx="10457">
                  <c:v>6095.38</c:v>
                </c:pt>
                <c:pt idx="10458">
                  <c:v>5970.81</c:v>
                </c:pt>
                <c:pt idx="10459">
                  <c:v>6007.95</c:v>
                </c:pt>
                <c:pt idx="10460">
                  <c:v>6038.15</c:v>
                </c:pt>
                <c:pt idx="10461">
                  <c:v>9485.67</c:v>
                </c:pt>
                <c:pt idx="10462">
                  <c:v>5325.73</c:v>
                </c:pt>
                <c:pt idx="10463">
                  <c:v>8464.44</c:v>
                </c:pt>
                <c:pt idx="10464">
                  <c:v>8323.18</c:v>
                </c:pt>
                <c:pt idx="10465">
                  <c:v>8092.32</c:v>
                </c:pt>
                <c:pt idx="10466">
                  <c:v>7800.68</c:v>
                </c:pt>
                <c:pt idx="10467">
                  <c:v>7707.52</c:v>
                </c:pt>
                <c:pt idx="10468">
                  <c:v>7599.42</c:v>
                </c:pt>
                <c:pt idx="10469">
                  <c:v>7524.81</c:v>
                </c:pt>
                <c:pt idx="10470">
                  <c:v>7561.33</c:v>
                </c:pt>
                <c:pt idx="10471">
                  <c:v>6038.15</c:v>
                </c:pt>
                <c:pt idx="10472">
                  <c:v>10750.2</c:v>
                </c:pt>
                <c:pt idx="10473">
                  <c:v>5325.73</c:v>
                </c:pt>
                <c:pt idx="10474">
                  <c:v>10102.6</c:v>
                </c:pt>
                <c:pt idx="10475">
                  <c:v>9739.48</c:v>
                </c:pt>
                <c:pt idx="10476">
                  <c:v>9572.43</c:v>
                </c:pt>
                <c:pt idx="10477">
                  <c:v>9413.24</c:v>
                </c:pt>
                <c:pt idx="10478">
                  <c:v>9256.07</c:v>
                </c:pt>
                <c:pt idx="10479">
                  <c:v>9124.48</c:v>
                </c:pt>
                <c:pt idx="10480">
                  <c:v>9015.27</c:v>
                </c:pt>
                <c:pt idx="10481">
                  <c:v>9051.36</c:v>
                </c:pt>
                <c:pt idx="10482">
                  <c:v>6038.15</c:v>
                </c:pt>
                <c:pt idx="10483">
                  <c:v>12472.9</c:v>
                </c:pt>
                <c:pt idx="10484">
                  <c:v>5325.73</c:v>
                </c:pt>
                <c:pt idx="10485">
                  <c:v>11646</c:v>
                </c:pt>
                <c:pt idx="10486">
                  <c:v>11385.8</c:v>
                </c:pt>
                <c:pt idx="10487">
                  <c:v>11202.5</c:v>
                </c:pt>
                <c:pt idx="10488">
                  <c:v>10869.2</c:v>
                </c:pt>
                <c:pt idx="10489">
                  <c:v>10876.1</c:v>
                </c:pt>
                <c:pt idx="10490">
                  <c:v>10758.5</c:v>
                </c:pt>
                <c:pt idx="10491">
                  <c:v>10610.5</c:v>
                </c:pt>
                <c:pt idx="10492">
                  <c:v>10568.9</c:v>
                </c:pt>
                <c:pt idx="10493">
                  <c:v>6038.15</c:v>
                </c:pt>
                <c:pt idx="10494">
                  <c:v>14131.5</c:v>
                </c:pt>
                <c:pt idx="10495">
                  <c:v>5325.73</c:v>
                </c:pt>
                <c:pt idx="10496">
                  <c:v>13044.4</c:v>
                </c:pt>
                <c:pt idx="10497">
                  <c:v>12939.4</c:v>
                </c:pt>
                <c:pt idx="10498">
                  <c:v>12671.2</c:v>
                </c:pt>
                <c:pt idx="10499">
                  <c:v>12489.8</c:v>
                </c:pt>
                <c:pt idx="10500">
                  <c:v>12360.7</c:v>
                </c:pt>
                <c:pt idx="10501">
                  <c:v>12220.7</c:v>
                </c:pt>
                <c:pt idx="10502">
                  <c:v>12123.1</c:v>
                </c:pt>
                <c:pt idx="10503">
                  <c:v>12170.5</c:v>
                </c:pt>
                <c:pt idx="10504">
                  <c:v>6038.15</c:v>
                </c:pt>
                <c:pt idx="10505">
                  <c:v>15531</c:v>
                </c:pt>
                <c:pt idx="10506">
                  <c:v>5325.73</c:v>
                </c:pt>
                <c:pt idx="10507">
                  <c:v>14722</c:v>
                </c:pt>
                <c:pt idx="10508">
                  <c:v>14392</c:v>
                </c:pt>
                <c:pt idx="10509">
                  <c:v>14144.5</c:v>
                </c:pt>
                <c:pt idx="10510">
                  <c:v>14081</c:v>
                </c:pt>
                <c:pt idx="10511">
                  <c:v>13860.8</c:v>
                </c:pt>
                <c:pt idx="10512">
                  <c:v>13828.7</c:v>
                </c:pt>
                <c:pt idx="10513">
                  <c:v>13711.7</c:v>
                </c:pt>
                <c:pt idx="10514">
                  <c:v>13650.9</c:v>
                </c:pt>
                <c:pt idx="10515">
                  <c:v>6038.15</c:v>
                </c:pt>
                <c:pt idx="10516">
                  <c:v>17040.7</c:v>
                </c:pt>
                <c:pt idx="10517">
                  <c:v>5325.73</c:v>
                </c:pt>
                <c:pt idx="10518">
                  <c:v>16192</c:v>
                </c:pt>
                <c:pt idx="10519">
                  <c:v>15937.4</c:v>
                </c:pt>
                <c:pt idx="10520">
                  <c:v>15785.1</c:v>
                </c:pt>
                <c:pt idx="10521">
                  <c:v>15565.1</c:v>
                </c:pt>
                <c:pt idx="10522">
                  <c:v>15454.6</c:v>
                </c:pt>
                <c:pt idx="10523">
                  <c:v>15304.6</c:v>
                </c:pt>
                <c:pt idx="10524">
                  <c:v>15173.9</c:v>
                </c:pt>
                <c:pt idx="10525">
                  <c:v>15188.3</c:v>
                </c:pt>
                <c:pt idx="10526">
                  <c:v>6038.15</c:v>
                </c:pt>
                <c:pt idx="10527">
                  <c:v>18615.3</c:v>
                </c:pt>
                <c:pt idx="10528">
                  <c:v>5325.73</c:v>
                </c:pt>
                <c:pt idx="10529">
                  <c:v>17638.400000000001</c:v>
                </c:pt>
                <c:pt idx="10530">
                  <c:v>17552.5</c:v>
                </c:pt>
                <c:pt idx="10531">
                  <c:v>17266.7</c:v>
                </c:pt>
                <c:pt idx="10532">
                  <c:v>17136.3</c:v>
                </c:pt>
                <c:pt idx="10533">
                  <c:v>16964.2</c:v>
                </c:pt>
                <c:pt idx="10534">
                  <c:v>16855.7</c:v>
                </c:pt>
                <c:pt idx="10535">
                  <c:v>16725.5</c:v>
                </c:pt>
                <c:pt idx="10536">
                  <c:v>16800.8</c:v>
                </c:pt>
                <c:pt idx="10537">
                  <c:v>6038.15</c:v>
                </c:pt>
                <c:pt idx="10538">
                  <c:v>20104</c:v>
                </c:pt>
                <c:pt idx="10539">
                  <c:v>5325.73</c:v>
                </c:pt>
                <c:pt idx="10540">
                  <c:v>19272.2</c:v>
                </c:pt>
                <c:pt idx="10541">
                  <c:v>18990.8</c:v>
                </c:pt>
                <c:pt idx="10542">
                  <c:v>18822.099999999999</c:v>
                </c:pt>
                <c:pt idx="10543">
                  <c:v>18706.099999999999</c:v>
                </c:pt>
                <c:pt idx="10544">
                  <c:v>18579.599999999999</c:v>
                </c:pt>
                <c:pt idx="10545">
                  <c:v>18439.2</c:v>
                </c:pt>
                <c:pt idx="10546">
                  <c:v>18331.900000000001</c:v>
                </c:pt>
                <c:pt idx="10547">
                  <c:v>18345.599999999999</c:v>
                </c:pt>
                <c:pt idx="10548">
                  <c:v>6038.15</c:v>
                </c:pt>
                <c:pt idx="10549">
                  <c:v>21778.799999999999</c:v>
                </c:pt>
                <c:pt idx="10550">
                  <c:v>5325.73</c:v>
                </c:pt>
                <c:pt idx="10551">
                  <c:v>20810.8</c:v>
                </c:pt>
                <c:pt idx="10552">
                  <c:v>20541.599999999999</c:v>
                </c:pt>
                <c:pt idx="10553">
                  <c:v>20408.599999999999</c:v>
                </c:pt>
                <c:pt idx="10554">
                  <c:v>20171.599999999999</c:v>
                </c:pt>
                <c:pt idx="10555">
                  <c:v>20074.599999999999</c:v>
                </c:pt>
                <c:pt idx="10556">
                  <c:v>19865</c:v>
                </c:pt>
                <c:pt idx="10557">
                  <c:v>19761.7</c:v>
                </c:pt>
                <c:pt idx="10558">
                  <c:v>19797.099999999999</c:v>
                </c:pt>
                <c:pt idx="10559">
                  <c:v>5359.03</c:v>
                </c:pt>
                <c:pt idx="10560">
                  <c:v>4798.84</c:v>
                </c:pt>
                <c:pt idx="10561">
                  <c:v>4422.3500000000004</c:v>
                </c:pt>
                <c:pt idx="10562">
                  <c:v>4176.43</c:v>
                </c:pt>
                <c:pt idx="10563">
                  <c:v>3959.57</c:v>
                </c:pt>
                <c:pt idx="10564">
                  <c:v>3752.49</c:v>
                </c:pt>
                <c:pt idx="10565">
                  <c:v>3573.1</c:v>
                </c:pt>
                <c:pt idx="10566">
                  <c:v>3437.95</c:v>
                </c:pt>
                <c:pt idx="10567">
                  <c:v>3395.48</c:v>
                </c:pt>
                <c:pt idx="10568">
                  <c:v>3299.57</c:v>
                </c:pt>
                <c:pt idx="10569">
                  <c:v>3237.95</c:v>
                </c:pt>
                <c:pt idx="10570">
                  <c:v>7137.26</c:v>
                </c:pt>
                <c:pt idx="10571">
                  <c:v>6087.64</c:v>
                </c:pt>
                <c:pt idx="10572">
                  <c:v>5632.47</c:v>
                </c:pt>
                <c:pt idx="10573">
                  <c:v>5385.57</c:v>
                </c:pt>
                <c:pt idx="10574">
                  <c:v>5227.96</c:v>
                </c:pt>
                <c:pt idx="10575">
                  <c:v>5022.12</c:v>
                </c:pt>
                <c:pt idx="10576">
                  <c:v>4968.8900000000003</c:v>
                </c:pt>
                <c:pt idx="10577">
                  <c:v>4848.7700000000004</c:v>
                </c:pt>
                <c:pt idx="10578">
                  <c:v>4729.3900000000003</c:v>
                </c:pt>
                <c:pt idx="10579">
                  <c:v>4634.0200000000004</c:v>
                </c:pt>
                <c:pt idx="10580">
                  <c:v>4605.3999999999996</c:v>
                </c:pt>
                <c:pt idx="10581">
                  <c:v>6038.15</c:v>
                </c:pt>
                <c:pt idx="10582">
                  <c:v>7689.17</c:v>
                </c:pt>
                <c:pt idx="10583">
                  <c:v>5325.73</c:v>
                </c:pt>
                <c:pt idx="10584">
                  <c:v>6968.68</c:v>
                </c:pt>
                <c:pt idx="10585">
                  <c:v>6766.54</c:v>
                </c:pt>
                <c:pt idx="10586">
                  <c:v>6444.02</c:v>
                </c:pt>
                <c:pt idx="10587">
                  <c:v>6377</c:v>
                </c:pt>
                <c:pt idx="10588">
                  <c:v>6155.34</c:v>
                </c:pt>
                <c:pt idx="10589">
                  <c:v>6095.38</c:v>
                </c:pt>
                <c:pt idx="10590">
                  <c:v>5970.81</c:v>
                </c:pt>
                <c:pt idx="10591">
                  <c:v>6007.95</c:v>
                </c:pt>
                <c:pt idx="10592">
                  <c:v>6038.15</c:v>
                </c:pt>
                <c:pt idx="10593">
                  <c:v>9485.67</c:v>
                </c:pt>
                <c:pt idx="10594">
                  <c:v>5325.73</c:v>
                </c:pt>
                <c:pt idx="10595">
                  <c:v>8464.44</c:v>
                </c:pt>
                <c:pt idx="10596">
                  <c:v>8323.18</c:v>
                </c:pt>
                <c:pt idx="10597">
                  <c:v>8092.32</c:v>
                </c:pt>
                <c:pt idx="10598">
                  <c:v>7800.68</c:v>
                </c:pt>
                <c:pt idx="10599">
                  <c:v>7707.52</c:v>
                </c:pt>
                <c:pt idx="10600">
                  <c:v>7599.42</c:v>
                </c:pt>
                <c:pt idx="10601">
                  <c:v>7524.81</c:v>
                </c:pt>
                <c:pt idx="10602">
                  <c:v>7561.33</c:v>
                </c:pt>
                <c:pt idx="10603">
                  <c:v>6038.15</c:v>
                </c:pt>
                <c:pt idx="10604">
                  <c:v>10750.2</c:v>
                </c:pt>
                <c:pt idx="10605">
                  <c:v>5325.73</c:v>
                </c:pt>
                <c:pt idx="10606">
                  <c:v>10102.6</c:v>
                </c:pt>
                <c:pt idx="10607">
                  <c:v>9739.48</c:v>
                </c:pt>
                <c:pt idx="10608">
                  <c:v>9541.52</c:v>
                </c:pt>
                <c:pt idx="10609">
                  <c:v>9413.24</c:v>
                </c:pt>
                <c:pt idx="10610">
                  <c:v>9256.07</c:v>
                </c:pt>
                <c:pt idx="10611">
                  <c:v>9124.48</c:v>
                </c:pt>
                <c:pt idx="10612">
                  <c:v>9015.27</c:v>
                </c:pt>
                <c:pt idx="10613">
                  <c:v>9051.36</c:v>
                </c:pt>
                <c:pt idx="10614">
                  <c:v>6038.15</c:v>
                </c:pt>
                <c:pt idx="10615">
                  <c:v>12472.9</c:v>
                </c:pt>
                <c:pt idx="10616">
                  <c:v>5325.73</c:v>
                </c:pt>
                <c:pt idx="10617">
                  <c:v>11646</c:v>
                </c:pt>
                <c:pt idx="10618">
                  <c:v>11385.8</c:v>
                </c:pt>
                <c:pt idx="10619">
                  <c:v>11202.5</c:v>
                </c:pt>
                <c:pt idx="10620">
                  <c:v>11020.3</c:v>
                </c:pt>
                <c:pt idx="10621">
                  <c:v>10852.2</c:v>
                </c:pt>
                <c:pt idx="10622">
                  <c:v>10734.9</c:v>
                </c:pt>
                <c:pt idx="10623">
                  <c:v>10647.6</c:v>
                </c:pt>
                <c:pt idx="10624">
                  <c:v>10642.9</c:v>
                </c:pt>
                <c:pt idx="10625">
                  <c:v>6038.15</c:v>
                </c:pt>
                <c:pt idx="10626">
                  <c:v>14131.5</c:v>
                </c:pt>
                <c:pt idx="10627">
                  <c:v>5325.73</c:v>
                </c:pt>
                <c:pt idx="10628">
                  <c:v>13044.4</c:v>
                </c:pt>
                <c:pt idx="10629">
                  <c:v>12939.4</c:v>
                </c:pt>
                <c:pt idx="10630">
                  <c:v>12671.2</c:v>
                </c:pt>
                <c:pt idx="10631">
                  <c:v>12489.8</c:v>
                </c:pt>
                <c:pt idx="10632">
                  <c:v>12360.7</c:v>
                </c:pt>
                <c:pt idx="10633">
                  <c:v>12207.5</c:v>
                </c:pt>
                <c:pt idx="10634">
                  <c:v>12189.3</c:v>
                </c:pt>
                <c:pt idx="10635">
                  <c:v>12170.5</c:v>
                </c:pt>
                <c:pt idx="10636">
                  <c:v>6038.15</c:v>
                </c:pt>
                <c:pt idx="10637">
                  <c:v>15531</c:v>
                </c:pt>
                <c:pt idx="10638">
                  <c:v>5325.73</c:v>
                </c:pt>
                <c:pt idx="10639">
                  <c:v>14722</c:v>
                </c:pt>
                <c:pt idx="10640">
                  <c:v>14395.7</c:v>
                </c:pt>
                <c:pt idx="10641">
                  <c:v>14144.5</c:v>
                </c:pt>
                <c:pt idx="10642">
                  <c:v>14026.6</c:v>
                </c:pt>
                <c:pt idx="10643">
                  <c:v>13936.7</c:v>
                </c:pt>
                <c:pt idx="10644">
                  <c:v>13763.5</c:v>
                </c:pt>
                <c:pt idx="10645">
                  <c:v>13668.2</c:v>
                </c:pt>
                <c:pt idx="10646">
                  <c:v>13679.5</c:v>
                </c:pt>
                <c:pt idx="10647">
                  <c:v>6038.15</c:v>
                </c:pt>
                <c:pt idx="10648">
                  <c:v>16985.099999999999</c:v>
                </c:pt>
                <c:pt idx="10649">
                  <c:v>5325.73</c:v>
                </c:pt>
                <c:pt idx="10650">
                  <c:v>16192</c:v>
                </c:pt>
                <c:pt idx="10651">
                  <c:v>16008.8</c:v>
                </c:pt>
                <c:pt idx="10652">
                  <c:v>15785.1</c:v>
                </c:pt>
                <c:pt idx="10653">
                  <c:v>15525.8</c:v>
                </c:pt>
                <c:pt idx="10654">
                  <c:v>15422.1</c:v>
                </c:pt>
                <c:pt idx="10655">
                  <c:v>15310.3</c:v>
                </c:pt>
                <c:pt idx="10656">
                  <c:v>15212.7</c:v>
                </c:pt>
                <c:pt idx="10657">
                  <c:v>15221.6</c:v>
                </c:pt>
                <c:pt idx="10658">
                  <c:v>6038.15</c:v>
                </c:pt>
                <c:pt idx="10659">
                  <c:v>18615.3</c:v>
                </c:pt>
                <c:pt idx="10660">
                  <c:v>5325.73</c:v>
                </c:pt>
                <c:pt idx="10661">
                  <c:v>17804.599999999999</c:v>
                </c:pt>
                <c:pt idx="10662">
                  <c:v>17556.599999999999</c:v>
                </c:pt>
                <c:pt idx="10663">
                  <c:v>17220.7</c:v>
                </c:pt>
                <c:pt idx="10664">
                  <c:v>17140</c:v>
                </c:pt>
                <c:pt idx="10665">
                  <c:v>17016</c:v>
                </c:pt>
                <c:pt idx="10666">
                  <c:v>16833</c:v>
                </c:pt>
                <c:pt idx="10667">
                  <c:v>16703.400000000001</c:v>
                </c:pt>
                <c:pt idx="10668">
                  <c:v>16802.400000000001</c:v>
                </c:pt>
                <c:pt idx="10669">
                  <c:v>6038.15</c:v>
                </c:pt>
                <c:pt idx="10670">
                  <c:v>20049.5</c:v>
                </c:pt>
                <c:pt idx="10671">
                  <c:v>5325.73</c:v>
                </c:pt>
                <c:pt idx="10672">
                  <c:v>19276.8</c:v>
                </c:pt>
                <c:pt idx="10673">
                  <c:v>18997.8</c:v>
                </c:pt>
                <c:pt idx="10674">
                  <c:v>18835.099999999999</c:v>
                </c:pt>
                <c:pt idx="10675">
                  <c:v>18706.099999999999</c:v>
                </c:pt>
                <c:pt idx="10676">
                  <c:v>18579.599999999999</c:v>
                </c:pt>
                <c:pt idx="10677">
                  <c:v>18439.2</c:v>
                </c:pt>
                <c:pt idx="10678">
                  <c:v>18331.900000000001</c:v>
                </c:pt>
                <c:pt idx="10679">
                  <c:v>18345.599999999999</c:v>
                </c:pt>
                <c:pt idx="10680">
                  <c:v>6038.15</c:v>
                </c:pt>
                <c:pt idx="10681">
                  <c:v>21778.799999999999</c:v>
                </c:pt>
                <c:pt idx="10682">
                  <c:v>5325.73</c:v>
                </c:pt>
                <c:pt idx="10683">
                  <c:v>20810.900000000001</c:v>
                </c:pt>
                <c:pt idx="10684">
                  <c:v>20512.5</c:v>
                </c:pt>
                <c:pt idx="10685">
                  <c:v>20322</c:v>
                </c:pt>
                <c:pt idx="10686">
                  <c:v>20200.7</c:v>
                </c:pt>
                <c:pt idx="10687">
                  <c:v>20025.8</c:v>
                </c:pt>
                <c:pt idx="10688">
                  <c:v>19970.8</c:v>
                </c:pt>
                <c:pt idx="10689">
                  <c:v>19791.099999999999</c:v>
                </c:pt>
                <c:pt idx="10690">
                  <c:v>19816</c:v>
                </c:pt>
                <c:pt idx="10691">
                  <c:v>5359.03</c:v>
                </c:pt>
                <c:pt idx="10692">
                  <c:v>4798.84</c:v>
                </c:pt>
                <c:pt idx="10693">
                  <c:v>4422.3500000000004</c:v>
                </c:pt>
                <c:pt idx="10694">
                  <c:v>4176.43</c:v>
                </c:pt>
                <c:pt idx="10695">
                  <c:v>3959.57</c:v>
                </c:pt>
                <c:pt idx="10696">
                  <c:v>3752.49</c:v>
                </c:pt>
                <c:pt idx="10697">
                  <c:v>3573.1</c:v>
                </c:pt>
                <c:pt idx="10698">
                  <c:v>3437.95</c:v>
                </c:pt>
                <c:pt idx="10699">
                  <c:v>3395.48</c:v>
                </c:pt>
                <c:pt idx="10700">
                  <c:v>3299.57</c:v>
                </c:pt>
                <c:pt idx="10701">
                  <c:v>3180.8</c:v>
                </c:pt>
                <c:pt idx="10702">
                  <c:v>7137.26</c:v>
                </c:pt>
                <c:pt idx="10703">
                  <c:v>6087.64</c:v>
                </c:pt>
                <c:pt idx="10704">
                  <c:v>5632.47</c:v>
                </c:pt>
                <c:pt idx="10705">
                  <c:v>5385.57</c:v>
                </c:pt>
                <c:pt idx="10706">
                  <c:v>5227.96</c:v>
                </c:pt>
                <c:pt idx="10707">
                  <c:v>5022.12</c:v>
                </c:pt>
                <c:pt idx="10708">
                  <c:v>4968.8900000000003</c:v>
                </c:pt>
                <c:pt idx="10709">
                  <c:v>4848.7700000000004</c:v>
                </c:pt>
                <c:pt idx="10710">
                  <c:v>4729.3900000000003</c:v>
                </c:pt>
                <c:pt idx="10711">
                  <c:v>4634.0200000000004</c:v>
                </c:pt>
                <c:pt idx="10712">
                  <c:v>4605.3999999999996</c:v>
                </c:pt>
                <c:pt idx="10713">
                  <c:v>6038.15</c:v>
                </c:pt>
                <c:pt idx="10714">
                  <c:v>7689.17</c:v>
                </c:pt>
                <c:pt idx="10715">
                  <c:v>5325.73</c:v>
                </c:pt>
                <c:pt idx="10716">
                  <c:v>6968.68</c:v>
                </c:pt>
                <c:pt idx="10717">
                  <c:v>6766.54</c:v>
                </c:pt>
                <c:pt idx="10718">
                  <c:v>6444.02</c:v>
                </c:pt>
                <c:pt idx="10719">
                  <c:v>6377</c:v>
                </c:pt>
                <c:pt idx="10720">
                  <c:v>6155.34</c:v>
                </c:pt>
                <c:pt idx="10721">
                  <c:v>6095.38</c:v>
                </c:pt>
                <c:pt idx="10722">
                  <c:v>5970.81</c:v>
                </c:pt>
                <c:pt idx="10723">
                  <c:v>6007.95</c:v>
                </c:pt>
                <c:pt idx="10724">
                  <c:v>6038.15</c:v>
                </c:pt>
                <c:pt idx="10725">
                  <c:v>9485.67</c:v>
                </c:pt>
                <c:pt idx="10726">
                  <c:v>5325.73</c:v>
                </c:pt>
                <c:pt idx="10727">
                  <c:v>8464.44</c:v>
                </c:pt>
                <c:pt idx="10728">
                  <c:v>8323.18</c:v>
                </c:pt>
                <c:pt idx="10729">
                  <c:v>8092.32</c:v>
                </c:pt>
                <c:pt idx="10730">
                  <c:v>7800.68</c:v>
                </c:pt>
                <c:pt idx="10731">
                  <c:v>7707.52</c:v>
                </c:pt>
                <c:pt idx="10732">
                  <c:v>7599.42</c:v>
                </c:pt>
                <c:pt idx="10733">
                  <c:v>7524.81</c:v>
                </c:pt>
                <c:pt idx="10734">
                  <c:v>7561.33</c:v>
                </c:pt>
                <c:pt idx="10735">
                  <c:v>6038.15</c:v>
                </c:pt>
                <c:pt idx="10736">
                  <c:v>10750.2</c:v>
                </c:pt>
                <c:pt idx="10737">
                  <c:v>5325.73</c:v>
                </c:pt>
                <c:pt idx="10738">
                  <c:v>10102.6</c:v>
                </c:pt>
                <c:pt idx="10739">
                  <c:v>9739.48</c:v>
                </c:pt>
                <c:pt idx="10740">
                  <c:v>9541.52</c:v>
                </c:pt>
                <c:pt idx="10741">
                  <c:v>9413.24</c:v>
                </c:pt>
                <c:pt idx="10742">
                  <c:v>9256.07</c:v>
                </c:pt>
                <c:pt idx="10743">
                  <c:v>9124.48</c:v>
                </c:pt>
                <c:pt idx="10744">
                  <c:v>9015.27</c:v>
                </c:pt>
                <c:pt idx="10745">
                  <c:v>9051.36</c:v>
                </c:pt>
                <c:pt idx="10746">
                  <c:v>6038.15</c:v>
                </c:pt>
                <c:pt idx="10747">
                  <c:v>12472.9</c:v>
                </c:pt>
                <c:pt idx="10748">
                  <c:v>5325.73</c:v>
                </c:pt>
                <c:pt idx="10749">
                  <c:v>11646</c:v>
                </c:pt>
                <c:pt idx="10750">
                  <c:v>11385.8</c:v>
                </c:pt>
                <c:pt idx="10751">
                  <c:v>11202.5</c:v>
                </c:pt>
                <c:pt idx="10752">
                  <c:v>11005.9</c:v>
                </c:pt>
                <c:pt idx="10753">
                  <c:v>10832.3</c:v>
                </c:pt>
                <c:pt idx="10754">
                  <c:v>10716.5</c:v>
                </c:pt>
                <c:pt idx="10755">
                  <c:v>10629.3</c:v>
                </c:pt>
                <c:pt idx="10756">
                  <c:v>10651.3</c:v>
                </c:pt>
                <c:pt idx="10757">
                  <c:v>6038.15</c:v>
                </c:pt>
                <c:pt idx="10758">
                  <c:v>14131.5</c:v>
                </c:pt>
                <c:pt idx="10759">
                  <c:v>5325.73</c:v>
                </c:pt>
                <c:pt idx="10760">
                  <c:v>13044.4</c:v>
                </c:pt>
                <c:pt idx="10761">
                  <c:v>12939.4</c:v>
                </c:pt>
                <c:pt idx="10762">
                  <c:v>12671.2</c:v>
                </c:pt>
                <c:pt idx="10763">
                  <c:v>12489.8</c:v>
                </c:pt>
                <c:pt idx="10764">
                  <c:v>12360.7</c:v>
                </c:pt>
                <c:pt idx="10765">
                  <c:v>12207.5</c:v>
                </c:pt>
                <c:pt idx="10766">
                  <c:v>12187.6</c:v>
                </c:pt>
                <c:pt idx="10767">
                  <c:v>12170.5</c:v>
                </c:pt>
                <c:pt idx="10768">
                  <c:v>6038.15</c:v>
                </c:pt>
                <c:pt idx="10769">
                  <c:v>15531</c:v>
                </c:pt>
                <c:pt idx="10770">
                  <c:v>5325.73</c:v>
                </c:pt>
                <c:pt idx="10771">
                  <c:v>14722</c:v>
                </c:pt>
                <c:pt idx="10772">
                  <c:v>14395.7</c:v>
                </c:pt>
                <c:pt idx="10773">
                  <c:v>14144.5</c:v>
                </c:pt>
                <c:pt idx="10774">
                  <c:v>13994.4</c:v>
                </c:pt>
                <c:pt idx="10775">
                  <c:v>13921</c:v>
                </c:pt>
                <c:pt idx="10776">
                  <c:v>13768.1</c:v>
                </c:pt>
                <c:pt idx="10777">
                  <c:v>13677.2</c:v>
                </c:pt>
                <c:pt idx="10778">
                  <c:v>13634.3</c:v>
                </c:pt>
                <c:pt idx="10779">
                  <c:v>6038.15</c:v>
                </c:pt>
                <c:pt idx="10780">
                  <c:v>17024.3</c:v>
                </c:pt>
                <c:pt idx="10781">
                  <c:v>5325.73</c:v>
                </c:pt>
                <c:pt idx="10782">
                  <c:v>16192</c:v>
                </c:pt>
                <c:pt idx="10783">
                  <c:v>15973.4</c:v>
                </c:pt>
                <c:pt idx="10784">
                  <c:v>15785.1</c:v>
                </c:pt>
                <c:pt idx="10785">
                  <c:v>15634.6</c:v>
                </c:pt>
                <c:pt idx="10786">
                  <c:v>15434.8</c:v>
                </c:pt>
                <c:pt idx="10787">
                  <c:v>15350.4</c:v>
                </c:pt>
                <c:pt idx="10788">
                  <c:v>15231.4</c:v>
                </c:pt>
                <c:pt idx="10789">
                  <c:v>15166.4</c:v>
                </c:pt>
                <c:pt idx="10790">
                  <c:v>6038.15</c:v>
                </c:pt>
                <c:pt idx="10791">
                  <c:v>18615.3</c:v>
                </c:pt>
                <c:pt idx="10792">
                  <c:v>5325.73</c:v>
                </c:pt>
                <c:pt idx="10793">
                  <c:v>17767.7</c:v>
                </c:pt>
                <c:pt idx="10794">
                  <c:v>17560.5</c:v>
                </c:pt>
                <c:pt idx="10795">
                  <c:v>17339.7</c:v>
                </c:pt>
                <c:pt idx="10796">
                  <c:v>17143.599999999999</c:v>
                </c:pt>
                <c:pt idx="10797">
                  <c:v>16996.2</c:v>
                </c:pt>
                <c:pt idx="10798">
                  <c:v>16814.400000000001</c:v>
                </c:pt>
                <c:pt idx="10799">
                  <c:v>16797.2</c:v>
                </c:pt>
                <c:pt idx="10800">
                  <c:v>16758.3</c:v>
                </c:pt>
                <c:pt idx="10801">
                  <c:v>6038.15</c:v>
                </c:pt>
                <c:pt idx="10802">
                  <c:v>20033.5</c:v>
                </c:pt>
                <c:pt idx="10803">
                  <c:v>5325.73</c:v>
                </c:pt>
                <c:pt idx="10804">
                  <c:v>19281.2</c:v>
                </c:pt>
                <c:pt idx="10805">
                  <c:v>18997.8</c:v>
                </c:pt>
                <c:pt idx="10806">
                  <c:v>18835.099999999999</c:v>
                </c:pt>
                <c:pt idx="10807">
                  <c:v>18706.099999999999</c:v>
                </c:pt>
                <c:pt idx="10808">
                  <c:v>18579.599999999999</c:v>
                </c:pt>
                <c:pt idx="10809">
                  <c:v>18439.2</c:v>
                </c:pt>
                <c:pt idx="10810">
                  <c:v>18331.900000000001</c:v>
                </c:pt>
                <c:pt idx="10811">
                  <c:v>18345.599999999999</c:v>
                </c:pt>
                <c:pt idx="10812">
                  <c:v>6038.15</c:v>
                </c:pt>
                <c:pt idx="10813">
                  <c:v>21778.799999999999</c:v>
                </c:pt>
                <c:pt idx="10814">
                  <c:v>5325.73</c:v>
                </c:pt>
                <c:pt idx="10815">
                  <c:v>20810.900000000001</c:v>
                </c:pt>
                <c:pt idx="10816">
                  <c:v>20488.7</c:v>
                </c:pt>
                <c:pt idx="10817">
                  <c:v>20326.099999999999</c:v>
                </c:pt>
                <c:pt idx="10818">
                  <c:v>20149.7</c:v>
                </c:pt>
                <c:pt idx="10819">
                  <c:v>19989.5</c:v>
                </c:pt>
                <c:pt idx="10820">
                  <c:v>19854.2</c:v>
                </c:pt>
                <c:pt idx="10821">
                  <c:v>19846.5</c:v>
                </c:pt>
                <c:pt idx="10822">
                  <c:v>19832.3</c:v>
                </c:pt>
                <c:pt idx="10823">
                  <c:v>5359.03</c:v>
                </c:pt>
                <c:pt idx="10824">
                  <c:v>4798.84</c:v>
                </c:pt>
                <c:pt idx="10825">
                  <c:v>4422.3500000000004</c:v>
                </c:pt>
                <c:pt idx="10826">
                  <c:v>4176.43</c:v>
                </c:pt>
                <c:pt idx="10827">
                  <c:v>3959.57</c:v>
                </c:pt>
                <c:pt idx="10828">
                  <c:v>3752.49</c:v>
                </c:pt>
                <c:pt idx="10829">
                  <c:v>3573.1</c:v>
                </c:pt>
                <c:pt idx="10830">
                  <c:v>3437.95</c:v>
                </c:pt>
                <c:pt idx="10831">
                  <c:v>3395.48</c:v>
                </c:pt>
                <c:pt idx="10832">
                  <c:v>3299.57</c:v>
                </c:pt>
                <c:pt idx="10833">
                  <c:v>3180.8</c:v>
                </c:pt>
                <c:pt idx="10834">
                  <c:v>7137.26</c:v>
                </c:pt>
                <c:pt idx="10835">
                  <c:v>6087.64</c:v>
                </c:pt>
                <c:pt idx="10836">
                  <c:v>5632.47</c:v>
                </c:pt>
                <c:pt idx="10837">
                  <c:v>5385.57</c:v>
                </c:pt>
                <c:pt idx="10838">
                  <c:v>5227.96</c:v>
                </c:pt>
                <c:pt idx="10839">
                  <c:v>5022.12</c:v>
                </c:pt>
                <c:pt idx="10840">
                  <c:v>4968.8900000000003</c:v>
                </c:pt>
                <c:pt idx="10841">
                  <c:v>4848.7700000000004</c:v>
                </c:pt>
                <c:pt idx="10842">
                  <c:v>4729.3900000000003</c:v>
                </c:pt>
                <c:pt idx="10843">
                  <c:v>4634.0200000000004</c:v>
                </c:pt>
                <c:pt idx="10844">
                  <c:v>4605.3999999999996</c:v>
                </c:pt>
                <c:pt idx="10845">
                  <c:v>6038.15</c:v>
                </c:pt>
                <c:pt idx="10846">
                  <c:v>7689.17</c:v>
                </c:pt>
                <c:pt idx="10847">
                  <c:v>5325.73</c:v>
                </c:pt>
                <c:pt idx="10848">
                  <c:v>6968.68</c:v>
                </c:pt>
                <c:pt idx="10849">
                  <c:v>6766.54</c:v>
                </c:pt>
                <c:pt idx="10850">
                  <c:v>6444.02</c:v>
                </c:pt>
                <c:pt idx="10851">
                  <c:v>6377</c:v>
                </c:pt>
                <c:pt idx="10852">
                  <c:v>6155.34</c:v>
                </c:pt>
                <c:pt idx="10853">
                  <c:v>6095.38</c:v>
                </c:pt>
                <c:pt idx="10854">
                  <c:v>5970.81</c:v>
                </c:pt>
                <c:pt idx="10855">
                  <c:v>6007.95</c:v>
                </c:pt>
                <c:pt idx="10856">
                  <c:v>6038.15</c:v>
                </c:pt>
                <c:pt idx="10857">
                  <c:v>9485.67</c:v>
                </c:pt>
                <c:pt idx="10858">
                  <c:v>5325.73</c:v>
                </c:pt>
                <c:pt idx="10859">
                  <c:v>8464.44</c:v>
                </c:pt>
                <c:pt idx="10860">
                  <c:v>8323.18</c:v>
                </c:pt>
                <c:pt idx="10861">
                  <c:v>8092.32</c:v>
                </c:pt>
                <c:pt idx="10862">
                  <c:v>7800.68</c:v>
                </c:pt>
                <c:pt idx="10863">
                  <c:v>7707.52</c:v>
                </c:pt>
                <c:pt idx="10864">
                  <c:v>7599.42</c:v>
                </c:pt>
                <c:pt idx="10865">
                  <c:v>7524.81</c:v>
                </c:pt>
                <c:pt idx="10866">
                  <c:v>7561.33</c:v>
                </c:pt>
                <c:pt idx="10867">
                  <c:v>6038.15</c:v>
                </c:pt>
                <c:pt idx="10868">
                  <c:v>10750.2</c:v>
                </c:pt>
                <c:pt idx="10869">
                  <c:v>5325.73</c:v>
                </c:pt>
                <c:pt idx="10870">
                  <c:v>10102.6</c:v>
                </c:pt>
                <c:pt idx="10871">
                  <c:v>9739.48</c:v>
                </c:pt>
                <c:pt idx="10872">
                  <c:v>9541.52</c:v>
                </c:pt>
                <c:pt idx="10873">
                  <c:v>9413.24</c:v>
                </c:pt>
                <c:pt idx="10874">
                  <c:v>9256.07</c:v>
                </c:pt>
                <c:pt idx="10875">
                  <c:v>9124.48</c:v>
                </c:pt>
                <c:pt idx="10876">
                  <c:v>9015.27</c:v>
                </c:pt>
                <c:pt idx="10877">
                  <c:v>9051.36</c:v>
                </c:pt>
                <c:pt idx="10878">
                  <c:v>6038.15</c:v>
                </c:pt>
                <c:pt idx="10879">
                  <c:v>12472.9</c:v>
                </c:pt>
                <c:pt idx="10880">
                  <c:v>5325.73</c:v>
                </c:pt>
                <c:pt idx="10881">
                  <c:v>11646</c:v>
                </c:pt>
                <c:pt idx="10882">
                  <c:v>11385.8</c:v>
                </c:pt>
                <c:pt idx="10883">
                  <c:v>11202.5</c:v>
                </c:pt>
                <c:pt idx="10884">
                  <c:v>11005.9</c:v>
                </c:pt>
                <c:pt idx="10885">
                  <c:v>10827.8</c:v>
                </c:pt>
                <c:pt idx="10886">
                  <c:v>10701.7</c:v>
                </c:pt>
                <c:pt idx="10887">
                  <c:v>10614.3</c:v>
                </c:pt>
                <c:pt idx="10888">
                  <c:v>10648.3</c:v>
                </c:pt>
                <c:pt idx="10889">
                  <c:v>6038.15</c:v>
                </c:pt>
                <c:pt idx="10890">
                  <c:v>14131.5</c:v>
                </c:pt>
                <c:pt idx="10891">
                  <c:v>5325.73</c:v>
                </c:pt>
                <c:pt idx="10892">
                  <c:v>13044.4</c:v>
                </c:pt>
                <c:pt idx="10893">
                  <c:v>12939.4</c:v>
                </c:pt>
                <c:pt idx="10894">
                  <c:v>12671.2</c:v>
                </c:pt>
                <c:pt idx="10895">
                  <c:v>12489.8</c:v>
                </c:pt>
                <c:pt idx="10896">
                  <c:v>12360.7</c:v>
                </c:pt>
                <c:pt idx="10897">
                  <c:v>12207.5</c:v>
                </c:pt>
                <c:pt idx="10898">
                  <c:v>12187.6</c:v>
                </c:pt>
                <c:pt idx="10899">
                  <c:v>12170.5</c:v>
                </c:pt>
                <c:pt idx="10900">
                  <c:v>6038.15</c:v>
                </c:pt>
                <c:pt idx="10901">
                  <c:v>15531</c:v>
                </c:pt>
                <c:pt idx="10902">
                  <c:v>5325.73</c:v>
                </c:pt>
                <c:pt idx="10903">
                  <c:v>14722</c:v>
                </c:pt>
                <c:pt idx="10904">
                  <c:v>14395.7</c:v>
                </c:pt>
                <c:pt idx="10905">
                  <c:v>14144.5</c:v>
                </c:pt>
                <c:pt idx="10906">
                  <c:v>13994.4</c:v>
                </c:pt>
                <c:pt idx="10907">
                  <c:v>13921</c:v>
                </c:pt>
                <c:pt idx="10908">
                  <c:v>13768.1</c:v>
                </c:pt>
                <c:pt idx="10909">
                  <c:v>13677</c:v>
                </c:pt>
                <c:pt idx="10910">
                  <c:v>13634.3</c:v>
                </c:pt>
                <c:pt idx="10911">
                  <c:v>6038.15</c:v>
                </c:pt>
                <c:pt idx="10912">
                  <c:v>17024.3</c:v>
                </c:pt>
                <c:pt idx="10913">
                  <c:v>5325.73</c:v>
                </c:pt>
                <c:pt idx="10914">
                  <c:v>16192</c:v>
                </c:pt>
                <c:pt idx="10915">
                  <c:v>15944</c:v>
                </c:pt>
                <c:pt idx="10916">
                  <c:v>15785.1</c:v>
                </c:pt>
                <c:pt idx="10917">
                  <c:v>15608.5</c:v>
                </c:pt>
                <c:pt idx="10918">
                  <c:v>15468.8</c:v>
                </c:pt>
                <c:pt idx="10919">
                  <c:v>15303</c:v>
                </c:pt>
                <c:pt idx="10920">
                  <c:v>15184.4</c:v>
                </c:pt>
                <c:pt idx="10921">
                  <c:v>15254.5</c:v>
                </c:pt>
                <c:pt idx="10922">
                  <c:v>6038.15</c:v>
                </c:pt>
                <c:pt idx="10923">
                  <c:v>18615.3</c:v>
                </c:pt>
                <c:pt idx="10924">
                  <c:v>5325.73</c:v>
                </c:pt>
                <c:pt idx="10925">
                  <c:v>17823.7</c:v>
                </c:pt>
                <c:pt idx="10926">
                  <c:v>17564.2</c:v>
                </c:pt>
                <c:pt idx="10927">
                  <c:v>17308.900000000001</c:v>
                </c:pt>
                <c:pt idx="10928">
                  <c:v>17103.8</c:v>
                </c:pt>
                <c:pt idx="10929">
                  <c:v>16979.599999999999</c:v>
                </c:pt>
                <c:pt idx="10930">
                  <c:v>16798.900000000001</c:v>
                </c:pt>
                <c:pt idx="10931">
                  <c:v>16767.8</c:v>
                </c:pt>
                <c:pt idx="10932">
                  <c:v>16788.599999999999</c:v>
                </c:pt>
                <c:pt idx="10933">
                  <c:v>6038.15</c:v>
                </c:pt>
                <c:pt idx="10934">
                  <c:v>20033.5</c:v>
                </c:pt>
                <c:pt idx="10935">
                  <c:v>5325.73</c:v>
                </c:pt>
                <c:pt idx="10936">
                  <c:v>19285.400000000001</c:v>
                </c:pt>
                <c:pt idx="10937">
                  <c:v>18997.8</c:v>
                </c:pt>
                <c:pt idx="10938">
                  <c:v>18835.099999999999</c:v>
                </c:pt>
                <c:pt idx="10939">
                  <c:v>18706.099999999999</c:v>
                </c:pt>
                <c:pt idx="10940">
                  <c:v>18579.599999999999</c:v>
                </c:pt>
                <c:pt idx="10941">
                  <c:v>18439.2</c:v>
                </c:pt>
                <c:pt idx="10942">
                  <c:v>18331.900000000001</c:v>
                </c:pt>
                <c:pt idx="10943">
                  <c:v>18345.599999999999</c:v>
                </c:pt>
                <c:pt idx="10944">
                  <c:v>6038.15</c:v>
                </c:pt>
                <c:pt idx="10945">
                  <c:v>21778.799999999999</c:v>
                </c:pt>
                <c:pt idx="10946">
                  <c:v>5325.73</c:v>
                </c:pt>
                <c:pt idx="10947">
                  <c:v>20810.900000000001</c:v>
                </c:pt>
                <c:pt idx="10948">
                  <c:v>20646.400000000001</c:v>
                </c:pt>
                <c:pt idx="10949">
                  <c:v>20324.3</c:v>
                </c:pt>
                <c:pt idx="10950">
                  <c:v>20248</c:v>
                </c:pt>
                <c:pt idx="10951">
                  <c:v>20031.8</c:v>
                </c:pt>
                <c:pt idx="10952">
                  <c:v>19928.400000000001</c:v>
                </c:pt>
                <c:pt idx="10953">
                  <c:v>19775.7</c:v>
                </c:pt>
                <c:pt idx="10954">
                  <c:v>19784</c:v>
                </c:pt>
                <c:pt idx="10955">
                  <c:v>5359.03</c:v>
                </c:pt>
                <c:pt idx="10956">
                  <c:v>4798.84</c:v>
                </c:pt>
                <c:pt idx="10957">
                  <c:v>4422.3500000000004</c:v>
                </c:pt>
                <c:pt idx="10958">
                  <c:v>4176.43</c:v>
                </c:pt>
                <c:pt idx="10959">
                  <c:v>3959.57</c:v>
                </c:pt>
                <c:pt idx="10960">
                  <c:v>3752.49</c:v>
                </c:pt>
                <c:pt idx="10961">
                  <c:v>3573.1</c:v>
                </c:pt>
                <c:pt idx="10962">
                  <c:v>3437.95</c:v>
                </c:pt>
                <c:pt idx="10963">
                  <c:v>3395.48</c:v>
                </c:pt>
                <c:pt idx="10964">
                  <c:v>3299.57</c:v>
                </c:pt>
                <c:pt idx="10965">
                  <c:v>3180.8</c:v>
                </c:pt>
                <c:pt idx="10966">
                  <c:v>7137.26</c:v>
                </c:pt>
                <c:pt idx="10967">
                  <c:v>6087.64</c:v>
                </c:pt>
                <c:pt idx="10968">
                  <c:v>5632.47</c:v>
                </c:pt>
                <c:pt idx="10969">
                  <c:v>5385.57</c:v>
                </c:pt>
                <c:pt idx="10970">
                  <c:v>5227.96</c:v>
                </c:pt>
                <c:pt idx="10971">
                  <c:v>5022.12</c:v>
                </c:pt>
                <c:pt idx="10972">
                  <c:v>4968.8900000000003</c:v>
                </c:pt>
                <c:pt idx="10973">
                  <c:v>4848.7700000000004</c:v>
                </c:pt>
                <c:pt idx="10974">
                  <c:v>4729.3900000000003</c:v>
                </c:pt>
                <c:pt idx="10975">
                  <c:v>4634.0200000000004</c:v>
                </c:pt>
                <c:pt idx="10976">
                  <c:v>4605.3999999999996</c:v>
                </c:pt>
                <c:pt idx="10977">
                  <c:v>6038.15</c:v>
                </c:pt>
                <c:pt idx="10978">
                  <c:v>7689.17</c:v>
                </c:pt>
                <c:pt idx="10979">
                  <c:v>5325.73</c:v>
                </c:pt>
                <c:pt idx="10980">
                  <c:v>6968.68</c:v>
                </c:pt>
                <c:pt idx="10981">
                  <c:v>6766.54</c:v>
                </c:pt>
                <c:pt idx="10982">
                  <c:v>6444.02</c:v>
                </c:pt>
                <c:pt idx="10983">
                  <c:v>6377</c:v>
                </c:pt>
                <c:pt idx="10984">
                  <c:v>6155.34</c:v>
                </c:pt>
                <c:pt idx="10985">
                  <c:v>6095.38</c:v>
                </c:pt>
                <c:pt idx="10986">
                  <c:v>5970.81</c:v>
                </c:pt>
                <c:pt idx="10987">
                  <c:v>6007.95</c:v>
                </c:pt>
                <c:pt idx="10988">
                  <c:v>6038.15</c:v>
                </c:pt>
                <c:pt idx="10989">
                  <c:v>9485.67</c:v>
                </c:pt>
                <c:pt idx="10990">
                  <c:v>5325.73</c:v>
                </c:pt>
                <c:pt idx="10991">
                  <c:v>8464.44</c:v>
                </c:pt>
                <c:pt idx="10992">
                  <c:v>8323.18</c:v>
                </c:pt>
                <c:pt idx="10993">
                  <c:v>8092.32</c:v>
                </c:pt>
                <c:pt idx="10994">
                  <c:v>7800.68</c:v>
                </c:pt>
                <c:pt idx="10995">
                  <c:v>7707.52</c:v>
                </c:pt>
                <c:pt idx="10996">
                  <c:v>7599.42</c:v>
                </c:pt>
                <c:pt idx="10997">
                  <c:v>7524.81</c:v>
                </c:pt>
                <c:pt idx="10998">
                  <c:v>7561.33</c:v>
                </c:pt>
                <c:pt idx="10999">
                  <c:v>6038.15</c:v>
                </c:pt>
                <c:pt idx="11000">
                  <c:v>10750.2</c:v>
                </c:pt>
                <c:pt idx="11001">
                  <c:v>5325.73</c:v>
                </c:pt>
                <c:pt idx="11002">
                  <c:v>10102.6</c:v>
                </c:pt>
                <c:pt idx="11003">
                  <c:v>9739.48</c:v>
                </c:pt>
                <c:pt idx="11004">
                  <c:v>9541.52</c:v>
                </c:pt>
                <c:pt idx="11005">
                  <c:v>9413.24</c:v>
                </c:pt>
                <c:pt idx="11006">
                  <c:v>9256.07</c:v>
                </c:pt>
                <c:pt idx="11007">
                  <c:v>9124.48</c:v>
                </c:pt>
                <c:pt idx="11008">
                  <c:v>9015.27</c:v>
                </c:pt>
                <c:pt idx="11009">
                  <c:v>9051.36</c:v>
                </c:pt>
                <c:pt idx="11010">
                  <c:v>6038.15</c:v>
                </c:pt>
                <c:pt idx="11011">
                  <c:v>12472.9</c:v>
                </c:pt>
                <c:pt idx="11012">
                  <c:v>5325.73</c:v>
                </c:pt>
                <c:pt idx="11013">
                  <c:v>11646</c:v>
                </c:pt>
                <c:pt idx="11014">
                  <c:v>11385.8</c:v>
                </c:pt>
                <c:pt idx="11015">
                  <c:v>11202.5</c:v>
                </c:pt>
                <c:pt idx="11016">
                  <c:v>11005.9</c:v>
                </c:pt>
                <c:pt idx="11017">
                  <c:v>10827.8</c:v>
                </c:pt>
                <c:pt idx="11018">
                  <c:v>10699.8</c:v>
                </c:pt>
                <c:pt idx="11019">
                  <c:v>10601.9</c:v>
                </c:pt>
                <c:pt idx="11020">
                  <c:v>10648.3</c:v>
                </c:pt>
                <c:pt idx="11021">
                  <c:v>6038.15</c:v>
                </c:pt>
                <c:pt idx="11022">
                  <c:v>14131.5</c:v>
                </c:pt>
                <c:pt idx="11023">
                  <c:v>5325.73</c:v>
                </c:pt>
                <c:pt idx="11024">
                  <c:v>13044.4</c:v>
                </c:pt>
                <c:pt idx="11025">
                  <c:v>12939.4</c:v>
                </c:pt>
                <c:pt idx="11026">
                  <c:v>12671.2</c:v>
                </c:pt>
                <c:pt idx="11027">
                  <c:v>12489.8</c:v>
                </c:pt>
                <c:pt idx="11028">
                  <c:v>12360.7</c:v>
                </c:pt>
                <c:pt idx="11029">
                  <c:v>12207.5</c:v>
                </c:pt>
                <c:pt idx="11030">
                  <c:v>12187.6</c:v>
                </c:pt>
                <c:pt idx="11031">
                  <c:v>12170.5</c:v>
                </c:pt>
                <c:pt idx="11032">
                  <c:v>6038.15</c:v>
                </c:pt>
                <c:pt idx="11033">
                  <c:v>15531</c:v>
                </c:pt>
                <c:pt idx="11034">
                  <c:v>5325.73</c:v>
                </c:pt>
                <c:pt idx="11035">
                  <c:v>14722</c:v>
                </c:pt>
                <c:pt idx="11036">
                  <c:v>14395.7</c:v>
                </c:pt>
                <c:pt idx="11037">
                  <c:v>14144.5</c:v>
                </c:pt>
                <c:pt idx="11038">
                  <c:v>13994.4</c:v>
                </c:pt>
                <c:pt idx="11039">
                  <c:v>13921</c:v>
                </c:pt>
                <c:pt idx="11040">
                  <c:v>13768.1</c:v>
                </c:pt>
                <c:pt idx="11041">
                  <c:v>13677</c:v>
                </c:pt>
                <c:pt idx="11042">
                  <c:v>13634.3</c:v>
                </c:pt>
                <c:pt idx="11043">
                  <c:v>6038.15</c:v>
                </c:pt>
                <c:pt idx="11044">
                  <c:v>17024.3</c:v>
                </c:pt>
                <c:pt idx="11045">
                  <c:v>5325.73</c:v>
                </c:pt>
                <c:pt idx="11046">
                  <c:v>16192</c:v>
                </c:pt>
                <c:pt idx="11047">
                  <c:v>15919.3</c:v>
                </c:pt>
                <c:pt idx="11048">
                  <c:v>15785.1</c:v>
                </c:pt>
                <c:pt idx="11049">
                  <c:v>15564.3</c:v>
                </c:pt>
                <c:pt idx="11050">
                  <c:v>15427.6</c:v>
                </c:pt>
                <c:pt idx="11051">
                  <c:v>15262.8</c:v>
                </c:pt>
                <c:pt idx="11052">
                  <c:v>15253</c:v>
                </c:pt>
                <c:pt idx="11053">
                  <c:v>15206.3</c:v>
                </c:pt>
                <c:pt idx="11054">
                  <c:v>6038.15</c:v>
                </c:pt>
                <c:pt idx="11055">
                  <c:v>18615.3</c:v>
                </c:pt>
                <c:pt idx="11056">
                  <c:v>5325.73</c:v>
                </c:pt>
                <c:pt idx="11057">
                  <c:v>17823.7</c:v>
                </c:pt>
                <c:pt idx="11058">
                  <c:v>17567.8</c:v>
                </c:pt>
                <c:pt idx="11059">
                  <c:v>17274.400000000001</c:v>
                </c:pt>
                <c:pt idx="11060">
                  <c:v>17105.8</c:v>
                </c:pt>
                <c:pt idx="11061">
                  <c:v>16965.5</c:v>
                </c:pt>
                <c:pt idx="11062">
                  <c:v>16903.599999999999</c:v>
                </c:pt>
                <c:pt idx="11063">
                  <c:v>16773.900000000001</c:v>
                </c:pt>
                <c:pt idx="11064">
                  <c:v>16739.400000000001</c:v>
                </c:pt>
                <c:pt idx="11065">
                  <c:v>6038.15</c:v>
                </c:pt>
                <c:pt idx="11066">
                  <c:v>20033.5</c:v>
                </c:pt>
                <c:pt idx="11067">
                  <c:v>5325.73</c:v>
                </c:pt>
                <c:pt idx="11068">
                  <c:v>19289.5</c:v>
                </c:pt>
                <c:pt idx="11069">
                  <c:v>18997.8</c:v>
                </c:pt>
                <c:pt idx="11070">
                  <c:v>18835.099999999999</c:v>
                </c:pt>
                <c:pt idx="11071">
                  <c:v>18706.099999999999</c:v>
                </c:pt>
                <c:pt idx="11072">
                  <c:v>18579.599999999999</c:v>
                </c:pt>
                <c:pt idx="11073">
                  <c:v>18439.2</c:v>
                </c:pt>
                <c:pt idx="11074">
                  <c:v>18331.900000000001</c:v>
                </c:pt>
                <c:pt idx="11075">
                  <c:v>18345.599999999999</c:v>
                </c:pt>
                <c:pt idx="11076">
                  <c:v>6038.15</c:v>
                </c:pt>
                <c:pt idx="11077">
                  <c:v>21778.799999999999</c:v>
                </c:pt>
                <c:pt idx="11078">
                  <c:v>5325.73</c:v>
                </c:pt>
                <c:pt idx="11079">
                  <c:v>20810.900000000001</c:v>
                </c:pt>
                <c:pt idx="11080">
                  <c:v>20630.3</c:v>
                </c:pt>
                <c:pt idx="11081">
                  <c:v>20364.599999999999</c:v>
                </c:pt>
                <c:pt idx="11082">
                  <c:v>20184.5</c:v>
                </c:pt>
                <c:pt idx="11083">
                  <c:v>20086.099999999999</c:v>
                </c:pt>
                <c:pt idx="11084">
                  <c:v>19867</c:v>
                </c:pt>
                <c:pt idx="11085">
                  <c:v>19829.5</c:v>
                </c:pt>
                <c:pt idx="11086">
                  <c:v>19860.5</c:v>
                </c:pt>
                <c:pt idx="11087">
                  <c:v>5313.64</c:v>
                </c:pt>
                <c:pt idx="11088">
                  <c:v>4789.22</c:v>
                </c:pt>
                <c:pt idx="11089">
                  <c:v>4482.57</c:v>
                </c:pt>
                <c:pt idx="11090">
                  <c:v>4277.71</c:v>
                </c:pt>
                <c:pt idx="11091">
                  <c:v>4142.91</c:v>
                </c:pt>
                <c:pt idx="11092">
                  <c:v>4001.55</c:v>
                </c:pt>
                <c:pt idx="11093">
                  <c:v>3945.22</c:v>
                </c:pt>
                <c:pt idx="11094">
                  <c:v>3849.26</c:v>
                </c:pt>
                <c:pt idx="11095">
                  <c:v>3735.86</c:v>
                </c:pt>
                <c:pt idx="11096">
                  <c:v>3773.09</c:v>
                </c:pt>
                <c:pt idx="11097">
                  <c:v>3722.52</c:v>
                </c:pt>
                <c:pt idx="11098">
                  <c:v>6911.55</c:v>
                </c:pt>
                <c:pt idx="11099">
                  <c:v>6198.66</c:v>
                </c:pt>
                <c:pt idx="11100">
                  <c:v>5648.48</c:v>
                </c:pt>
                <c:pt idx="11101">
                  <c:v>5677.93</c:v>
                </c:pt>
                <c:pt idx="11102">
                  <c:v>5295.34</c:v>
                </c:pt>
                <c:pt idx="11103">
                  <c:v>5061.54</c:v>
                </c:pt>
                <c:pt idx="11104">
                  <c:v>5062.92</c:v>
                </c:pt>
                <c:pt idx="11105">
                  <c:v>5001.41</c:v>
                </c:pt>
                <c:pt idx="11106">
                  <c:v>4849.67</c:v>
                </c:pt>
                <c:pt idx="11107">
                  <c:v>4629.91</c:v>
                </c:pt>
                <c:pt idx="11108">
                  <c:v>4745.6499999999996</c:v>
                </c:pt>
                <c:pt idx="11109">
                  <c:v>8419.4500000000007</c:v>
                </c:pt>
                <c:pt idx="11110">
                  <c:v>8209.98</c:v>
                </c:pt>
                <c:pt idx="11111">
                  <c:v>7751.85</c:v>
                </c:pt>
                <c:pt idx="11112">
                  <c:v>7031.83</c:v>
                </c:pt>
                <c:pt idx="11113">
                  <c:v>6680.13</c:v>
                </c:pt>
                <c:pt idx="11114">
                  <c:v>6504.58</c:v>
                </c:pt>
                <c:pt idx="11115">
                  <c:v>6317.05</c:v>
                </c:pt>
                <c:pt idx="11116">
                  <c:v>6367.61</c:v>
                </c:pt>
                <c:pt idx="11117">
                  <c:v>6960.31</c:v>
                </c:pt>
                <c:pt idx="11118">
                  <c:v>6874.31</c:v>
                </c:pt>
                <c:pt idx="11119">
                  <c:v>6055.43</c:v>
                </c:pt>
                <c:pt idx="11120">
                  <c:v>9952.83</c:v>
                </c:pt>
                <c:pt idx="11121">
                  <c:v>9380.9</c:v>
                </c:pt>
                <c:pt idx="11122">
                  <c:v>8642.7099999999991</c:v>
                </c:pt>
                <c:pt idx="11123">
                  <c:v>8515.4500000000007</c:v>
                </c:pt>
                <c:pt idx="11124">
                  <c:v>8504.67</c:v>
                </c:pt>
                <c:pt idx="11125">
                  <c:v>8190.7</c:v>
                </c:pt>
                <c:pt idx="11126">
                  <c:v>8189.31</c:v>
                </c:pt>
                <c:pt idx="11127">
                  <c:v>8264.4</c:v>
                </c:pt>
                <c:pt idx="11128">
                  <c:v>7742.99</c:v>
                </c:pt>
                <c:pt idx="11129">
                  <c:v>7756.18</c:v>
                </c:pt>
                <c:pt idx="11130">
                  <c:v>7636.59</c:v>
                </c:pt>
                <c:pt idx="11131">
                  <c:v>11568.6</c:v>
                </c:pt>
                <c:pt idx="11132">
                  <c:v>10947</c:v>
                </c:pt>
                <c:pt idx="11133">
                  <c:v>10395.4</c:v>
                </c:pt>
                <c:pt idx="11134">
                  <c:v>10050.799999999999</c:v>
                </c:pt>
                <c:pt idx="11135">
                  <c:v>9757.9599999999991</c:v>
                </c:pt>
                <c:pt idx="11136">
                  <c:v>10202.799999999999</c:v>
                </c:pt>
                <c:pt idx="11137">
                  <c:v>9321.17</c:v>
                </c:pt>
                <c:pt idx="11138">
                  <c:v>9233.92</c:v>
                </c:pt>
                <c:pt idx="11139">
                  <c:v>9309.5400000000009</c:v>
                </c:pt>
                <c:pt idx="11140">
                  <c:v>9236.8700000000008</c:v>
                </c:pt>
                <c:pt idx="11141">
                  <c:v>9187.7199999999993</c:v>
                </c:pt>
                <c:pt idx="11142">
                  <c:v>13297.7</c:v>
                </c:pt>
                <c:pt idx="11143">
                  <c:v>12578.7</c:v>
                </c:pt>
                <c:pt idx="11144">
                  <c:v>11909.8</c:v>
                </c:pt>
                <c:pt idx="11145">
                  <c:v>11690.6</c:v>
                </c:pt>
                <c:pt idx="11146">
                  <c:v>11458.2</c:v>
                </c:pt>
                <c:pt idx="11147">
                  <c:v>11139.5</c:v>
                </c:pt>
                <c:pt idx="11148">
                  <c:v>11043</c:v>
                </c:pt>
                <c:pt idx="11149">
                  <c:v>10807.3</c:v>
                </c:pt>
                <c:pt idx="11150">
                  <c:v>10731.2</c:v>
                </c:pt>
                <c:pt idx="11151">
                  <c:v>10656.2</c:v>
                </c:pt>
                <c:pt idx="11152">
                  <c:v>10556.5</c:v>
                </c:pt>
                <c:pt idx="11153">
                  <c:v>14674.7</c:v>
                </c:pt>
                <c:pt idx="11154">
                  <c:v>13758</c:v>
                </c:pt>
                <c:pt idx="11155">
                  <c:v>14515.5</c:v>
                </c:pt>
                <c:pt idx="11156">
                  <c:v>13358</c:v>
                </c:pt>
                <c:pt idx="11157">
                  <c:v>12639.9</c:v>
                </c:pt>
                <c:pt idx="11158">
                  <c:v>12887.2</c:v>
                </c:pt>
                <c:pt idx="11159">
                  <c:v>13724.7</c:v>
                </c:pt>
                <c:pt idx="11160">
                  <c:v>12396.3</c:v>
                </c:pt>
                <c:pt idx="11161">
                  <c:v>12275.9</c:v>
                </c:pt>
                <c:pt idx="11162">
                  <c:v>12366.6</c:v>
                </c:pt>
                <c:pt idx="11163">
                  <c:v>12154.2</c:v>
                </c:pt>
                <c:pt idx="11164">
                  <c:v>17665.2</c:v>
                </c:pt>
                <c:pt idx="11165">
                  <c:v>15743.9</c:v>
                </c:pt>
                <c:pt idx="11166">
                  <c:v>14947.1</c:v>
                </c:pt>
                <c:pt idx="11167">
                  <c:v>14409.1</c:v>
                </c:pt>
                <c:pt idx="11168">
                  <c:v>14293</c:v>
                </c:pt>
                <c:pt idx="11169">
                  <c:v>14022.9</c:v>
                </c:pt>
                <c:pt idx="11170">
                  <c:v>13829.1</c:v>
                </c:pt>
                <c:pt idx="11171">
                  <c:v>13796.8</c:v>
                </c:pt>
                <c:pt idx="11172">
                  <c:v>13884.5</c:v>
                </c:pt>
                <c:pt idx="11173">
                  <c:v>13636.4</c:v>
                </c:pt>
                <c:pt idx="11174">
                  <c:v>13596.1</c:v>
                </c:pt>
                <c:pt idx="11175">
                  <c:v>16493.599999999999</c:v>
                </c:pt>
                <c:pt idx="11176">
                  <c:v>15925.1</c:v>
                </c:pt>
                <c:pt idx="11177">
                  <c:v>15435.8</c:v>
                </c:pt>
                <c:pt idx="11178">
                  <c:v>15552.6</c:v>
                </c:pt>
                <c:pt idx="11179">
                  <c:v>15465.5</c:v>
                </c:pt>
                <c:pt idx="11180">
                  <c:v>15329.9</c:v>
                </c:pt>
                <c:pt idx="11181">
                  <c:v>15031.2</c:v>
                </c:pt>
                <c:pt idx="11182">
                  <c:v>14802.7</c:v>
                </c:pt>
                <c:pt idx="11183">
                  <c:v>14947.8</c:v>
                </c:pt>
                <c:pt idx="11184">
                  <c:v>14787.8</c:v>
                </c:pt>
                <c:pt idx="11185">
                  <c:v>14783.8</c:v>
                </c:pt>
                <c:pt idx="11186">
                  <c:v>17665.2</c:v>
                </c:pt>
                <c:pt idx="11187">
                  <c:v>15925.1</c:v>
                </c:pt>
                <c:pt idx="11188">
                  <c:v>16549.400000000001</c:v>
                </c:pt>
                <c:pt idx="11189">
                  <c:v>15552.6</c:v>
                </c:pt>
                <c:pt idx="11190">
                  <c:v>16632.2</c:v>
                </c:pt>
                <c:pt idx="11191">
                  <c:v>15864.8</c:v>
                </c:pt>
                <c:pt idx="11192">
                  <c:v>15690.5</c:v>
                </c:pt>
                <c:pt idx="11193">
                  <c:v>16383.8</c:v>
                </c:pt>
                <c:pt idx="11194">
                  <c:v>15056.3</c:v>
                </c:pt>
                <c:pt idx="11195">
                  <c:v>14787.8</c:v>
                </c:pt>
                <c:pt idx="11196">
                  <c:v>14783.8</c:v>
                </c:pt>
                <c:pt idx="11197">
                  <c:v>17665.2</c:v>
                </c:pt>
                <c:pt idx="11198">
                  <c:v>15925.1</c:v>
                </c:pt>
                <c:pt idx="11199">
                  <c:v>16549.400000000001</c:v>
                </c:pt>
                <c:pt idx="11200">
                  <c:v>15552.6</c:v>
                </c:pt>
                <c:pt idx="11201">
                  <c:v>16632.2</c:v>
                </c:pt>
                <c:pt idx="11202">
                  <c:v>17079</c:v>
                </c:pt>
                <c:pt idx="11203">
                  <c:v>15690.5</c:v>
                </c:pt>
                <c:pt idx="11204">
                  <c:v>16383.8</c:v>
                </c:pt>
                <c:pt idx="11205">
                  <c:v>15056.3</c:v>
                </c:pt>
                <c:pt idx="11206">
                  <c:v>14787.8</c:v>
                </c:pt>
                <c:pt idx="11207">
                  <c:v>14783.8</c:v>
                </c:pt>
                <c:pt idx="11208">
                  <c:v>17665.2</c:v>
                </c:pt>
                <c:pt idx="11209">
                  <c:v>15925.1</c:v>
                </c:pt>
                <c:pt idx="11210">
                  <c:v>16549.400000000001</c:v>
                </c:pt>
                <c:pt idx="11211">
                  <c:v>15552.6</c:v>
                </c:pt>
                <c:pt idx="11212">
                  <c:v>16632.2</c:v>
                </c:pt>
                <c:pt idx="11213">
                  <c:v>17079</c:v>
                </c:pt>
                <c:pt idx="11214">
                  <c:v>15690.5</c:v>
                </c:pt>
                <c:pt idx="11215">
                  <c:v>16383.8</c:v>
                </c:pt>
                <c:pt idx="11216">
                  <c:v>15056.3</c:v>
                </c:pt>
                <c:pt idx="11217">
                  <c:v>14787.8</c:v>
                </c:pt>
                <c:pt idx="11218">
                  <c:v>14783.8</c:v>
                </c:pt>
                <c:pt idx="11219">
                  <c:v>5495.24</c:v>
                </c:pt>
                <c:pt idx="11220">
                  <c:v>4791.55</c:v>
                </c:pt>
                <c:pt idx="11221">
                  <c:v>4399.3900000000003</c:v>
                </c:pt>
                <c:pt idx="11222">
                  <c:v>4174.1099999999997</c:v>
                </c:pt>
                <c:pt idx="11223">
                  <c:v>4015.22</c:v>
                </c:pt>
                <c:pt idx="11224">
                  <c:v>3873.61</c:v>
                </c:pt>
                <c:pt idx="11225">
                  <c:v>3792.97</c:v>
                </c:pt>
                <c:pt idx="11226">
                  <c:v>3705.67</c:v>
                </c:pt>
                <c:pt idx="11227">
                  <c:v>3631.92</c:v>
                </c:pt>
                <c:pt idx="11228">
                  <c:v>3540.73</c:v>
                </c:pt>
                <c:pt idx="11229">
                  <c:v>3496.58</c:v>
                </c:pt>
                <c:pt idx="11230">
                  <c:v>6911.55</c:v>
                </c:pt>
                <c:pt idx="11231">
                  <c:v>6198.66</c:v>
                </c:pt>
                <c:pt idx="11232">
                  <c:v>5648.48</c:v>
                </c:pt>
                <c:pt idx="11233">
                  <c:v>5677.93</c:v>
                </c:pt>
                <c:pt idx="11234">
                  <c:v>5056.1099999999997</c:v>
                </c:pt>
                <c:pt idx="11235">
                  <c:v>5061.54</c:v>
                </c:pt>
                <c:pt idx="11236">
                  <c:v>4769.8</c:v>
                </c:pt>
                <c:pt idx="11237">
                  <c:v>5001.41</c:v>
                </c:pt>
                <c:pt idx="11238">
                  <c:v>4849.67</c:v>
                </c:pt>
                <c:pt idx="11239">
                  <c:v>4629.91</c:v>
                </c:pt>
                <c:pt idx="11240">
                  <c:v>4531.6099999999997</c:v>
                </c:pt>
                <c:pt idx="11241">
                  <c:v>8625.7800000000007</c:v>
                </c:pt>
                <c:pt idx="11242">
                  <c:v>7648.66</c:v>
                </c:pt>
                <c:pt idx="11243">
                  <c:v>7336.29</c:v>
                </c:pt>
                <c:pt idx="11244">
                  <c:v>6881.4</c:v>
                </c:pt>
                <c:pt idx="11245">
                  <c:v>6680.13</c:v>
                </c:pt>
                <c:pt idx="11246">
                  <c:v>6595.24</c:v>
                </c:pt>
                <c:pt idx="11247">
                  <c:v>6340.07</c:v>
                </c:pt>
                <c:pt idx="11248">
                  <c:v>6363.02</c:v>
                </c:pt>
                <c:pt idx="11249">
                  <c:v>6137.36</c:v>
                </c:pt>
                <c:pt idx="11250">
                  <c:v>6077.03</c:v>
                </c:pt>
                <c:pt idx="11251">
                  <c:v>5976.74</c:v>
                </c:pt>
                <c:pt idx="11252">
                  <c:v>9978.48</c:v>
                </c:pt>
                <c:pt idx="11253">
                  <c:v>9360.19</c:v>
                </c:pt>
                <c:pt idx="11254">
                  <c:v>8642.7099999999991</c:v>
                </c:pt>
                <c:pt idx="11255">
                  <c:v>8480.41</c:v>
                </c:pt>
                <c:pt idx="11256">
                  <c:v>8310.91</c:v>
                </c:pt>
                <c:pt idx="11257">
                  <c:v>8078.73</c:v>
                </c:pt>
                <c:pt idx="11258">
                  <c:v>7926.36</c:v>
                </c:pt>
                <c:pt idx="11259">
                  <c:v>7815.58</c:v>
                </c:pt>
                <c:pt idx="11260">
                  <c:v>7682.55</c:v>
                </c:pt>
                <c:pt idx="11261">
                  <c:v>7566.45</c:v>
                </c:pt>
                <c:pt idx="11262">
                  <c:v>7523.88</c:v>
                </c:pt>
                <c:pt idx="11263">
                  <c:v>11483</c:v>
                </c:pt>
                <c:pt idx="11264">
                  <c:v>10964</c:v>
                </c:pt>
                <c:pt idx="11265">
                  <c:v>10462.1</c:v>
                </c:pt>
                <c:pt idx="11266">
                  <c:v>10019.9</c:v>
                </c:pt>
                <c:pt idx="11267">
                  <c:v>9635.24</c:v>
                </c:pt>
                <c:pt idx="11268">
                  <c:v>9508.4699999999993</c:v>
                </c:pt>
                <c:pt idx="11269">
                  <c:v>9300.5400000000009</c:v>
                </c:pt>
                <c:pt idx="11270">
                  <c:v>9250.69</c:v>
                </c:pt>
                <c:pt idx="11271">
                  <c:v>9174.76</c:v>
                </c:pt>
                <c:pt idx="11272">
                  <c:v>9161.15</c:v>
                </c:pt>
                <c:pt idx="11273">
                  <c:v>8985.15</c:v>
                </c:pt>
                <c:pt idx="11274">
                  <c:v>13075.1</c:v>
                </c:pt>
                <c:pt idx="11275">
                  <c:v>12171.4</c:v>
                </c:pt>
                <c:pt idx="11276">
                  <c:v>12023</c:v>
                </c:pt>
                <c:pt idx="11277">
                  <c:v>11400.1</c:v>
                </c:pt>
                <c:pt idx="11278">
                  <c:v>11155.1</c:v>
                </c:pt>
                <c:pt idx="11279">
                  <c:v>11057.2</c:v>
                </c:pt>
                <c:pt idx="11280">
                  <c:v>11042</c:v>
                </c:pt>
                <c:pt idx="11281">
                  <c:v>10786.8</c:v>
                </c:pt>
                <c:pt idx="11282">
                  <c:v>10657.1</c:v>
                </c:pt>
                <c:pt idx="11283">
                  <c:v>10674.5</c:v>
                </c:pt>
                <c:pt idx="11284">
                  <c:v>10525.4</c:v>
                </c:pt>
                <c:pt idx="11285">
                  <c:v>14559.6</c:v>
                </c:pt>
                <c:pt idx="11286">
                  <c:v>13611.5</c:v>
                </c:pt>
                <c:pt idx="11287">
                  <c:v>13410.5</c:v>
                </c:pt>
                <c:pt idx="11288">
                  <c:v>12975.5</c:v>
                </c:pt>
                <c:pt idx="11289">
                  <c:v>12734.7</c:v>
                </c:pt>
                <c:pt idx="11290">
                  <c:v>12742.1</c:v>
                </c:pt>
                <c:pt idx="11291">
                  <c:v>12407.7</c:v>
                </c:pt>
                <c:pt idx="11292">
                  <c:v>12364.6</c:v>
                </c:pt>
                <c:pt idx="11293">
                  <c:v>12364.1</c:v>
                </c:pt>
                <c:pt idx="11294">
                  <c:v>12141.8</c:v>
                </c:pt>
                <c:pt idx="11295">
                  <c:v>12119.2</c:v>
                </c:pt>
                <c:pt idx="11296">
                  <c:v>15937.9</c:v>
                </c:pt>
                <c:pt idx="11297">
                  <c:v>15041.1</c:v>
                </c:pt>
                <c:pt idx="11298">
                  <c:v>14593.5</c:v>
                </c:pt>
                <c:pt idx="11299">
                  <c:v>14407.4</c:v>
                </c:pt>
                <c:pt idx="11300">
                  <c:v>14169.4</c:v>
                </c:pt>
                <c:pt idx="11301">
                  <c:v>14036.6</c:v>
                </c:pt>
                <c:pt idx="11302">
                  <c:v>14026.9</c:v>
                </c:pt>
                <c:pt idx="11303">
                  <c:v>13718.3</c:v>
                </c:pt>
                <c:pt idx="11304">
                  <c:v>13767.7</c:v>
                </c:pt>
                <c:pt idx="11305">
                  <c:v>13584.1</c:v>
                </c:pt>
                <c:pt idx="11306">
                  <c:v>13567.7</c:v>
                </c:pt>
                <c:pt idx="11307">
                  <c:v>16312.8</c:v>
                </c:pt>
                <c:pt idx="11308">
                  <c:v>15925.1</c:v>
                </c:pt>
                <c:pt idx="11309">
                  <c:v>15252.5</c:v>
                </c:pt>
                <c:pt idx="11310">
                  <c:v>15552.6</c:v>
                </c:pt>
                <c:pt idx="11311">
                  <c:v>15273.9</c:v>
                </c:pt>
                <c:pt idx="11312">
                  <c:v>15166.7</c:v>
                </c:pt>
                <c:pt idx="11313">
                  <c:v>15150.6</c:v>
                </c:pt>
                <c:pt idx="11314">
                  <c:v>14938.7</c:v>
                </c:pt>
                <c:pt idx="11315">
                  <c:v>14827.4</c:v>
                </c:pt>
                <c:pt idx="11316">
                  <c:v>14787.8</c:v>
                </c:pt>
                <c:pt idx="11317">
                  <c:v>14783.8</c:v>
                </c:pt>
                <c:pt idx="11318">
                  <c:v>17665.2</c:v>
                </c:pt>
                <c:pt idx="11319">
                  <c:v>15925.1</c:v>
                </c:pt>
                <c:pt idx="11320">
                  <c:v>16549.400000000001</c:v>
                </c:pt>
                <c:pt idx="11321">
                  <c:v>15552.6</c:v>
                </c:pt>
                <c:pt idx="11322">
                  <c:v>16632.2</c:v>
                </c:pt>
                <c:pt idx="11323">
                  <c:v>15740.1</c:v>
                </c:pt>
                <c:pt idx="11324">
                  <c:v>15690.5</c:v>
                </c:pt>
                <c:pt idx="11325">
                  <c:v>16383.8</c:v>
                </c:pt>
                <c:pt idx="11326">
                  <c:v>15056.3</c:v>
                </c:pt>
                <c:pt idx="11327">
                  <c:v>14787.8</c:v>
                </c:pt>
                <c:pt idx="11328">
                  <c:v>14783.8</c:v>
                </c:pt>
                <c:pt idx="11329">
                  <c:v>17665.2</c:v>
                </c:pt>
                <c:pt idx="11330">
                  <c:v>15925.1</c:v>
                </c:pt>
                <c:pt idx="11331">
                  <c:v>16549.400000000001</c:v>
                </c:pt>
                <c:pt idx="11332">
                  <c:v>15552.6</c:v>
                </c:pt>
                <c:pt idx="11333">
                  <c:v>16632.2</c:v>
                </c:pt>
                <c:pt idx="11334">
                  <c:v>17079</c:v>
                </c:pt>
                <c:pt idx="11335">
                  <c:v>15690.5</c:v>
                </c:pt>
                <c:pt idx="11336">
                  <c:v>16383.8</c:v>
                </c:pt>
                <c:pt idx="11337">
                  <c:v>15056.3</c:v>
                </c:pt>
                <c:pt idx="11338">
                  <c:v>14787.8</c:v>
                </c:pt>
                <c:pt idx="11339">
                  <c:v>14783.8</c:v>
                </c:pt>
                <c:pt idx="11340">
                  <c:v>17665.2</c:v>
                </c:pt>
                <c:pt idx="11341">
                  <c:v>15925.1</c:v>
                </c:pt>
                <c:pt idx="11342">
                  <c:v>16549.400000000001</c:v>
                </c:pt>
                <c:pt idx="11343">
                  <c:v>15552.6</c:v>
                </c:pt>
                <c:pt idx="11344">
                  <c:v>16632.2</c:v>
                </c:pt>
                <c:pt idx="11345">
                  <c:v>17079</c:v>
                </c:pt>
                <c:pt idx="11346">
                  <c:v>15690.5</c:v>
                </c:pt>
                <c:pt idx="11347">
                  <c:v>16383.8</c:v>
                </c:pt>
                <c:pt idx="11348">
                  <c:v>15056.3</c:v>
                </c:pt>
                <c:pt idx="11349">
                  <c:v>14787.8</c:v>
                </c:pt>
                <c:pt idx="11350">
                  <c:v>14783.8</c:v>
                </c:pt>
                <c:pt idx="11351">
                  <c:v>5495.24</c:v>
                </c:pt>
                <c:pt idx="11352">
                  <c:v>4902.33</c:v>
                </c:pt>
                <c:pt idx="11353">
                  <c:v>4424.92</c:v>
                </c:pt>
                <c:pt idx="11354">
                  <c:v>4093.73</c:v>
                </c:pt>
                <c:pt idx="11355">
                  <c:v>3956.24</c:v>
                </c:pt>
                <c:pt idx="11356">
                  <c:v>3779.03</c:v>
                </c:pt>
                <c:pt idx="11357">
                  <c:v>3690.86</c:v>
                </c:pt>
                <c:pt idx="11358">
                  <c:v>3550</c:v>
                </c:pt>
                <c:pt idx="11359">
                  <c:v>3515.68</c:v>
                </c:pt>
                <c:pt idx="11360">
                  <c:v>3454.53</c:v>
                </c:pt>
                <c:pt idx="11361">
                  <c:v>3367.4</c:v>
                </c:pt>
                <c:pt idx="11362">
                  <c:v>6911.55</c:v>
                </c:pt>
                <c:pt idx="11363">
                  <c:v>6198.66</c:v>
                </c:pt>
                <c:pt idx="11364">
                  <c:v>5648.48</c:v>
                </c:pt>
                <c:pt idx="11365">
                  <c:v>5397.31</c:v>
                </c:pt>
                <c:pt idx="11366">
                  <c:v>5056.1099999999997</c:v>
                </c:pt>
                <c:pt idx="11367">
                  <c:v>5061.54</c:v>
                </c:pt>
                <c:pt idx="11368">
                  <c:v>4900.92</c:v>
                </c:pt>
                <c:pt idx="11369">
                  <c:v>4636.7</c:v>
                </c:pt>
                <c:pt idx="11370">
                  <c:v>4682.72</c:v>
                </c:pt>
                <c:pt idx="11371">
                  <c:v>4629.91</c:v>
                </c:pt>
                <c:pt idx="11372">
                  <c:v>4531.6099999999997</c:v>
                </c:pt>
                <c:pt idx="11373">
                  <c:v>8612.16</c:v>
                </c:pt>
                <c:pt idx="11374">
                  <c:v>7648.66</c:v>
                </c:pt>
                <c:pt idx="11375">
                  <c:v>7217.38</c:v>
                </c:pt>
                <c:pt idx="11376">
                  <c:v>6881.4</c:v>
                </c:pt>
                <c:pt idx="11377">
                  <c:v>6680.13</c:v>
                </c:pt>
                <c:pt idx="11378">
                  <c:v>6484.49</c:v>
                </c:pt>
                <c:pt idx="11379">
                  <c:v>6292.26</c:v>
                </c:pt>
                <c:pt idx="11380">
                  <c:v>6363.02</c:v>
                </c:pt>
                <c:pt idx="11381">
                  <c:v>6128.08</c:v>
                </c:pt>
                <c:pt idx="11382">
                  <c:v>6046.41</c:v>
                </c:pt>
                <c:pt idx="11383">
                  <c:v>6065.59</c:v>
                </c:pt>
                <c:pt idx="11384">
                  <c:v>9939.82</c:v>
                </c:pt>
                <c:pt idx="11385">
                  <c:v>9360.19</c:v>
                </c:pt>
                <c:pt idx="11386">
                  <c:v>8642.7099999999991</c:v>
                </c:pt>
                <c:pt idx="11387">
                  <c:v>8480.41</c:v>
                </c:pt>
                <c:pt idx="11388">
                  <c:v>8256.9699999999993</c:v>
                </c:pt>
                <c:pt idx="11389">
                  <c:v>8063.26</c:v>
                </c:pt>
                <c:pt idx="11390">
                  <c:v>7896.68</c:v>
                </c:pt>
                <c:pt idx="11391">
                  <c:v>7818.47</c:v>
                </c:pt>
                <c:pt idx="11392">
                  <c:v>7628.61</c:v>
                </c:pt>
                <c:pt idx="11393">
                  <c:v>7682.24</c:v>
                </c:pt>
                <c:pt idx="11394">
                  <c:v>7466.52</c:v>
                </c:pt>
                <c:pt idx="11395">
                  <c:v>11483</c:v>
                </c:pt>
                <c:pt idx="11396">
                  <c:v>10660.6</c:v>
                </c:pt>
                <c:pt idx="11397">
                  <c:v>10192.200000000001</c:v>
                </c:pt>
                <c:pt idx="11398">
                  <c:v>10052.299999999999</c:v>
                </c:pt>
                <c:pt idx="11399">
                  <c:v>9687.39</c:v>
                </c:pt>
                <c:pt idx="11400">
                  <c:v>9486.09</c:v>
                </c:pt>
                <c:pt idx="11401">
                  <c:v>9424.18</c:v>
                </c:pt>
                <c:pt idx="11402">
                  <c:v>9215.64</c:v>
                </c:pt>
                <c:pt idx="11403">
                  <c:v>9274.26</c:v>
                </c:pt>
                <c:pt idx="11404">
                  <c:v>9189.51</c:v>
                </c:pt>
                <c:pt idx="11405">
                  <c:v>8975.16</c:v>
                </c:pt>
                <c:pt idx="11406">
                  <c:v>13084.5</c:v>
                </c:pt>
                <c:pt idx="11407">
                  <c:v>12181.8</c:v>
                </c:pt>
                <c:pt idx="11408">
                  <c:v>11865.9</c:v>
                </c:pt>
                <c:pt idx="11409">
                  <c:v>11544.9</c:v>
                </c:pt>
                <c:pt idx="11410">
                  <c:v>11160</c:v>
                </c:pt>
                <c:pt idx="11411">
                  <c:v>11138.1</c:v>
                </c:pt>
                <c:pt idx="11412">
                  <c:v>10923</c:v>
                </c:pt>
                <c:pt idx="11413">
                  <c:v>10765.2</c:v>
                </c:pt>
                <c:pt idx="11414">
                  <c:v>10620.1</c:v>
                </c:pt>
                <c:pt idx="11415">
                  <c:v>10655.5</c:v>
                </c:pt>
                <c:pt idx="11416">
                  <c:v>10559.2</c:v>
                </c:pt>
                <c:pt idx="11417">
                  <c:v>14568.7</c:v>
                </c:pt>
                <c:pt idx="11418">
                  <c:v>13668.9</c:v>
                </c:pt>
                <c:pt idx="11419">
                  <c:v>13437.7</c:v>
                </c:pt>
                <c:pt idx="11420">
                  <c:v>13071.1</c:v>
                </c:pt>
                <c:pt idx="11421">
                  <c:v>12861.7</c:v>
                </c:pt>
                <c:pt idx="11422">
                  <c:v>12627.9</c:v>
                </c:pt>
                <c:pt idx="11423">
                  <c:v>12400.2</c:v>
                </c:pt>
                <c:pt idx="11424">
                  <c:v>12215.3</c:v>
                </c:pt>
                <c:pt idx="11425">
                  <c:v>12277.3</c:v>
                </c:pt>
                <c:pt idx="11426">
                  <c:v>12056.9</c:v>
                </c:pt>
                <c:pt idx="11427">
                  <c:v>12026.9</c:v>
                </c:pt>
                <c:pt idx="11428">
                  <c:v>16013.8</c:v>
                </c:pt>
                <c:pt idx="11429">
                  <c:v>15215.4</c:v>
                </c:pt>
                <c:pt idx="11430">
                  <c:v>14607.6</c:v>
                </c:pt>
                <c:pt idx="11431">
                  <c:v>14415.9</c:v>
                </c:pt>
                <c:pt idx="11432">
                  <c:v>14279.9</c:v>
                </c:pt>
                <c:pt idx="11433">
                  <c:v>14153.8</c:v>
                </c:pt>
                <c:pt idx="11434">
                  <c:v>13840.6</c:v>
                </c:pt>
                <c:pt idx="11435">
                  <c:v>13706.9</c:v>
                </c:pt>
                <c:pt idx="11436">
                  <c:v>13703.3</c:v>
                </c:pt>
                <c:pt idx="11437">
                  <c:v>13556.2</c:v>
                </c:pt>
                <c:pt idx="11438">
                  <c:v>13585.4</c:v>
                </c:pt>
                <c:pt idx="11439">
                  <c:v>16312.8</c:v>
                </c:pt>
                <c:pt idx="11440">
                  <c:v>15925.1</c:v>
                </c:pt>
                <c:pt idx="11441">
                  <c:v>15130</c:v>
                </c:pt>
                <c:pt idx="11442">
                  <c:v>15552.6</c:v>
                </c:pt>
                <c:pt idx="11443">
                  <c:v>15378.8</c:v>
                </c:pt>
                <c:pt idx="11444">
                  <c:v>15143.5</c:v>
                </c:pt>
                <c:pt idx="11445">
                  <c:v>14913.7</c:v>
                </c:pt>
                <c:pt idx="11446">
                  <c:v>14802.9</c:v>
                </c:pt>
                <c:pt idx="11447">
                  <c:v>14933.9</c:v>
                </c:pt>
                <c:pt idx="11448">
                  <c:v>14787.8</c:v>
                </c:pt>
                <c:pt idx="11449">
                  <c:v>14783.8</c:v>
                </c:pt>
                <c:pt idx="11450">
                  <c:v>17665.2</c:v>
                </c:pt>
                <c:pt idx="11451">
                  <c:v>15925.1</c:v>
                </c:pt>
                <c:pt idx="11452">
                  <c:v>16549.400000000001</c:v>
                </c:pt>
                <c:pt idx="11453">
                  <c:v>15552.6</c:v>
                </c:pt>
                <c:pt idx="11454">
                  <c:v>16632.2</c:v>
                </c:pt>
                <c:pt idx="11455">
                  <c:v>15740.1</c:v>
                </c:pt>
                <c:pt idx="11456">
                  <c:v>15690.5</c:v>
                </c:pt>
                <c:pt idx="11457">
                  <c:v>16383.8</c:v>
                </c:pt>
                <c:pt idx="11458">
                  <c:v>15056.3</c:v>
                </c:pt>
                <c:pt idx="11459">
                  <c:v>14787.8</c:v>
                </c:pt>
                <c:pt idx="11460">
                  <c:v>14783.8</c:v>
                </c:pt>
                <c:pt idx="11461">
                  <c:v>17665.2</c:v>
                </c:pt>
                <c:pt idx="11462">
                  <c:v>15925.1</c:v>
                </c:pt>
                <c:pt idx="11463">
                  <c:v>16549.400000000001</c:v>
                </c:pt>
                <c:pt idx="11464">
                  <c:v>15552.6</c:v>
                </c:pt>
                <c:pt idx="11465">
                  <c:v>16632.2</c:v>
                </c:pt>
                <c:pt idx="11466">
                  <c:v>17079</c:v>
                </c:pt>
                <c:pt idx="11467">
                  <c:v>15690.5</c:v>
                </c:pt>
                <c:pt idx="11468">
                  <c:v>16383.8</c:v>
                </c:pt>
                <c:pt idx="11469">
                  <c:v>15056.3</c:v>
                </c:pt>
                <c:pt idx="11470">
                  <c:v>14787.8</c:v>
                </c:pt>
                <c:pt idx="11471">
                  <c:v>14783.8</c:v>
                </c:pt>
                <c:pt idx="11472">
                  <c:v>17665.2</c:v>
                </c:pt>
                <c:pt idx="11473">
                  <c:v>15925.1</c:v>
                </c:pt>
                <c:pt idx="11474">
                  <c:v>16549.400000000001</c:v>
                </c:pt>
                <c:pt idx="11475">
                  <c:v>15552.6</c:v>
                </c:pt>
                <c:pt idx="11476">
                  <c:v>16632.2</c:v>
                </c:pt>
                <c:pt idx="11477">
                  <c:v>17079</c:v>
                </c:pt>
                <c:pt idx="11478">
                  <c:v>15690.5</c:v>
                </c:pt>
                <c:pt idx="11479">
                  <c:v>16383.8</c:v>
                </c:pt>
                <c:pt idx="11480">
                  <c:v>15056.3</c:v>
                </c:pt>
                <c:pt idx="11481">
                  <c:v>14787.8</c:v>
                </c:pt>
                <c:pt idx="11482">
                  <c:v>14783.8</c:v>
                </c:pt>
                <c:pt idx="11483">
                  <c:v>5495.24</c:v>
                </c:pt>
                <c:pt idx="11484">
                  <c:v>4902.33</c:v>
                </c:pt>
                <c:pt idx="11485">
                  <c:v>4318.16</c:v>
                </c:pt>
                <c:pt idx="11486">
                  <c:v>4100.7700000000004</c:v>
                </c:pt>
                <c:pt idx="11487">
                  <c:v>3892.53</c:v>
                </c:pt>
                <c:pt idx="11488">
                  <c:v>3702.17</c:v>
                </c:pt>
                <c:pt idx="11489">
                  <c:v>3618.6</c:v>
                </c:pt>
                <c:pt idx="11490">
                  <c:v>3548.73</c:v>
                </c:pt>
                <c:pt idx="11491">
                  <c:v>3433.2</c:v>
                </c:pt>
                <c:pt idx="11492">
                  <c:v>3361.1</c:v>
                </c:pt>
                <c:pt idx="11493">
                  <c:v>3350.87</c:v>
                </c:pt>
                <c:pt idx="11494">
                  <c:v>6911.55</c:v>
                </c:pt>
                <c:pt idx="11495">
                  <c:v>6198.66</c:v>
                </c:pt>
                <c:pt idx="11496">
                  <c:v>5648.48</c:v>
                </c:pt>
                <c:pt idx="11497">
                  <c:v>5397.31</c:v>
                </c:pt>
                <c:pt idx="11498">
                  <c:v>5056.1099999999997</c:v>
                </c:pt>
                <c:pt idx="11499">
                  <c:v>5061.54</c:v>
                </c:pt>
                <c:pt idx="11500">
                  <c:v>4900.92</c:v>
                </c:pt>
                <c:pt idx="11501">
                  <c:v>4638.33</c:v>
                </c:pt>
                <c:pt idx="11502">
                  <c:v>4690.28</c:v>
                </c:pt>
                <c:pt idx="11503">
                  <c:v>4629.91</c:v>
                </c:pt>
                <c:pt idx="11504">
                  <c:v>4531.6099999999997</c:v>
                </c:pt>
                <c:pt idx="11505">
                  <c:v>8612.16</c:v>
                </c:pt>
                <c:pt idx="11506">
                  <c:v>7648.66</c:v>
                </c:pt>
                <c:pt idx="11507">
                  <c:v>7217.38</c:v>
                </c:pt>
                <c:pt idx="11508">
                  <c:v>6881.4</c:v>
                </c:pt>
                <c:pt idx="11509">
                  <c:v>6760.06</c:v>
                </c:pt>
                <c:pt idx="11510">
                  <c:v>6484.49</c:v>
                </c:pt>
                <c:pt idx="11511">
                  <c:v>6292.26</c:v>
                </c:pt>
                <c:pt idx="11512">
                  <c:v>6241.42</c:v>
                </c:pt>
                <c:pt idx="11513">
                  <c:v>6135.24</c:v>
                </c:pt>
                <c:pt idx="11514">
                  <c:v>6042.25</c:v>
                </c:pt>
                <c:pt idx="11515">
                  <c:v>6025.01</c:v>
                </c:pt>
                <c:pt idx="11516">
                  <c:v>9939.82</c:v>
                </c:pt>
                <c:pt idx="11517">
                  <c:v>9230.75</c:v>
                </c:pt>
                <c:pt idx="11518">
                  <c:v>8642.7099999999991</c:v>
                </c:pt>
                <c:pt idx="11519">
                  <c:v>8480.41</c:v>
                </c:pt>
                <c:pt idx="11520">
                  <c:v>8239.99</c:v>
                </c:pt>
                <c:pt idx="11521">
                  <c:v>8071.98</c:v>
                </c:pt>
                <c:pt idx="11522">
                  <c:v>7841.14</c:v>
                </c:pt>
                <c:pt idx="11523">
                  <c:v>7798.81</c:v>
                </c:pt>
                <c:pt idx="11524">
                  <c:v>7603.34</c:v>
                </c:pt>
                <c:pt idx="11525">
                  <c:v>7561.7</c:v>
                </c:pt>
                <c:pt idx="11526">
                  <c:v>7601.8</c:v>
                </c:pt>
                <c:pt idx="11527">
                  <c:v>11483</c:v>
                </c:pt>
                <c:pt idx="11528">
                  <c:v>10925.9</c:v>
                </c:pt>
                <c:pt idx="11529">
                  <c:v>10179.200000000001</c:v>
                </c:pt>
                <c:pt idx="11530">
                  <c:v>9954.01</c:v>
                </c:pt>
                <c:pt idx="11531">
                  <c:v>9647.52</c:v>
                </c:pt>
                <c:pt idx="11532">
                  <c:v>9473.58</c:v>
                </c:pt>
                <c:pt idx="11533">
                  <c:v>9394.49</c:v>
                </c:pt>
                <c:pt idx="11534">
                  <c:v>9283.85</c:v>
                </c:pt>
                <c:pt idx="11535">
                  <c:v>9161.52</c:v>
                </c:pt>
                <c:pt idx="11536">
                  <c:v>9097.39</c:v>
                </c:pt>
                <c:pt idx="11537">
                  <c:v>9127.0300000000007</c:v>
                </c:pt>
                <c:pt idx="11538">
                  <c:v>13226.9</c:v>
                </c:pt>
                <c:pt idx="11539">
                  <c:v>12181.8</c:v>
                </c:pt>
                <c:pt idx="11540">
                  <c:v>11865.9</c:v>
                </c:pt>
                <c:pt idx="11541">
                  <c:v>11483.8</c:v>
                </c:pt>
                <c:pt idx="11542">
                  <c:v>11354.3</c:v>
                </c:pt>
                <c:pt idx="11543">
                  <c:v>11094.2</c:v>
                </c:pt>
                <c:pt idx="11544">
                  <c:v>10892.5</c:v>
                </c:pt>
                <c:pt idx="11545">
                  <c:v>10766.8</c:v>
                </c:pt>
                <c:pt idx="11546">
                  <c:v>10701.2</c:v>
                </c:pt>
                <c:pt idx="11547">
                  <c:v>10630.2</c:v>
                </c:pt>
                <c:pt idx="11548">
                  <c:v>10639.6</c:v>
                </c:pt>
                <c:pt idx="11549">
                  <c:v>14577.1</c:v>
                </c:pt>
                <c:pt idx="11550">
                  <c:v>13626.4</c:v>
                </c:pt>
                <c:pt idx="11551">
                  <c:v>13338.5</c:v>
                </c:pt>
                <c:pt idx="11552">
                  <c:v>13047.4</c:v>
                </c:pt>
                <c:pt idx="11553">
                  <c:v>12827.4</c:v>
                </c:pt>
                <c:pt idx="11554">
                  <c:v>12510.3</c:v>
                </c:pt>
                <c:pt idx="11555">
                  <c:v>12407.3</c:v>
                </c:pt>
                <c:pt idx="11556">
                  <c:v>12208</c:v>
                </c:pt>
                <c:pt idx="11557">
                  <c:v>12188.2</c:v>
                </c:pt>
                <c:pt idx="11558">
                  <c:v>12154.9</c:v>
                </c:pt>
                <c:pt idx="11559">
                  <c:v>12067.6</c:v>
                </c:pt>
                <c:pt idx="11560">
                  <c:v>15932</c:v>
                </c:pt>
                <c:pt idx="11561">
                  <c:v>15144.7</c:v>
                </c:pt>
                <c:pt idx="11562">
                  <c:v>14798.4</c:v>
                </c:pt>
                <c:pt idx="11563">
                  <c:v>14476.4</c:v>
                </c:pt>
                <c:pt idx="11564">
                  <c:v>14271.4</c:v>
                </c:pt>
                <c:pt idx="11565">
                  <c:v>14078.7</c:v>
                </c:pt>
                <c:pt idx="11566">
                  <c:v>13882.6</c:v>
                </c:pt>
                <c:pt idx="11567">
                  <c:v>13708.5</c:v>
                </c:pt>
                <c:pt idx="11568">
                  <c:v>13712</c:v>
                </c:pt>
                <c:pt idx="11569">
                  <c:v>13591.2</c:v>
                </c:pt>
                <c:pt idx="11570">
                  <c:v>13540.7</c:v>
                </c:pt>
                <c:pt idx="11571">
                  <c:v>16312.8</c:v>
                </c:pt>
                <c:pt idx="11572">
                  <c:v>15925.1</c:v>
                </c:pt>
                <c:pt idx="11573">
                  <c:v>15672.5</c:v>
                </c:pt>
                <c:pt idx="11574">
                  <c:v>15552.6</c:v>
                </c:pt>
                <c:pt idx="11575">
                  <c:v>15365</c:v>
                </c:pt>
                <c:pt idx="11576">
                  <c:v>15181.5</c:v>
                </c:pt>
                <c:pt idx="11577">
                  <c:v>15024.1</c:v>
                </c:pt>
                <c:pt idx="11578">
                  <c:v>14705.8</c:v>
                </c:pt>
                <c:pt idx="11579">
                  <c:v>15035.6</c:v>
                </c:pt>
                <c:pt idx="11580">
                  <c:v>14787.8</c:v>
                </c:pt>
                <c:pt idx="11581">
                  <c:v>14783.8</c:v>
                </c:pt>
                <c:pt idx="11582">
                  <c:v>17665.2</c:v>
                </c:pt>
                <c:pt idx="11583">
                  <c:v>15925.1</c:v>
                </c:pt>
                <c:pt idx="11584">
                  <c:v>16549.400000000001</c:v>
                </c:pt>
                <c:pt idx="11585">
                  <c:v>15552.6</c:v>
                </c:pt>
                <c:pt idx="11586">
                  <c:v>16632.2</c:v>
                </c:pt>
                <c:pt idx="11587">
                  <c:v>15740.1</c:v>
                </c:pt>
                <c:pt idx="11588">
                  <c:v>15690.5</c:v>
                </c:pt>
                <c:pt idx="11589">
                  <c:v>16383.8</c:v>
                </c:pt>
                <c:pt idx="11590">
                  <c:v>15056.3</c:v>
                </c:pt>
                <c:pt idx="11591">
                  <c:v>14787.8</c:v>
                </c:pt>
                <c:pt idx="11592">
                  <c:v>14783.8</c:v>
                </c:pt>
                <c:pt idx="11593">
                  <c:v>17665.2</c:v>
                </c:pt>
                <c:pt idx="11594">
                  <c:v>15925.1</c:v>
                </c:pt>
                <c:pt idx="11595">
                  <c:v>16549.400000000001</c:v>
                </c:pt>
                <c:pt idx="11596">
                  <c:v>15552.6</c:v>
                </c:pt>
                <c:pt idx="11597">
                  <c:v>16632.2</c:v>
                </c:pt>
                <c:pt idx="11598">
                  <c:v>17079</c:v>
                </c:pt>
                <c:pt idx="11599">
                  <c:v>15690.5</c:v>
                </c:pt>
                <c:pt idx="11600">
                  <c:v>16383.8</c:v>
                </c:pt>
                <c:pt idx="11601">
                  <c:v>15056.3</c:v>
                </c:pt>
                <c:pt idx="11602">
                  <c:v>14787.8</c:v>
                </c:pt>
                <c:pt idx="11603">
                  <c:v>14783.8</c:v>
                </c:pt>
                <c:pt idx="11604">
                  <c:v>17665.2</c:v>
                </c:pt>
                <c:pt idx="11605">
                  <c:v>15925.1</c:v>
                </c:pt>
                <c:pt idx="11606">
                  <c:v>16549.400000000001</c:v>
                </c:pt>
                <c:pt idx="11607">
                  <c:v>15552.6</c:v>
                </c:pt>
                <c:pt idx="11608">
                  <c:v>16632.2</c:v>
                </c:pt>
                <c:pt idx="11609">
                  <c:v>17079</c:v>
                </c:pt>
                <c:pt idx="11610">
                  <c:v>15690.5</c:v>
                </c:pt>
                <c:pt idx="11611">
                  <c:v>16383.8</c:v>
                </c:pt>
                <c:pt idx="11612">
                  <c:v>15056.3</c:v>
                </c:pt>
                <c:pt idx="11613">
                  <c:v>14787.8</c:v>
                </c:pt>
                <c:pt idx="11614">
                  <c:v>14783.8</c:v>
                </c:pt>
                <c:pt idx="11615">
                  <c:v>5495.24</c:v>
                </c:pt>
                <c:pt idx="11616">
                  <c:v>4902.33</c:v>
                </c:pt>
                <c:pt idx="11617">
                  <c:v>4318.16</c:v>
                </c:pt>
                <c:pt idx="11618">
                  <c:v>4109.6099999999997</c:v>
                </c:pt>
                <c:pt idx="11619">
                  <c:v>3901.06</c:v>
                </c:pt>
                <c:pt idx="11620">
                  <c:v>3674.9</c:v>
                </c:pt>
                <c:pt idx="11621">
                  <c:v>3599.2</c:v>
                </c:pt>
                <c:pt idx="11622">
                  <c:v>3482.86</c:v>
                </c:pt>
                <c:pt idx="11623">
                  <c:v>3371.72</c:v>
                </c:pt>
                <c:pt idx="11624">
                  <c:v>3359.18</c:v>
                </c:pt>
                <c:pt idx="11625">
                  <c:v>3273.21</c:v>
                </c:pt>
                <c:pt idx="11626">
                  <c:v>6911.55</c:v>
                </c:pt>
                <c:pt idx="11627">
                  <c:v>6198.66</c:v>
                </c:pt>
                <c:pt idx="11628">
                  <c:v>5648.48</c:v>
                </c:pt>
                <c:pt idx="11629">
                  <c:v>5397.31</c:v>
                </c:pt>
                <c:pt idx="11630">
                  <c:v>5056.1099999999997</c:v>
                </c:pt>
                <c:pt idx="11631">
                  <c:v>5061.54</c:v>
                </c:pt>
                <c:pt idx="11632">
                  <c:v>4900.92</c:v>
                </c:pt>
                <c:pt idx="11633">
                  <c:v>4797.33</c:v>
                </c:pt>
                <c:pt idx="11634">
                  <c:v>4668.08</c:v>
                </c:pt>
                <c:pt idx="11635">
                  <c:v>4499.47</c:v>
                </c:pt>
                <c:pt idx="11636">
                  <c:v>4543.5</c:v>
                </c:pt>
                <c:pt idx="11637">
                  <c:v>8612.16</c:v>
                </c:pt>
                <c:pt idx="11638">
                  <c:v>7648.66</c:v>
                </c:pt>
                <c:pt idx="11639">
                  <c:v>7217.38</c:v>
                </c:pt>
                <c:pt idx="11640">
                  <c:v>6881.4</c:v>
                </c:pt>
                <c:pt idx="11641">
                  <c:v>6760.06</c:v>
                </c:pt>
                <c:pt idx="11642">
                  <c:v>6484.49</c:v>
                </c:pt>
                <c:pt idx="11643">
                  <c:v>6292.26</c:v>
                </c:pt>
                <c:pt idx="11644">
                  <c:v>6241.42</c:v>
                </c:pt>
                <c:pt idx="11645">
                  <c:v>6130.23</c:v>
                </c:pt>
                <c:pt idx="11646">
                  <c:v>6048.17</c:v>
                </c:pt>
                <c:pt idx="11647">
                  <c:v>6025.01</c:v>
                </c:pt>
                <c:pt idx="11648">
                  <c:v>9939.82</c:v>
                </c:pt>
                <c:pt idx="11649">
                  <c:v>9230.75</c:v>
                </c:pt>
                <c:pt idx="11650">
                  <c:v>8642.7099999999991</c:v>
                </c:pt>
                <c:pt idx="11651">
                  <c:v>8480.41</c:v>
                </c:pt>
                <c:pt idx="11652">
                  <c:v>8239.99</c:v>
                </c:pt>
                <c:pt idx="11653">
                  <c:v>8150.89</c:v>
                </c:pt>
                <c:pt idx="11654">
                  <c:v>7841.14</c:v>
                </c:pt>
                <c:pt idx="11655">
                  <c:v>7804.8</c:v>
                </c:pt>
                <c:pt idx="11656">
                  <c:v>7664.57</c:v>
                </c:pt>
                <c:pt idx="11657">
                  <c:v>7614.08</c:v>
                </c:pt>
                <c:pt idx="11658">
                  <c:v>7490.6</c:v>
                </c:pt>
                <c:pt idx="11659">
                  <c:v>11483</c:v>
                </c:pt>
                <c:pt idx="11660">
                  <c:v>10912.2</c:v>
                </c:pt>
                <c:pt idx="11661">
                  <c:v>10179.200000000001</c:v>
                </c:pt>
                <c:pt idx="11662">
                  <c:v>9965.23</c:v>
                </c:pt>
                <c:pt idx="11663">
                  <c:v>9652.9599999999991</c:v>
                </c:pt>
                <c:pt idx="11664">
                  <c:v>9477.7900000000009</c:v>
                </c:pt>
                <c:pt idx="11665">
                  <c:v>9325.5300000000007</c:v>
                </c:pt>
                <c:pt idx="11666">
                  <c:v>9225.81</c:v>
                </c:pt>
                <c:pt idx="11667">
                  <c:v>9166.7199999999993</c:v>
                </c:pt>
                <c:pt idx="11668">
                  <c:v>9101.42</c:v>
                </c:pt>
                <c:pt idx="11669">
                  <c:v>8974.24</c:v>
                </c:pt>
                <c:pt idx="11670">
                  <c:v>13081.9</c:v>
                </c:pt>
                <c:pt idx="11671">
                  <c:v>12181.8</c:v>
                </c:pt>
                <c:pt idx="11672">
                  <c:v>11865.9</c:v>
                </c:pt>
                <c:pt idx="11673">
                  <c:v>11473.7</c:v>
                </c:pt>
                <c:pt idx="11674">
                  <c:v>11354.3</c:v>
                </c:pt>
                <c:pt idx="11675">
                  <c:v>11013.3</c:v>
                </c:pt>
                <c:pt idx="11676">
                  <c:v>10932.5</c:v>
                </c:pt>
                <c:pt idx="11677">
                  <c:v>10753.5</c:v>
                </c:pt>
                <c:pt idx="11678">
                  <c:v>10663.8</c:v>
                </c:pt>
                <c:pt idx="11679">
                  <c:v>10609.9</c:v>
                </c:pt>
                <c:pt idx="11680">
                  <c:v>10553</c:v>
                </c:pt>
                <c:pt idx="11681">
                  <c:v>14687</c:v>
                </c:pt>
                <c:pt idx="11682">
                  <c:v>13626.4</c:v>
                </c:pt>
                <c:pt idx="11683">
                  <c:v>13343.8</c:v>
                </c:pt>
                <c:pt idx="11684">
                  <c:v>13016.1</c:v>
                </c:pt>
                <c:pt idx="11685">
                  <c:v>12827.4</c:v>
                </c:pt>
                <c:pt idx="11686">
                  <c:v>12520.7</c:v>
                </c:pt>
                <c:pt idx="11687">
                  <c:v>12392.3</c:v>
                </c:pt>
                <c:pt idx="11688">
                  <c:v>12331.1</c:v>
                </c:pt>
                <c:pt idx="11689">
                  <c:v>12148.4</c:v>
                </c:pt>
                <c:pt idx="11690">
                  <c:v>12159.3</c:v>
                </c:pt>
                <c:pt idx="11691">
                  <c:v>12039.3</c:v>
                </c:pt>
                <c:pt idx="11692">
                  <c:v>15935.2</c:v>
                </c:pt>
                <c:pt idx="11693">
                  <c:v>15177</c:v>
                </c:pt>
                <c:pt idx="11694">
                  <c:v>14798.4</c:v>
                </c:pt>
                <c:pt idx="11695">
                  <c:v>14417.4</c:v>
                </c:pt>
                <c:pt idx="11696">
                  <c:v>14232.9</c:v>
                </c:pt>
                <c:pt idx="11697">
                  <c:v>14049.1</c:v>
                </c:pt>
                <c:pt idx="11698">
                  <c:v>13882.6</c:v>
                </c:pt>
                <c:pt idx="11699">
                  <c:v>13712.4</c:v>
                </c:pt>
                <c:pt idx="11700">
                  <c:v>13644.3</c:v>
                </c:pt>
                <c:pt idx="11701">
                  <c:v>13640.5</c:v>
                </c:pt>
                <c:pt idx="11702">
                  <c:v>13586</c:v>
                </c:pt>
                <c:pt idx="11703">
                  <c:v>16312.8</c:v>
                </c:pt>
                <c:pt idx="11704">
                  <c:v>15925.1</c:v>
                </c:pt>
                <c:pt idx="11705">
                  <c:v>15672.5</c:v>
                </c:pt>
                <c:pt idx="11706">
                  <c:v>15552.6</c:v>
                </c:pt>
                <c:pt idx="11707">
                  <c:v>15467.8</c:v>
                </c:pt>
                <c:pt idx="11708">
                  <c:v>15230.3</c:v>
                </c:pt>
                <c:pt idx="11709">
                  <c:v>15152.7</c:v>
                </c:pt>
                <c:pt idx="11710">
                  <c:v>14632.9</c:v>
                </c:pt>
                <c:pt idx="11711">
                  <c:v>14949.3</c:v>
                </c:pt>
                <c:pt idx="11712">
                  <c:v>14787.8</c:v>
                </c:pt>
                <c:pt idx="11713">
                  <c:v>14783.8</c:v>
                </c:pt>
                <c:pt idx="11714">
                  <c:v>17665.2</c:v>
                </c:pt>
                <c:pt idx="11715">
                  <c:v>15925.1</c:v>
                </c:pt>
                <c:pt idx="11716">
                  <c:v>16549.400000000001</c:v>
                </c:pt>
                <c:pt idx="11717">
                  <c:v>15552.6</c:v>
                </c:pt>
                <c:pt idx="11718">
                  <c:v>16632.2</c:v>
                </c:pt>
                <c:pt idx="11719">
                  <c:v>15740.1</c:v>
                </c:pt>
                <c:pt idx="11720">
                  <c:v>15690.5</c:v>
                </c:pt>
                <c:pt idx="11721">
                  <c:v>16383.8</c:v>
                </c:pt>
                <c:pt idx="11722">
                  <c:v>15056.3</c:v>
                </c:pt>
                <c:pt idx="11723">
                  <c:v>14787.8</c:v>
                </c:pt>
                <c:pt idx="11724">
                  <c:v>14783.8</c:v>
                </c:pt>
                <c:pt idx="11725">
                  <c:v>17665.2</c:v>
                </c:pt>
                <c:pt idx="11726">
                  <c:v>15925.1</c:v>
                </c:pt>
                <c:pt idx="11727">
                  <c:v>16549.400000000001</c:v>
                </c:pt>
                <c:pt idx="11728">
                  <c:v>15552.6</c:v>
                </c:pt>
                <c:pt idx="11729">
                  <c:v>16632.2</c:v>
                </c:pt>
                <c:pt idx="11730">
                  <c:v>17079</c:v>
                </c:pt>
                <c:pt idx="11731">
                  <c:v>15690.5</c:v>
                </c:pt>
                <c:pt idx="11732">
                  <c:v>16383.8</c:v>
                </c:pt>
                <c:pt idx="11733">
                  <c:v>15056.3</c:v>
                </c:pt>
                <c:pt idx="11734">
                  <c:v>14787.8</c:v>
                </c:pt>
                <c:pt idx="11735">
                  <c:v>14783.8</c:v>
                </c:pt>
                <c:pt idx="11736">
                  <c:v>17665.2</c:v>
                </c:pt>
                <c:pt idx="11737">
                  <c:v>15925.1</c:v>
                </c:pt>
                <c:pt idx="11738">
                  <c:v>16549.400000000001</c:v>
                </c:pt>
                <c:pt idx="11739">
                  <c:v>15552.6</c:v>
                </c:pt>
                <c:pt idx="11740">
                  <c:v>16632.2</c:v>
                </c:pt>
                <c:pt idx="11741">
                  <c:v>17079</c:v>
                </c:pt>
                <c:pt idx="11742">
                  <c:v>15690.5</c:v>
                </c:pt>
                <c:pt idx="11743">
                  <c:v>16383.8</c:v>
                </c:pt>
                <c:pt idx="11744">
                  <c:v>15056.3</c:v>
                </c:pt>
                <c:pt idx="11745">
                  <c:v>14787.8</c:v>
                </c:pt>
                <c:pt idx="11746">
                  <c:v>14783.8</c:v>
                </c:pt>
                <c:pt idx="11747">
                  <c:v>5495.24</c:v>
                </c:pt>
                <c:pt idx="11748">
                  <c:v>4902.33</c:v>
                </c:pt>
                <c:pt idx="11749">
                  <c:v>4318.16</c:v>
                </c:pt>
                <c:pt idx="11750">
                  <c:v>4119.38</c:v>
                </c:pt>
                <c:pt idx="11751">
                  <c:v>3892.16</c:v>
                </c:pt>
                <c:pt idx="11752">
                  <c:v>3658.47</c:v>
                </c:pt>
                <c:pt idx="11753">
                  <c:v>3532.77</c:v>
                </c:pt>
                <c:pt idx="11754">
                  <c:v>3424.77</c:v>
                </c:pt>
                <c:pt idx="11755">
                  <c:v>3368.12</c:v>
                </c:pt>
                <c:pt idx="11756">
                  <c:v>3255.3</c:v>
                </c:pt>
                <c:pt idx="11757">
                  <c:v>3220.31</c:v>
                </c:pt>
                <c:pt idx="11758">
                  <c:v>6911.55</c:v>
                </c:pt>
                <c:pt idx="11759">
                  <c:v>6198.66</c:v>
                </c:pt>
                <c:pt idx="11760">
                  <c:v>5648.48</c:v>
                </c:pt>
                <c:pt idx="11761">
                  <c:v>5397.31</c:v>
                </c:pt>
                <c:pt idx="11762">
                  <c:v>5056.1099999999997</c:v>
                </c:pt>
                <c:pt idx="11763">
                  <c:v>5061.54</c:v>
                </c:pt>
                <c:pt idx="11764">
                  <c:v>4837.7700000000004</c:v>
                </c:pt>
                <c:pt idx="11765">
                  <c:v>4797.33</c:v>
                </c:pt>
                <c:pt idx="11766">
                  <c:v>4668.08</c:v>
                </c:pt>
                <c:pt idx="11767">
                  <c:v>4499.47</c:v>
                </c:pt>
                <c:pt idx="11768">
                  <c:v>4543.5</c:v>
                </c:pt>
                <c:pt idx="11769">
                  <c:v>8612.16</c:v>
                </c:pt>
                <c:pt idx="11770">
                  <c:v>7648.66</c:v>
                </c:pt>
                <c:pt idx="11771">
                  <c:v>7217.38</c:v>
                </c:pt>
                <c:pt idx="11772">
                  <c:v>6881.4</c:v>
                </c:pt>
                <c:pt idx="11773">
                  <c:v>6760.06</c:v>
                </c:pt>
                <c:pt idx="11774">
                  <c:v>6484.49</c:v>
                </c:pt>
                <c:pt idx="11775">
                  <c:v>6292.26</c:v>
                </c:pt>
                <c:pt idx="11776">
                  <c:v>6241.42</c:v>
                </c:pt>
                <c:pt idx="11777">
                  <c:v>6131.17</c:v>
                </c:pt>
                <c:pt idx="11778">
                  <c:v>6128.19</c:v>
                </c:pt>
                <c:pt idx="11779">
                  <c:v>6025.01</c:v>
                </c:pt>
                <c:pt idx="11780">
                  <c:v>9939.82</c:v>
                </c:pt>
                <c:pt idx="11781">
                  <c:v>9230.75</c:v>
                </c:pt>
                <c:pt idx="11782">
                  <c:v>8642.7099999999991</c:v>
                </c:pt>
                <c:pt idx="11783">
                  <c:v>8480.41</c:v>
                </c:pt>
                <c:pt idx="11784">
                  <c:v>8239.99</c:v>
                </c:pt>
                <c:pt idx="11785">
                  <c:v>8017.4</c:v>
                </c:pt>
                <c:pt idx="11786">
                  <c:v>7841.14</c:v>
                </c:pt>
                <c:pt idx="11787">
                  <c:v>7769.2</c:v>
                </c:pt>
                <c:pt idx="11788">
                  <c:v>7698.87</c:v>
                </c:pt>
                <c:pt idx="11789">
                  <c:v>7580.7</c:v>
                </c:pt>
                <c:pt idx="11790">
                  <c:v>7488.58</c:v>
                </c:pt>
                <c:pt idx="11791">
                  <c:v>11483</c:v>
                </c:pt>
                <c:pt idx="11792">
                  <c:v>10912.2</c:v>
                </c:pt>
                <c:pt idx="11793">
                  <c:v>10179.200000000001</c:v>
                </c:pt>
                <c:pt idx="11794">
                  <c:v>9905.9699999999993</c:v>
                </c:pt>
                <c:pt idx="11795">
                  <c:v>9785.07</c:v>
                </c:pt>
                <c:pt idx="11796">
                  <c:v>9481.65</c:v>
                </c:pt>
                <c:pt idx="11797">
                  <c:v>9326.58</c:v>
                </c:pt>
                <c:pt idx="11798">
                  <c:v>9182.7999999999993</c:v>
                </c:pt>
                <c:pt idx="11799">
                  <c:v>9171.58</c:v>
                </c:pt>
                <c:pt idx="11800">
                  <c:v>9105.33</c:v>
                </c:pt>
                <c:pt idx="11801">
                  <c:v>8978.48</c:v>
                </c:pt>
                <c:pt idx="11802">
                  <c:v>13055.6</c:v>
                </c:pt>
                <c:pt idx="11803">
                  <c:v>12181.8</c:v>
                </c:pt>
                <c:pt idx="11804">
                  <c:v>11865.9</c:v>
                </c:pt>
                <c:pt idx="11805">
                  <c:v>11423.5</c:v>
                </c:pt>
                <c:pt idx="11806">
                  <c:v>11354.3</c:v>
                </c:pt>
                <c:pt idx="11807">
                  <c:v>11055.6</c:v>
                </c:pt>
                <c:pt idx="11808">
                  <c:v>10928.7</c:v>
                </c:pt>
                <c:pt idx="11809">
                  <c:v>10744.5</c:v>
                </c:pt>
                <c:pt idx="11810">
                  <c:v>10622.2</c:v>
                </c:pt>
                <c:pt idx="11811">
                  <c:v>10564.2</c:v>
                </c:pt>
                <c:pt idx="11812">
                  <c:v>10534.2</c:v>
                </c:pt>
                <c:pt idx="11813">
                  <c:v>14568.2</c:v>
                </c:pt>
                <c:pt idx="11814">
                  <c:v>13626.4</c:v>
                </c:pt>
                <c:pt idx="11815">
                  <c:v>13348.7</c:v>
                </c:pt>
                <c:pt idx="11816">
                  <c:v>12938.4</c:v>
                </c:pt>
                <c:pt idx="11817">
                  <c:v>12827.4</c:v>
                </c:pt>
                <c:pt idx="11818">
                  <c:v>12655.3</c:v>
                </c:pt>
                <c:pt idx="11819">
                  <c:v>12390.2</c:v>
                </c:pt>
                <c:pt idx="11820">
                  <c:v>12331.1</c:v>
                </c:pt>
                <c:pt idx="11821">
                  <c:v>12126.8</c:v>
                </c:pt>
                <c:pt idx="11822">
                  <c:v>12051.2</c:v>
                </c:pt>
                <c:pt idx="11823">
                  <c:v>12055.1</c:v>
                </c:pt>
                <c:pt idx="11824">
                  <c:v>15938.2</c:v>
                </c:pt>
                <c:pt idx="11825">
                  <c:v>15119.7</c:v>
                </c:pt>
                <c:pt idx="11826">
                  <c:v>14798.4</c:v>
                </c:pt>
                <c:pt idx="11827">
                  <c:v>14373.4</c:v>
                </c:pt>
                <c:pt idx="11828">
                  <c:v>14232.9</c:v>
                </c:pt>
                <c:pt idx="11829">
                  <c:v>14097.7</c:v>
                </c:pt>
                <c:pt idx="11830">
                  <c:v>13882.6</c:v>
                </c:pt>
                <c:pt idx="11831">
                  <c:v>13724.9</c:v>
                </c:pt>
                <c:pt idx="11832">
                  <c:v>13685</c:v>
                </c:pt>
                <c:pt idx="11833">
                  <c:v>13598.8</c:v>
                </c:pt>
                <c:pt idx="11834">
                  <c:v>13534.1</c:v>
                </c:pt>
                <c:pt idx="11835">
                  <c:v>16312.8</c:v>
                </c:pt>
                <c:pt idx="11836">
                  <c:v>15925.1</c:v>
                </c:pt>
                <c:pt idx="11837">
                  <c:v>15672.5</c:v>
                </c:pt>
                <c:pt idx="11838">
                  <c:v>15552.6</c:v>
                </c:pt>
                <c:pt idx="11839">
                  <c:v>15360.9</c:v>
                </c:pt>
                <c:pt idx="11840">
                  <c:v>15310.8</c:v>
                </c:pt>
                <c:pt idx="11841">
                  <c:v>15072.3</c:v>
                </c:pt>
                <c:pt idx="11842">
                  <c:v>14576.2</c:v>
                </c:pt>
                <c:pt idx="11843">
                  <c:v>14882.1</c:v>
                </c:pt>
                <c:pt idx="11844">
                  <c:v>14787.8</c:v>
                </c:pt>
                <c:pt idx="11845">
                  <c:v>14783.8</c:v>
                </c:pt>
                <c:pt idx="11846">
                  <c:v>17665.2</c:v>
                </c:pt>
                <c:pt idx="11847">
                  <c:v>15925.1</c:v>
                </c:pt>
                <c:pt idx="11848">
                  <c:v>16549.400000000001</c:v>
                </c:pt>
                <c:pt idx="11849">
                  <c:v>15552.6</c:v>
                </c:pt>
                <c:pt idx="11850">
                  <c:v>16632.2</c:v>
                </c:pt>
                <c:pt idx="11851">
                  <c:v>15740.1</c:v>
                </c:pt>
                <c:pt idx="11852">
                  <c:v>15690.5</c:v>
                </c:pt>
                <c:pt idx="11853">
                  <c:v>16383.8</c:v>
                </c:pt>
                <c:pt idx="11854">
                  <c:v>15056.3</c:v>
                </c:pt>
                <c:pt idx="11855">
                  <c:v>14787.8</c:v>
                </c:pt>
                <c:pt idx="11856">
                  <c:v>14783.8</c:v>
                </c:pt>
                <c:pt idx="11857">
                  <c:v>17665.2</c:v>
                </c:pt>
                <c:pt idx="11858">
                  <c:v>15925.1</c:v>
                </c:pt>
                <c:pt idx="11859">
                  <c:v>16549.400000000001</c:v>
                </c:pt>
                <c:pt idx="11860">
                  <c:v>15552.6</c:v>
                </c:pt>
                <c:pt idx="11861">
                  <c:v>16632.2</c:v>
                </c:pt>
                <c:pt idx="11862">
                  <c:v>17079</c:v>
                </c:pt>
                <c:pt idx="11863">
                  <c:v>15690.5</c:v>
                </c:pt>
                <c:pt idx="11864">
                  <c:v>16383.8</c:v>
                </c:pt>
                <c:pt idx="11865">
                  <c:v>15056.3</c:v>
                </c:pt>
                <c:pt idx="11866">
                  <c:v>14787.8</c:v>
                </c:pt>
                <c:pt idx="11867">
                  <c:v>14783.8</c:v>
                </c:pt>
                <c:pt idx="11868">
                  <c:v>17665.2</c:v>
                </c:pt>
                <c:pt idx="11869">
                  <c:v>15925.1</c:v>
                </c:pt>
                <c:pt idx="11870">
                  <c:v>16549.400000000001</c:v>
                </c:pt>
                <c:pt idx="11871">
                  <c:v>15552.6</c:v>
                </c:pt>
                <c:pt idx="11872">
                  <c:v>16632.2</c:v>
                </c:pt>
                <c:pt idx="11873">
                  <c:v>17079</c:v>
                </c:pt>
                <c:pt idx="11874">
                  <c:v>15690.5</c:v>
                </c:pt>
                <c:pt idx="11875">
                  <c:v>16383.8</c:v>
                </c:pt>
                <c:pt idx="11876">
                  <c:v>15056.3</c:v>
                </c:pt>
                <c:pt idx="11877">
                  <c:v>14787.8</c:v>
                </c:pt>
                <c:pt idx="11878">
                  <c:v>14783.8</c:v>
                </c:pt>
                <c:pt idx="11879">
                  <c:v>5495.24</c:v>
                </c:pt>
                <c:pt idx="11880">
                  <c:v>4902.33</c:v>
                </c:pt>
                <c:pt idx="11881">
                  <c:v>4318.16</c:v>
                </c:pt>
                <c:pt idx="11882">
                  <c:v>4156.17</c:v>
                </c:pt>
                <c:pt idx="11883">
                  <c:v>3892.16</c:v>
                </c:pt>
                <c:pt idx="11884">
                  <c:v>3658.47</c:v>
                </c:pt>
                <c:pt idx="11885">
                  <c:v>3532.77</c:v>
                </c:pt>
                <c:pt idx="11886">
                  <c:v>3451.52</c:v>
                </c:pt>
                <c:pt idx="11887">
                  <c:v>3368.12</c:v>
                </c:pt>
                <c:pt idx="11888">
                  <c:v>3255.3</c:v>
                </c:pt>
                <c:pt idx="11889">
                  <c:v>3168.03</c:v>
                </c:pt>
                <c:pt idx="11890">
                  <c:v>6911.55</c:v>
                </c:pt>
                <c:pt idx="11891">
                  <c:v>6198.66</c:v>
                </c:pt>
                <c:pt idx="11892">
                  <c:v>5648.48</c:v>
                </c:pt>
                <c:pt idx="11893">
                  <c:v>5397.31</c:v>
                </c:pt>
                <c:pt idx="11894">
                  <c:v>5056.1099999999997</c:v>
                </c:pt>
                <c:pt idx="11895">
                  <c:v>5061.54</c:v>
                </c:pt>
                <c:pt idx="11896">
                  <c:v>4837.7700000000004</c:v>
                </c:pt>
                <c:pt idx="11897">
                  <c:v>4797.33</c:v>
                </c:pt>
                <c:pt idx="11898">
                  <c:v>4668.08</c:v>
                </c:pt>
                <c:pt idx="11899">
                  <c:v>4499.47</c:v>
                </c:pt>
                <c:pt idx="11900">
                  <c:v>4543.5</c:v>
                </c:pt>
                <c:pt idx="11901">
                  <c:v>8612.16</c:v>
                </c:pt>
                <c:pt idx="11902">
                  <c:v>7648.66</c:v>
                </c:pt>
                <c:pt idx="11903">
                  <c:v>7217.38</c:v>
                </c:pt>
                <c:pt idx="11904">
                  <c:v>6881.4</c:v>
                </c:pt>
                <c:pt idx="11905">
                  <c:v>6760.06</c:v>
                </c:pt>
                <c:pt idx="11906">
                  <c:v>6484.49</c:v>
                </c:pt>
                <c:pt idx="11907">
                  <c:v>6292.26</c:v>
                </c:pt>
                <c:pt idx="11908">
                  <c:v>6241.42</c:v>
                </c:pt>
                <c:pt idx="11909">
                  <c:v>6093.65</c:v>
                </c:pt>
                <c:pt idx="11910">
                  <c:v>6024.56</c:v>
                </c:pt>
                <c:pt idx="11911">
                  <c:v>5967.34</c:v>
                </c:pt>
                <c:pt idx="11912">
                  <c:v>9939.82</c:v>
                </c:pt>
                <c:pt idx="11913">
                  <c:v>9230.75</c:v>
                </c:pt>
                <c:pt idx="11914">
                  <c:v>8642.7099999999991</c:v>
                </c:pt>
                <c:pt idx="11915">
                  <c:v>8480.41</c:v>
                </c:pt>
                <c:pt idx="11916">
                  <c:v>8239.99</c:v>
                </c:pt>
                <c:pt idx="11917">
                  <c:v>8029.07</c:v>
                </c:pt>
                <c:pt idx="11918">
                  <c:v>7841.14</c:v>
                </c:pt>
                <c:pt idx="11919">
                  <c:v>7772.29</c:v>
                </c:pt>
                <c:pt idx="11920">
                  <c:v>7678.52</c:v>
                </c:pt>
                <c:pt idx="11921">
                  <c:v>7559.86</c:v>
                </c:pt>
                <c:pt idx="11922">
                  <c:v>7509.96</c:v>
                </c:pt>
                <c:pt idx="11923">
                  <c:v>11483</c:v>
                </c:pt>
                <c:pt idx="11924">
                  <c:v>10912.2</c:v>
                </c:pt>
                <c:pt idx="11925">
                  <c:v>10179.200000000001</c:v>
                </c:pt>
                <c:pt idx="11926">
                  <c:v>9919.08</c:v>
                </c:pt>
                <c:pt idx="11927">
                  <c:v>9766.83</c:v>
                </c:pt>
                <c:pt idx="11928">
                  <c:v>9485.2199999999993</c:v>
                </c:pt>
                <c:pt idx="11929">
                  <c:v>9310.67</c:v>
                </c:pt>
                <c:pt idx="11930">
                  <c:v>9182.7999999999993</c:v>
                </c:pt>
                <c:pt idx="11931">
                  <c:v>9137.65</c:v>
                </c:pt>
                <c:pt idx="11932">
                  <c:v>9109.1299999999992</c:v>
                </c:pt>
                <c:pt idx="11933">
                  <c:v>9052.86</c:v>
                </c:pt>
                <c:pt idx="11934">
                  <c:v>13055.6</c:v>
                </c:pt>
                <c:pt idx="11935">
                  <c:v>12181.8</c:v>
                </c:pt>
                <c:pt idx="11936">
                  <c:v>11865.9</c:v>
                </c:pt>
                <c:pt idx="11937">
                  <c:v>11423.5</c:v>
                </c:pt>
                <c:pt idx="11938">
                  <c:v>11354.3</c:v>
                </c:pt>
                <c:pt idx="11939">
                  <c:v>11008.8</c:v>
                </c:pt>
                <c:pt idx="11940">
                  <c:v>10884.3</c:v>
                </c:pt>
                <c:pt idx="11941">
                  <c:v>10744.5</c:v>
                </c:pt>
                <c:pt idx="11942">
                  <c:v>10639.8</c:v>
                </c:pt>
                <c:pt idx="11943">
                  <c:v>10651.5</c:v>
                </c:pt>
                <c:pt idx="11944">
                  <c:v>10486</c:v>
                </c:pt>
                <c:pt idx="11945">
                  <c:v>14537.9</c:v>
                </c:pt>
                <c:pt idx="11946">
                  <c:v>13626.4</c:v>
                </c:pt>
                <c:pt idx="11947">
                  <c:v>13353.3</c:v>
                </c:pt>
                <c:pt idx="11948">
                  <c:v>12878.5</c:v>
                </c:pt>
                <c:pt idx="11949">
                  <c:v>12827.4</c:v>
                </c:pt>
                <c:pt idx="11950">
                  <c:v>12606.3</c:v>
                </c:pt>
                <c:pt idx="11951">
                  <c:v>12393.1</c:v>
                </c:pt>
                <c:pt idx="11952">
                  <c:v>12331.1</c:v>
                </c:pt>
                <c:pt idx="11953">
                  <c:v>12199.2</c:v>
                </c:pt>
                <c:pt idx="11954">
                  <c:v>12129.6</c:v>
                </c:pt>
                <c:pt idx="11955">
                  <c:v>12092</c:v>
                </c:pt>
                <c:pt idx="11956">
                  <c:v>16021.6</c:v>
                </c:pt>
                <c:pt idx="11957">
                  <c:v>15119.7</c:v>
                </c:pt>
                <c:pt idx="11958">
                  <c:v>14798.4</c:v>
                </c:pt>
                <c:pt idx="11959">
                  <c:v>14354.9</c:v>
                </c:pt>
                <c:pt idx="11960">
                  <c:v>14232.9</c:v>
                </c:pt>
                <c:pt idx="11961">
                  <c:v>14029.5</c:v>
                </c:pt>
                <c:pt idx="11962">
                  <c:v>13882.6</c:v>
                </c:pt>
                <c:pt idx="11963">
                  <c:v>13782.9</c:v>
                </c:pt>
                <c:pt idx="11964">
                  <c:v>13647.8</c:v>
                </c:pt>
                <c:pt idx="11965">
                  <c:v>13577.4</c:v>
                </c:pt>
                <c:pt idx="11966">
                  <c:v>13529.3</c:v>
                </c:pt>
                <c:pt idx="11967">
                  <c:v>16312.8</c:v>
                </c:pt>
                <c:pt idx="11968">
                  <c:v>15925.1</c:v>
                </c:pt>
                <c:pt idx="11969">
                  <c:v>15672.5</c:v>
                </c:pt>
                <c:pt idx="11970">
                  <c:v>15552.6</c:v>
                </c:pt>
                <c:pt idx="11971">
                  <c:v>15275.3</c:v>
                </c:pt>
                <c:pt idx="11972">
                  <c:v>15266.3</c:v>
                </c:pt>
                <c:pt idx="11973">
                  <c:v>15072.3</c:v>
                </c:pt>
                <c:pt idx="11974">
                  <c:v>14940.3</c:v>
                </c:pt>
                <c:pt idx="11975">
                  <c:v>14828.4</c:v>
                </c:pt>
                <c:pt idx="11976">
                  <c:v>14787.8</c:v>
                </c:pt>
                <c:pt idx="11977">
                  <c:v>14783.8</c:v>
                </c:pt>
                <c:pt idx="11978">
                  <c:v>17665.2</c:v>
                </c:pt>
                <c:pt idx="11979">
                  <c:v>15925.1</c:v>
                </c:pt>
                <c:pt idx="11980">
                  <c:v>16549.400000000001</c:v>
                </c:pt>
                <c:pt idx="11981">
                  <c:v>15552.6</c:v>
                </c:pt>
                <c:pt idx="11982">
                  <c:v>16632.2</c:v>
                </c:pt>
                <c:pt idx="11983">
                  <c:v>15740.1</c:v>
                </c:pt>
                <c:pt idx="11984">
                  <c:v>15690.5</c:v>
                </c:pt>
                <c:pt idx="11985">
                  <c:v>16383.8</c:v>
                </c:pt>
                <c:pt idx="11986">
                  <c:v>15056.3</c:v>
                </c:pt>
                <c:pt idx="11987">
                  <c:v>14787.8</c:v>
                </c:pt>
                <c:pt idx="11988">
                  <c:v>14783.8</c:v>
                </c:pt>
                <c:pt idx="11989">
                  <c:v>17665.2</c:v>
                </c:pt>
                <c:pt idx="11990">
                  <c:v>15925.1</c:v>
                </c:pt>
                <c:pt idx="11991">
                  <c:v>16549.400000000001</c:v>
                </c:pt>
                <c:pt idx="11992">
                  <c:v>15552.6</c:v>
                </c:pt>
                <c:pt idx="11993">
                  <c:v>16632.2</c:v>
                </c:pt>
                <c:pt idx="11994">
                  <c:v>17079</c:v>
                </c:pt>
                <c:pt idx="11995">
                  <c:v>15690.5</c:v>
                </c:pt>
                <c:pt idx="11996">
                  <c:v>16383.8</c:v>
                </c:pt>
                <c:pt idx="11997">
                  <c:v>15056.3</c:v>
                </c:pt>
                <c:pt idx="11998">
                  <c:v>14787.8</c:v>
                </c:pt>
                <c:pt idx="11999">
                  <c:v>14783.8</c:v>
                </c:pt>
                <c:pt idx="12000">
                  <c:v>17665.2</c:v>
                </c:pt>
                <c:pt idx="12001">
                  <c:v>15925.1</c:v>
                </c:pt>
                <c:pt idx="12002">
                  <c:v>16549.400000000001</c:v>
                </c:pt>
                <c:pt idx="12003">
                  <c:v>15552.6</c:v>
                </c:pt>
                <c:pt idx="12004">
                  <c:v>16632.2</c:v>
                </c:pt>
                <c:pt idx="12005">
                  <c:v>17079</c:v>
                </c:pt>
                <c:pt idx="12006">
                  <c:v>15690.5</c:v>
                </c:pt>
                <c:pt idx="12007">
                  <c:v>16383.8</c:v>
                </c:pt>
                <c:pt idx="12008">
                  <c:v>15056.3</c:v>
                </c:pt>
                <c:pt idx="12009">
                  <c:v>14787.8</c:v>
                </c:pt>
                <c:pt idx="12010">
                  <c:v>14783.8</c:v>
                </c:pt>
                <c:pt idx="12011">
                  <c:v>5495.24</c:v>
                </c:pt>
                <c:pt idx="12012">
                  <c:v>4902.33</c:v>
                </c:pt>
                <c:pt idx="12013">
                  <c:v>4318.16</c:v>
                </c:pt>
                <c:pt idx="12014">
                  <c:v>4156.17</c:v>
                </c:pt>
                <c:pt idx="12015">
                  <c:v>3892.16</c:v>
                </c:pt>
                <c:pt idx="12016">
                  <c:v>3658.47</c:v>
                </c:pt>
                <c:pt idx="12017">
                  <c:v>3532.77</c:v>
                </c:pt>
                <c:pt idx="12018">
                  <c:v>3451.52</c:v>
                </c:pt>
                <c:pt idx="12019">
                  <c:v>3368.12</c:v>
                </c:pt>
                <c:pt idx="12020">
                  <c:v>3255.3</c:v>
                </c:pt>
                <c:pt idx="12021">
                  <c:v>3168.03</c:v>
                </c:pt>
                <c:pt idx="12022">
                  <c:v>6911.55</c:v>
                </c:pt>
                <c:pt idx="12023">
                  <c:v>6198.66</c:v>
                </c:pt>
                <c:pt idx="12024">
                  <c:v>5648.48</c:v>
                </c:pt>
                <c:pt idx="12025">
                  <c:v>5397.31</c:v>
                </c:pt>
                <c:pt idx="12026">
                  <c:v>5056.1099999999997</c:v>
                </c:pt>
                <c:pt idx="12027">
                  <c:v>5061.54</c:v>
                </c:pt>
                <c:pt idx="12028">
                  <c:v>4837.7700000000004</c:v>
                </c:pt>
                <c:pt idx="12029">
                  <c:v>4797.33</c:v>
                </c:pt>
                <c:pt idx="12030">
                  <c:v>4668.08</c:v>
                </c:pt>
                <c:pt idx="12031">
                  <c:v>4499.47</c:v>
                </c:pt>
                <c:pt idx="12032">
                  <c:v>4543.5</c:v>
                </c:pt>
                <c:pt idx="12033">
                  <c:v>8612.16</c:v>
                </c:pt>
                <c:pt idx="12034">
                  <c:v>7648.66</c:v>
                </c:pt>
                <c:pt idx="12035">
                  <c:v>7217.38</c:v>
                </c:pt>
                <c:pt idx="12036">
                  <c:v>6881.4</c:v>
                </c:pt>
                <c:pt idx="12037">
                  <c:v>6760.06</c:v>
                </c:pt>
                <c:pt idx="12038">
                  <c:v>6484.49</c:v>
                </c:pt>
                <c:pt idx="12039">
                  <c:v>6292.26</c:v>
                </c:pt>
                <c:pt idx="12040">
                  <c:v>6241.42</c:v>
                </c:pt>
                <c:pt idx="12041">
                  <c:v>6105.74</c:v>
                </c:pt>
                <c:pt idx="12042">
                  <c:v>6026.45</c:v>
                </c:pt>
                <c:pt idx="12043">
                  <c:v>5967.34</c:v>
                </c:pt>
                <c:pt idx="12044">
                  <c:v>9939.82</c:v>
                </c:pt>
                <c:pt idx="12045">
                  <c:v>9230.75</c:v>
                </c:pt>
                <c:pt idx="12046">
                  <c:v>8642.7099999999991</c:v>
                </c:pt>
                <c:pt idx="12047">
                  <c:v>8480.41</c:v>
                </c:pt>
                <c:pt idx="12048">
                  <c:v>8239.99</c:v>
                </c:pt>
                <c:pt idx="12049">
                  <c:v>8029.07</c:v>
                </c:pt>
                <c:pt idx="12050">
                  <c:v>7841.14</c:v>
                </c:pt>
                <c:pt idx="12051">
                  <c:v>7674.37</c:v>
                </c:pt>
                <c:pt idx="12052">
                  <c:v>7678.52</c:v>
                </c:pt>
                <c:pt idx="12053">
                  <c:v>7559.86</c:v>
                </c:pt>
                <c:pt idx="12054">
                  <c:v>7489.54</c:v>
                </c:pt>
                <c:pt idx="12055">
                  <c:v>11483</c:v>
                </c:pt>
                <c:pt idx="12056">
                  <c:v>10912.2</c:v>
                </c:pt>
                <c:pt idx="12057">
                  <c:v>10179.200000000001</c:v>
                </c:pt>
                <c:pt idx="12058">
                  <c:v>9919.08</c:v>
                </c:pt>
                <c:pt idx="12059">
                  <c:v>9766.83</c:v>
                </c:pt>
                <c:pt idx="12060">
                  <c:v>9519.09</c:v>
                </c:pt>
                <c:pt idx="12061">
                  <c:v>9310.67</c:v>
                </c:pt>
                <c:pt idx="12062">
                  <c:v>9182.7999999999993</c:v>
                </c:pt>
                <c:pt idx="12063">
                  <c:v>9140.26</c:v>
                </c:pt>
                <c:pt idx="12064">
                  <c:v>9112.84</c:v>
                </c:pt>
                <c:pt idx="12065">
                  <c:v>9055.07</c:v>
                </c:pt>
                <c:pt idx="12066">
                  <c:v>13055.6</c:v>
                </c:pt>
                <c:pt idx="12067">
                  <c:v>12181.8</c:v>
                </c:pt>
                <c:pt idx="12068">
                  <c:v>11865.9</c:v>
                </c:pt>
                <c:pt idx="12069">
                  <c:v>11423.5</c:v>
                </c:pt>
                <c:pt idx="12070">
                  <c:v>11354.3</c:v>
                </c:pt>
                <c:pt idx="12071">
                  <c:v>10971.8</c:v>
                </c:pt>
                <c:pt idx="12072">
                  <c:v>10877.6</c:v>
                </c:pt>
                <c:pt idx="12073">
                  <c:v>10744.5</c:v>
                </c:pt>
                <c:pt idx="12074">
                  <c:v>10645.8</c:v>
                </c:pt>
                <c:pt idx="12075">
                  <c:v>10613.5</c:v>
                </c:pt>
                <c:pt idx="12076">
                  <c:v>10573.1</c:v>
                </c:pt>
                <c:pt idx="12077">
                  <c:v>14537.9</c:v>
                </c:pt>
                <c:pt idx="12078">
                  <c:v>13626.4</c:v>
                </c:pt>
                <c:pt idx="12079">
                  <c:v>13401.7</c:v>
                </c:pt>
                <c:pt idx="12080">
                  <c:v>12872.2</c:v>
                </c:pt>
                <c:pt idx="12081">
                  <c:v>12827.4</c:v>
                </c:pt>
                <c:pt idx="12082">
                  <c:v>12573.3</c:v>
                </c:pt>
                <c:pt idx="12083">
                  <c:v>12395.8</c:v>
                </c:pt>
                <c:pt idx="12084">
                  <c:v>12331.1</c:v>
                </c:pt>
                <c:pt idx="12085">
                  <c:v>12147.5</c:v>
                </c:pt>
                <c:pt idx="12086">
                  <c:v>12071.2</c:v>
                </c:pt>
                <c:pt idx="12087">
                  <c:v>12044.7</c:v>
                </c:pt>
                <c:pt idx="12088">
                  <c:v>15965.9</c:v>
                </c:pt>
                <c:pt idx="12089">
                  <c:v>15119.7</c:v>
                </c:pt>
                <c:pt idx="12090">
                  <c:v>14798.4</c:v>
                </c:pt>
                <c:pt idx="12091">
                  <c:v>14398</c:v>
                </c:pt>
                <c:pt idx="12092">
                  <c:v>14232.9</c:v>
                </c:pt>
                <c:pt idx="12093">
                  <c:v>13975.4</c:v>
                </c:pt>
                <c:pt idx="12094">
                  <c:v>13882.6</c:v>
                </c:pt>
                <c:pt idx="12095">
                  <c:v>13779.9</c:v>
                </c:pt>
                <c:pt idx="12096">
                  <c:v>13618.1</c:v>
                </c:pt>
                <c:pt idx="12097">
                  <c:v>13580.7</c:v>
                </c:pt>
                <c:pt idx="12098">
                  <c:v>13510.2</c:v>
                </c:pt>
                <c:pt idx="12099">
                  <c:v>16312.8</c:v>
                </c:pt>
                <c:pt idx="12100">
                  <c:v>15925.1</c:v>
                </c:pt>
                <c:pt idx="12101">
                  <c:v>15672.5</c:v>
                </c:pt>
                <c:pt idx="12102">
                  <c:v>15552.6</c:v>
                </c:pt>
                <c:pt idx="12103">
                  <c:v>15433.3</c:v>
                </c:pt>
                <c:pt idx="12104">
                  <c:v>15230</c:v>
                </c:pt>
                <c:pt idx="12105">
                  <c:v>15072.3</c:v>
                </c:pt>
                <c:pt idx="12106">
                  <c:v>14866</c:v>
                </c:pt>
                <c:pt idx="12107">
                  <c:v>14784.4</c:v>
                </c:pt>
                <c:pt idx="12108">
                  <c:v>14787.8</c:v>
                </c:pt>
                <c:pt idx="12109">
                  <c:v>14783.8</c:v>
                </c:pt>
                <c:pt idx="12110">
                  <c:v>17665.2</c:v>
                </c:pt>
                <c:pt idx="12111">
                  <c:v>15925.1</c:v>
                </c:pt>
                <c:pt idx="12112">
                  <c:v>16549.400000000001</c:v>
                </c:pt>
                <c:pt idx="12113">
                  <c:v>15552.6</c:v>
                </c:pt>
                <c:pt idx="12114">
                  <c:v>16632.2</c:v>
                </c:pt>
                <c:pt idx="12115">
                  <c:v>15740.1</c:v>
                </c:pt>
                <c:pt idx="12116">
                  <c:v>15690.5</c:v>
                </c:pt>
                <c:pt idx="12117">
                  <c:v>16383.8</c:v>
                </c:pt>
                <c:pt idx="12118">
                  <c:v>15056.3</c:v>
                </c:pt>
                <c:pt idx="12119">
                  <c:v>14787.8</c:v>
                </c:pt>
                <c:pt idx="12120">
                  <c:v>14783.8</c:v>
                </c:pt>
                <c:pt idx="12121">
                  <c:v>17665.2</c:v>
                </c:pt>
                <c:pt idx="12122">
                  <c:v>15925.1</c:v>
                </c:pt>
                <c:pt idx="12123">
                  <c:v>16549.400000000001</c:v>
                </c:pt>
                <c:pt idx="12124">
                  <c:v>15552.6</c:v>
                </c:pt>
                <c:pt idx="12125">
                  <c:v>16632.2</c:v>
                </c:pt>
                <c:pt idx="12126">
                  <c:v>17079</c:v>
                </c:pt>
                <c:pt idx="12127">
                  <c:v>15690.5</c:v>
                </c:pt>
                <c:pt idx="12128">
                  <c:v>16383.8</c:v>
                </c:pt>
                <c:pt idx="12129">
                  <c:v>15056.3</c:v>
                </c:pt>
                <c:pt idx="12130">
                  <c:v>14787.8</c:v>
                </c:pt>
                <c:pt idx="12131">
                  <c:v>14783.8</c:v>
                </c:pt>
                <c:pt idx="12132">
                  <c:v>17665.2</c:v>
                </c:pt>
                <c:pt idx="12133">
                  <c:v>15925.1</c:v>
                </c:pt>
                <c:pt idx="12134">
                  <c:v>16549.400000000001</c:v>
                </c:pt>
                <c:pt idx="12135">
                  <c:v>15552.6</c:v>
                </c:pt>
                <c:pt idx="12136">
                  <c:v>16632.2</c:v>
                </c:pt>
                <c:pt idx="12137">
                  <c:v>17079</c:v>
                </c:pt>
                <c:pt idx="12138">
                  <c:v>15690.5</c:v>
                </c:pt>
                <c:pt idx="12139">
                  <c:v>16383.8</c:v>
                </c:pt>
                <c:pt idx="12140">
                  <c:v>15056.3</c:v>
                </c:pt>
                <c:pt idx="12141">
                  <c:v>14787.8</c:v>
                </c:pt>
                <c:pt idx="12142">
                  <c:v>14783.8</c:v>
                </c:pt>
                <c:pt idx="12143">
                  <c:v>5495.24</c:v>
                </c:pt>
                <c:pt idx="12144">
                  <c:v>4902.33</c:v>
                </c:pt>
                <c:pt idx="12145">
                  <c:v>4318.16</c:v>
                </c:pt>
                <c:pt idx="12146">
                  <c:v>4156.17</c:v>
                </c:pt>
                <c:pt idx="12147">
                  <c:v>3892.16</c:v>
                </c:pt>
                <c:pt idx="12148">
                  <c:v>3658.47</c:v>
                </c:pt>
                <c:pt idx="12149">
                  <c:v>3532.77</c:v>
                </c:pt>
                <c:pt idx="12150">
                  <c:v>3451.52</c:v>
                </c:pt>
                <c:pt idx="12151">
                  <c:v>3368.12</c:v>
                </c:pt>
                <c:pt idx="12152">
                  <c:v>3255.3</c:v>
                </c:pt>
                <c:pt idx="12153">
                  <c:v>3168.03</c:v>
                </c:pt>
                <c:pt idx="12154">
                  <c:v>6911.55</c:v>
                </c:pt>
                <c:pt idx="12155">
                  <c:v>6198.66</c:v>
                </c:pt>
                <c:pt idx="12156">
                  <c:v>5648.48</c:v>
                </c:pt>
                <c:pt idx="12157">
                  <c:v>5397.31</c:v>
                </c:pt>
                <c:pt idx="12158">
                  <c:v>5056.1099999999997</c:v>
                </c:pt>
                <c:pt idx="12159">
                  <c:v>5061.54</c:v>
                </c:pt>
                <c:pt idx="12160">
                  <c:v>4837.7700000000004</c:v>
                </c:pt>
                <c:pt idx="12161">
                  <c:v>4797.33</c:v>
                </c:pt>
                <c:pt idx="12162">
                  <c:v>4668.08</c:v>
                </c:pt>
                <c:pt idx="12163">
                  <c:v>4499.47</c:v>
                </c:pt>
                <c:pt idx="12164">
                  <c:v>4543.5</c:v>
                </c:pt>
                <c:pt idx="12165">
                  <c:v>8612.16</c:v>
                </c:pt>
                <c:pt idx="12166">
                  <c:v>7648.66</c:v>
                </c:pt>
                <c:pt idx="12167">
                  <c:v>7217.38</c:v>
                </c:pt>
                <c:pt idx="12168">
                  <c:v>6881.4</c:v>
                </c:pt>
                <c:pt idx="12169">
                  <c:v>6760.06</c:v>
                </c:pt>
                <c:pt idx="12170">
                  <c:v>6484.49</c:v>
                </c:pt>
                <c:pt idx="12171">
                  <c:v>6292.26</c:v>
                </c:pt>
                <c:pt idx="12172">
                  <c:v>6241.42</c:v>
                </c:pt>
                <c:pt idx="12173">
                  <c:v>6105.74</c:v>
                </c:pt>
                <c:pt idx="12174">
                  <c:v>6016.33</c:v>
                </c:pt>
                <c:pt idx="12175">
                  <c:v>5967.34</c:v>
                </c:pt>
                <c:pt idx="12176">
                  <c:v>9939.82</c:v>
                </c:pt>
                <c:pt idx="12177">
                  <c:v>9230.75</c:v>
                </c:pt>
                <c:pt idx="12178">
                  <c:v>8642.7099999999991</c:v>
                </c:pt>
                <c:pt idx="12179">
                  <c:v>8480.41</c:v>
                </c:pt>
                <c:pt idx="12180">
                  <c:v>8239.99</c:v>
                </c:pt>
                <c:pt idx="12181">
                  <c:v>8029.07</c:v>
                </c:pt>
                <c:pt idx="12182">
                  <c:v>7841.14</c:v>
                </c:pt>
                <c:pt idx="12183">
                  <c:v>7690.36</c:v>
                </c:pt>
                <c:pt idx="12184">
                  <c:v>7678.52</c:v>
                </c:pt>
                <c:pt idx="12185">
                  <c:v>7559.86</c:v>
                </c:pt>
                <c:pt idx="12186">
                  <c:v>7483.09</c:v>
                </c:pt>
                <c:pt idx="12187">
                  <c:v>11483</c:v>
                </c:pt>
                <c:pt idx="12188">
                  <c:v>10912.2</c:v>
                </c:pt>
                <c:pt idx="12189">
                  <c:v>10179.200000000001</c:v>
                </c:pt>
                <c:pt idx="12190">
                  <c:v>9919.08</c:v>
                </c:pt>
                <c:pt idx="12191">
                  <c:v>9766.83</c:v>
                </c:pt>
                <c:pt idx="12192">
                  <c:v>9532.14</c:v>
                </c:pt>
                <c:pt idx="12193">
                  <c:v>9310.67</c:v>
                </c:pt>
                <c:pt idx="12194">
                  <c:v>9182.7999999999993</c:v>
                </c:pt>
                <c:pt idx="12195">
                  <c:v>9142.76</c:v>
                </c:pt>
                <c:pt idx="12196">
                  <c:v>9116.48</c:v>
                </c:pt>
                <c:pt idx="12197">
                  <c:v>9057.17</c:v>
                </c:pt>
                <c:pt idx="12198">
                  <c:v>13055.6</c:v>
                </c:pt>
                <c:pt idx="12199">
                  <c:v>12181.8</c:v>
                </c:pt>
                <c:pt idx="12200">
                  <c:v>11865.9</c:v>
                </c:pt>
                <c:pt idx="12201">
                  <c:v>11423.5</c:v>
                </c:pt>
                <c:pt idx="12202">
                  <c:v>11354.3</c:v>
                </c:pt>
                <c:pt idx="12203">
                  <c:v>10962.1</c:v>
                </c:pt>
                <c:pt idx="12204">
                  <c:v>10877.6</c:v>
                </c:pt>
                <c:pt idx="12205">
                  <c:v>10744.5</c:v>
                </c:pt>
                <c:pt idx="12206">
                  <c:v>10610.8</c:v>
                </c:pt>
                <c:pt idx="12207">
                  <c:v>10583.8</c:v>
                </c:pt>
                <c:pt idx="12208">
                  <c:v>10541.8</c:v>
                </c:pt>
                <c:pt idx="12209">
                  <c:v>14537.9</c:v>
                </c:pt>
                <c:pt idx="12210">
                  <c:v>13626.4</c:v>
                </c:pt>
                <c:pt idx="12211">
                  <c:v>13418.3</c:v>
                </c:pt>
                <c:pt idx="12212">
                  <c:v>12872.2</c:v>
                </c:pt>
                <c:pt idx="12213">
                  <c:v>12827.4</c:v>
                </c:pt>
                <c:pt idx="12214">
                  <c:v>12582.1</c:v>
                </c:pt>
                <c:pt idx="12215">
                  <c:v>12398.5</c:v>
                </c:pt>
                <c:pt idx="12216">
                  <c:v>12331.1</c:v>
                </c:pt>
                <c:pt idx="12217">
                  <c:v>12258</c:v>
                </c:pt>
                <c:pt idx="12218">
                  <c:v>12081.4</c:v>
                </c:pt>
                <c:pt idx="12219">
                  <c:v>11998.4</c:v>
                </c:pt>
                <c:pt idx="12220">
                  <c:v>15921.4</c:v>
                </c:pt>
                <c:pt idx="12221">
                  <c:v>15119.7</c:v>
                </c:pt>
                <c:pt idx="12222">
                  <c:v>14798.4</c:v>
                </c:pt>
                <c:pt idx="12223">
                  <c:v>14344.5</c:v>
                </c:pt>
                <c:pt idx="12224">
                  <c:v>14232.9</c:v>
                </c:pt>
                <c:pt idx="12225">
                  <c:v>14100.1</c:v>
                </c:pt>
                <c:pt idx="12226">
                  <c:v>13882.6</c:v>
                </c:pt>
                <c:pt idx="12227">
                  <c:v>13779.9</c:v>
                </c:pt>
                <c:pt idx="12228">
                  <c:v>13749.7</c:v>
                </c:pt>
                <c:pt idx="12229">
                  <c:v>13632.7</c:v>
                </c:pt>
                <c:pt idx="12230">
                  <c:v>13512.3</c:v>
                </c:pt>
                <c:pt idx="12231">
                  <c:v>16312.8</c:v>
                </c:pt>
                <c:pt idx="12232">
                  <c:v>15925.1</c:v>
                </c:pt>
                <c:pt idx="12233">
                  <c:v>15672.5</c:v>
                </c:pt>
                <c:pt idx="12234">
                  <c:v>15552.6</c:v>
                </c:pt>
                <c:pt idx="12235">
                  <c:v>15431</c:v>
                </c:pt>
                <c:pt idx="12236">
                  <c:v>15199.6</c:v>
                </c:pt>
                <c:pt idx="12237">
                  <c:v>15072.3</c:v>
                </c:pt>
                <c:pt idx="12238">
                  <c:v>14804</c:v>
                </c:pt>
                <c:pt idx="12239">
                  <c:v>14990.2</c:v>
                </c:pt>
                <c:pt idx="12240">
                  <c:v>14787.8</c:v>
                </c:pt>
                <c:pt idx="12241">
                  <c:v>14783.8</c:v>
                </c:pt>
                <c:pt idx="12242">
                  <c:v>17665.2</c:v>
                </c:pt>
                <c:pt idx="12243">
                  <c:v>15925.1</c:v>
                </c:pt>
                <c:pt idx="12244">
                  <c:v>16549.400000000001</c:v>
                </c:pt>
                <c:pt idx="12245">
                  <c:v>15552.6</c:v>
                </c:pt>
                <c:pt idx="12246">
                  <c:v>16632.2</c:v>
                </c:pt>
                <c:pt idx="12247">
                  <c:v>15740.1</c:v>
                </c:pt>
                <c:pt idx="12248">
                  <c:v>15690.5</c:v>
                </c:pt>
                <c:pt idx="12249">
                  <c:v>16383.8</c:v>
                </c:pt>
                <c:pt idx="12250">
                  <c:v>15056.3</c:v>
                </c:pt>
                <c:pt idx="12251">
                  <c:v>14787.8</c:v>
                </c:pt>
                <c:pt idx="12252">
                  <c:v>14783.8</c:v>
                </c:pt>
                <c:pt idx="12253">
                  <c:v>17665.2</c:v>
                </c:pt>
                <c:pt idx="12254">
                  <c:v>15925.1</c:v>
                </c:pt>
                <c:pt idx="12255">
                  <c:v>16549.400000000001</c:v>
                </c:pt>
                <c:pt idx="12256">
                  <c:v>15552.6</c:v>
                </c:pt>
                <c:pt idx="12257">
                  <c:v>16632.2</c:v>
                </c:pt>
                <c:pt idx="12258">
                  <c:v>17079</c:v>
                </c:pt>
                <c:pt idx="12259">
                  <c:v>15690.5</c:v>
                </c:pt>
                <c:pt idx="12260">
                  <c:v>16383.8</c:v>
                </c:pt>
                <c:pt idx="12261">
                  <c:v>15056.3</c:v>
                </c:pt>
                <c:pt idx="12262">
                  <c:v>14787.8</c:v>
                </c:pt>
                <c:pt idx="12263">
                  <c:v>14783.8</c:v>
                </c:pt>
                <c:pt idx="12264">
                  <c:v>17665.2</c:v>
                </c:pt>
                <c:pt idx="12265">
                  <c:v>15925.1</c:v>
                </c:pt>
                <c:pt idx="12266">
                  <c:v>16549.400000000001</c:v>
                </c:pt>
                <c:pt idx="12267">
                  <c:v>15552.6</c:v>
                </c:pt>
                <c:pt idx="12268">
                  <c:v>16632.2</c:v>
                </c:pt>
                <c:pt idx="12269">
                  <c:v>17079</c:v>
                </c:pt>
                <c:pt idx="12270">
                  <c:v>15690.5</c:v>
                </c:pt>
                <c:pt idx="12271">
                  <c:v>16383.8</c:v>
                </c:pt>
                <c:pt idx="12272">
                  <c:v>15056.3</c:v>
                </c:pt>
                <c:pt idx="12273">
                  <c:v>14787.8</c:v>
                </c:pt>
                <c:pt idx="12274">
                  <c:v>14783.8</c:v>
                </c:pt>
                <c:pt idx="12275">
                  <c:v>5495.24</c:v>
                </c:pt>
                <c:pt idx="12276">
                  <c:v>4902.33</c:v>
                </c:pt>
                <c:pt idx="12277">
                  <c:v>4318.16</c:v>
                </c:pt>
                <c:pt idx="12278">
                  <c:v>4156.17</c:v>
                </c:pt>
                <c:pt idx="12279">
                  <c:v>3892.16</c:v>
                </c:pt>
                <c:pt idx="12280">
                  <c:v>3658.47</c:v>
                </c:pt>
                <c:pt idx="12281">
                  <c:v>3532.77</c:v>
                </c:pt>
                <c:pt idx="12282">
                  <c:v>3451.52</c:v>
                </c:pt>
                <c:pt idx="12283">
                  <c:v>3368.12</c:v>
                </c:pt>
                <c:pt idx="12284">
                  <c:v>3255.3</c:v>
                </c:pt>
                <c:pt idx="12285">
                  <c:v>3168.03</c:v>
                </c:pt>
                <c:pt idx="12286">
                  <c:v>6911.55</c:v>
                </c:pt>
                <c:pt idx="12287">
                  <c:v>6198.66</c:v>
                </c:pt>
                <c:pt idx="12288">
                  <c:v>5648.48</c:v>
                </c:pt>
                <c:pt idx="12289">
                  <c:v>5397.31</c:v>
                </c:pt>
                <c:pt idx="12290">
                  <c:v>5056.1099999999997</c:v>
                </c:pt>
                <c:pt idx="12291">
                  <c:v>5061.54</c:v>
                </c:pt>
                <c:pt idx="12292">
                  <c:v>4837.7700000000004</c:v>
                </c:pt>
                <c:pt idx="12293">
                  <c:v>4797.33</c:v>
                </c:pt>
                <c:pt idx="12294">
                  <c:v>4668.08</c:v>
                </c:pt>
                <c:pt idx="12295">
                  <c:v>4499.47</c:v>
                </c:pt>
                <c:pt idx="12296">
                  <c:v>4543.5</c:v>
                </c:pt>
                <c:pt idx="12297">
                  <c:v>8612.16</c:v>
                </c:pt>
                <c:pt idx="12298">
                  <c:v>7648.66</c:v>
                </c:pt>
                <c:pt idx="12299">
                  <c:v>7217.38</c:v>
                </c:pt>
                <c:pt idx="12300">
                  <c:v>6881.4</c:v>
                </c:pt>
                <c:pt idx="12301">
                  <c:v>6760.06</c:v>
                </c:pt>
                <c:pt idx="12302">
                  <c:v>6484.49</c:v>
                </c:pt>
                <c:pt idx="12303">
                  <c:v>6292.26</c:v>
                </c:pt>
                <c:pt idx="12304">
                  <c:v>6241.42</c:v>
                </c:pt>
                <c:pt idx="12305">
                  <c:v>6105.74</c:v>
                </c:pt>
                <c:pt idx="12306">
                  <c:v>6016.33</c:v>
                </c:pt>
                <c:pt idx="12307">
                  <c:v>5967.34</c:v>
                </c:pt>
                <c:pt idx="12308">
                  <c:v>9939.82</c:v>
                </c:pt>
                <c:pt idx="12309">
                  <c:v>9230.75</c:v>
                </c:pt>
                <c:pt idx="12310">
                  <c:v>8642.7099999999991</c:v>
                </c:pt>
                <c:pt idx="12311">
                  <c:v>8480.41</c:v>
                </c:pt>
                <c:pt idx="12312">
                  <c:v>8239.99</c:v>
                </c:pt>
                <c:pt idx="12313">
                  <c:v>8029.07</c:v>
                </c:pt>
                <c:pt idx="12314">
                  <c:v>7841.14</c:v>
                </c:pt>
                <c:pt idx="12315">
                  <c:v>7660.39</c:v>
                </c:pt>
                <c:pt idx="12316">
                  <c:v>7678.52</c:v>
                </c:pt>
                <c:pt idx="12317">
                  <c:v>7559.86</c:v>
                </c:pt>
                <c:pt idx="12318">
                  <c:v>7483.09</c:v>
                </c:pt>
                <c:pt idx="12319">
                  <c:v>11483</c:v>
                </c:pt>
                <c:pt idx="12320">
                  <c:v>10912.2</c:v>
                </c:pt>
                <c:pt idx="12321">
                  <c:v>10179.200000000001</c:v>
                </c:pt>
                <c:pt idx="12322">
                  <c:v>9919.08</c:v>
                </c:pt>
                <c:pt idx="12323">
                  <c:v>9766.83</c:v>
                </c:pt>
                <c:pt idx="12324">
                  <c:v>9496.14</c:v>
                </c:pt>
                <c:pt idx="12325">
                  <c:v>9310.67</c:v>
                </c:pt>
                <c:pt idx="12326">
                  <c:v>9182.7999999999993</c:v>
                </c:pt>
                <c:pt idx="12327">
                  <c:v>9145.14</c:v>
                </c:pt>
                <c:pt idx="12328">
                  <c:v>9158.5</c:v>
                </c:pt>
                <c:pt idx="12329">
                  <c:v>9059.19</c:v>
                </c:pt>
                <c:pt idx="12330">
                  <c:v>13055.6</c:v>
                </c:pt>
                <c:pt idx="12331">
                  <c:v>12181.8</c:v>
                </c:pt>
                <c:pt idx="12332">
                  <c:v>11865.9</c:v>
                </c:pt>
                <c:pt idx="12333">
                  <c:v>11423.5</c:v>
                </c:pt>
                <c:pt idx="12334">
                  <c:v>11354.3</c:v>
                </c:pt>
                <c:pt idx="12335">
                  <c:v>10962.1</c:v>
                </c:pt>
                <c:pt idx="12336">
                  <c:v>10877.6</c:v>
                </c:pt>
                <c:pt idx="12337">
                  <c:v>10744.5</c:v>
                </c:pt>
                <c:pt idx="12338">
                  <c:v>10735.5</c:v>
                </c:pt>
                <c:pt idx="12339">
                  <c:v>10652.6</c:v>
                </c:pt>
                <c:pt idx="12340">
                  <c:v>10516.7</c:v>
                </c:pt>
                <c:pt idx="12341">
                  <c:v>14537.9</c:v>
                </c:pt>
                <c:pt idx="12342">
                  <c:v>13626.4</c:v>
                </c:pt>
                <c:pt idx="12343">
                  <c:v>13365.7</c:v>
                </c:pt>
                <c:pt idx="12344">
                  <c:v>12872.2</c:v>
                </c:pt>
                <c:pt idx="12345">
                  <c:v>12827.4</c:v>
                </c:pt>
                <c:pt idx="12346">
                  <c:v>12582.1</c:v>
                </c:pt>
                <c:pt idx="12347">
                  <c:v>12400.9</c:v>
                </c:pt>
                <c:pt idx="12348">
                  <c:v>12331.1</c:v>
                </c:pt>
                <c:pt idx="12349">
                  <c:v>12226.4</c:v>
                </c:pt>
                <c:pt idx="12350">
                  <c:v>12054.8</c:v>
                </c:pt>
                <c:pt idx="12351">
                  <c:v>12008.8</c:v>
                </c:pt>
                <c:pt idx="12352">
                  <c:v>15920.6</c:v>
                </c:pt>
                <c:pt idx="12353">
                  <c:v>15119.7</c:v>
                </c:pt>
                <c:pt idx="12354">
                  <c:v>14798.4</c:v>
                </c:pt>
                <c:pt idx="12355">
                  <c:v>14299.9</c:v>
                </c:pt>
                <c:pt idx="12356">
                  <c:v>14232.9</c:v>
                </c:pt>
                <c:pt idx="12357">
                  <c:v>14119.8</c:v>
                </c:pt>
                <c:pt idx="12358">
                  <c:v>13882.6</c:v>
                </c:pt>
                <c:pt idx="12359">
                  <c:v>13779.9</c:v>
                </c:pt>
                <c:pt idx="12360">
                  <c:v>13713.6</c:v>
                </c:pt>
                <c:pt idx="12361">
                  <c:v>13590.3</c:v>
                </c:pt>
                <c:pt idx="12362">
                  <c:v>13565.4</c:v>
                </c:pt>
                <c:pt idx="12363">
                  <c:v>16312.8</c:v>
                </c:pt>
                <c:pt idx="12364">
                  <c:v>15925.1</c:v>
                </c:pt>
                <c:pt idx="12365">
                  <c:v>15672.5</c:v>
                </c:pt>
                <c:pt idx="12366">
                  <c:v>15552.6</c:v>
                </c:pt>
                <c:pt idx="12367">
                  <c:v>15453.9</c:v>
                </c:pt>
                <c:pt idx="12368">
                  <c:v>15174</c:v>
                </c:pt>
                <c:pt idx="12369">
                  <c:v>15072.3</c:v>
                </c:pt>
                <c:pt idx="12370">
                  <c:v>14751.6</c:v>
                </c:pt>
                <c:pt idx="12371">
                  <c:v>14979.5</c:v>
                </c:pt>
                <c:pt idx="12372">
                  <c:v>14787.8</c:v>
                </c:pt>
                <c:pt idx="12373">
                  <c:v>14783.8</c:v>
                </c:pt>
                <c:pt idx="12374">
                  <c:v>17665.2</c:v>
                </c:pt>
                <c:pt idx="12375">
                  <c:v>15925.1</c:v>
                </c:pt>
                <c:pt idx="12376">
                  <c:v>16549.400000000001</c:v>
                </c:pt>
                <c:pt idx="12377">
                  <c:v>15552.6</c:v>
                </c:pt>
                <c:pt idx="12378">
                  <c:v>16632.2</c:v>
                </c:pt>
                <c:pt idx="12379">
                  <c:v>15740.1</c:v>
                </c:pt>
                <c:pt idx="12380">
                  <c:v>15690.5</c:v>
                </c:pt>
                <c:pt idx="12381">
                  <c:v>16383.8</c:v>
                </c:pt>
                <c:pt idx="12382">
                  <c:v>15056.3</c:v>
                </c:pt>
                <c:pt idx="12383">
                  <c:v>14787.8</c:v>
                </c:pt>
                <c:pt idx="12384">
                  <c:v>14783.8</c:v>
                </c:pt>
                <c:pt idx="12385">
                  <c:v>17665.2</c:v>
                </c:pt>
                <c:pt idx="12386">
                  <c:v>15925.1</c:v>
                </c:pt>
                <c:pt idx="12387">
                  <c:v>16549.400000000001</c:v>
                </c:pt>
                <c:pt idx="12388">
                  <c:v>15552.6</c:v>
                </c:pt>
                <c:pt idx="12389">
                  <c:v>16632.2</c:v>
                </c:pt>
                <c:pt idx="12390">
                  <c:v>17079</c:v>
                </c:pt>
                <c:pt idx="12391">
                  <c:v>15690.5</c:v>
                </c:pt>
                <c:pt idx="12392">
                  <c:v>16383.8</c:v>
                </c:pt>
                <c:pt idx="12393">
                  <c:v>15056.3</c:v>
                </c:pt>
                <c:pt idx="12394">
                  <c:v>14787.8</c:v>
                </c:pt>
                <c:pt idx="12395">
                  <c:v>14783.8</c:v>
                </c:pt>
                <c:pt idx="12396">
                  <c:v>17665.2</c:v>
                </c:pt>
                <c:pt idx="12397">
                  <c:v>15925.1</c:v>
                </c:pt>
                <c:pt idx="12398">
                  <c:v>16549.400000000001</c:v>
                </c:pt>
                <c:pt idx="12399">
                  <c:v>15552.6</c:v>
                </c:pt>
                <c:pt idx="12400">
                  <c:v>16632.2</c:v>
                </c:pt>
                <c:pt idx="12401">
                  <c:v>17079</c:v>
                </c:pt>
                <c:pt idx="12402">
                  <c:v>15690.5</c:v>
                </c:pt>
                <c:pt idx="12403">
                  <c:v>16383.8</c:v>
                </c:pt>
                <c:pt idx="12404">
                  <c:v>15056.3</c:v>
                </c:pt>
                <c:pt idx="12405">
                  <c:v>14787.8</c:v>
                </c:pt>
                <c:pt idx="12406">
                  <c:v>14783.8</c:v>
                </c:pt>
                <c:pt idx="12407">
                  <c:v>5495.24</c:v>
                </c:pt>
                <c:pt idx="12408">
                  <c:v>4902.33</c:v>
                </c:pt>
                <c:pt idx="12409">
                  <c:v>4318.16</c:v>
                </c:pt>
                <c:pt idx="12410">
                  <c:v>4156.17</c:v>
                </c:pt>
                <c:pt idx="12411">
                  <c:v>3892.16</c:v>
                </c:pt>
                <c:pt idx="12412">
                  <c:v>3658.47</c:v>
                </c:pt>
                <c:pt idx="12413">
                  <c:v>3532.77</c:v>
                </c:pt>
                <c:pt idx="12414">
                  <c:v>3451.52</c:v>
                </c:pt>
                <c:pt idx="12415">
                  <c:v>3368.12</c:v>
                </c:pt>
                <c:pt idx="12416">
                  <c:v>3255.3</c:v>
                </c:pt>
                <c:pt idx="12417">
                  <c:v>3168.03</c:v>
                </c:pt>
                <c:pt idx="12418">
                  <c:v>6911.55</c:v>
                </c:pt>
                <c:pt idx="12419">
                  <c:v>6198.66</c:v>
                </c:pt>
                <c:pt idx="12420">
                  <c:v>5648.48</c:v>
                </c:pt>
                <c:pt idx="12421">
                  <c:v>5397.31</c:v>
                </c:pt>
                <c:pt idx="12422">
                  <c:v>5056.1099999999997</c:v>
                </c:pt>
                <c:pt idx="12423">
                  <c:v>5061.54</c:v>
                </c:pt>
                <c:pt idx="12424">
                  <c:v>4837.7700000000004</c:v>
                </c:pt>
                <c:pt idx="12425">
                  <c:v>4797.33</c:v>
                </c:pt>
                <c:pt idx="12426">
                  <c:v>4668.08</c:v>
                </c:pt>
                <c:pt idx="12427">
                  <c:v>4499.47</c:v>
                </c:pt>
                <c:pt idx="12428">
                  <c:v>4543.5</c:v>
                </c:pt>
                <c:pt idx="12429">
                  <c:v>8612.16</c:v>
                </c:pt>
                <c:pt idx="12430">
                  <c:v>7648.66</c:v>
                </c:pt>
                <c:pt idx="12431">
                  <c:v>7217.38</c:v>
                </c:pt>
                <c:pt idx="12432">
                  <c:v>6881.4</c:v>
                </c:pt>
                <c:pt idx="12433">
                  <c:v>6760.06</c:v>
                </c:pt>
                <c:pt idx="12434">
                  <c:v>6484.49</c:v>
                </c:pt>
                <c:pt idx="12435">
                  <c:v>6292.26</c:v>
                </c:pt>
                <c:pt idx="12436">
                  <c:v>6241.42</c:v>
                </c:pt>
                <c:pt idx="12437">
                  <c:v>6105.74</c:v>
                </c:pt>
                <c:pt idx="12438">
                  <c:v>6016.33</c:v>
                </c:pt>
                <c:pt idx="12439">
                  <c:v>5967.34</c:v>
                </c:pt>
                <c:pt idx="12440">
                  <c:v>9939.82</c:v>
                </c:pt>
                <c:pt idx="12441">
                  <c:v>9230.75</c:v>
                </c:pt>
                <c:pt idx="12442">
                  <c:v>8642.7099999999991</c:v>
                </c:pt>
                <c:pt idx="12443">
                  <c:v>8480.41</c:v>
                </c:pt>
                <c:pt idx="12444">
                  <c:v>8239.99</c:v>
                </c:pt>
                <c:pt idx="12445">
                  <c:v>8029.07</c:v>
                </c:pt>
                <c:pt idx="12446">
                  <c:v>7841.14</c:v>
                </c:pt>
                <c:pt idx="12447">
                  <c:v>7803.45</c:v>
                </c:pt>
                <c:pt idx="12448">
                  <c:v>7678.52</c:v>
                </c:pt>
                <c:pt idx="12449">
                  <c:v>7559.86</c:v>
                </c:pt>
                <c:pt idx="12450">
                  <c:v>7483.09</c:v>
                </c:pt>
                <c:pt idx="12451">
                  <c:v>11483</c:v>
                </c:pt>
                <c:pt idx="12452">
                  <c:v>10912.2</c:v>
                </c:pt>
                <c:pt idx="12453">
                  <c:v>10179.200000000001</c:v>
                </c:pt>
                <c:pt idx="12454">
                  <c:v>9919.08</c:v>
                </c:pt>
                <c:pt idx="12455">
                  <c:v>9766.83</c:v>
                </c:pt>
                <c:pt idx="12456">
                  <c:v>9466.1299999999992</c:v>
                </c:pt>
                <c:pt idx="12457">
                  <c:v>9310.67</c:v>
                </c:pt>
                <c:pt idx="12458">
                  <c:v>9182.7999999999993</c:v>
                </c:pt>
                <c:pt idx="12459">
                  <c:v>9166.6200000000008</c:v>
                </c:pt>
                <c:pt idx="12460">
                  <c:v>9041.32</c:v>
                </c:pt>
                <c:pt idx="12461">
                  <c:v>9061.1299999999992</c:v>
                </c:pt>
                <c:pt idx="12462">
                  <c:v>13055.6</c:v>
                </c:pt>
                <c:pt idx="12463">
                  <c:v>12181.8</c:v>
                </c:pt>
                <c:pt idx="12464">
                  <c:v>11865.9</c:v>
                </c:pt>
                <c:pt idx="12465">
                  <c:v>11423.5</c:v>
                </c:pt>
                <c:pt idx="12466">
                  <c:v>11354.3</c:v>
                </c:pt>
                <c:pt idx="12467">
                  <c:v>10962.1</c:v>
                </c:pt>
                <c:pt idx="12468">
                  <c:v>10877.6</c:v>
                </c:pt>
                <c:pt idx="12469">
                  <c:v>10744.5</c:v>
                </c:pt>
                <c:pt idx="12470">
                  <c:v>10714.4</c:v>
                </c:pt>
                <c:pt idx="12471">
                  <c:v>10671.4</c:v>
                </c:pt>
                <c:pt idx="12472">
                  <c:v>10569</c:v>
                </c:pt>
                <c:pt idx="12473">
                  <c:v>14537.9</c:v>
                </c:pt>
                <c:pt idx="12474">
                  <c:v>13626.4</c:v>
                </c:pt>
                <c:pt idx="12475">
                  <c:v>13321.7</c:v>
                </c:pt>
                <c:pt idx="12476">
                  <c:v>12872.2</c:v>
                </c:pt>
                <c:pt idx="12477">
                  <c:v>12827.4</c:v>
                </c:pt>
                <c:pt idx="12478">
                  <c:v>12582.1</c:v>
                </c:pt>
                <c:pt idx="12479">
                  <c:v>12403.3</c:v>
                </c:pt>
                <c:pt idx="12480">
                  <c:v>12331.1</c:v>
                </c:pt>
                <c:pt idx="12481">
                  <c:v>12170</c:v>
                </c:pt>
                <c:pt idx="12482">
                  <c:v>12072.4</c:v>
                </c:pt>
                <c:pt idx="12483">
                  <c:v>12116.2</c:v>
                </c:pt>
                <c:pt idx="12484">
                  <c:v>15920.6</c:v>
                </c:pt>
                <c:pt idx="12485">
                  <c:v>15119.7</c:v>
                </c:pt>
                <c:pt idx="12486">
                  <c:v>14798.4</c:v>
                </c:pt>
                <c:pt idx="12487">
                  <c:v>14483.4</c:v>
                </c:pt>
                <c:pt idx="12488">
                  <c:v>14232.9</c:v>
                </c:pt>
                <c:pt idx="12489">
                  <c:v>13954.2</c:v>
                </c:pt>
                <c:pt idx="12490">
                  <c:v>13882.6</c:v>
                </c:pt>
                <c:pt idx="12491">
                  <c:v>13779.9</c:v>
                </c:pt>
                <c:pt idx="12492">
                  <c:v>13722.8</c:v>
                </c:pt>
                <c:pt idx="12493">
                  <c:v>13554.6</c:v>
                </c:pt>
                <c:pt idx="12494">
                  <c:v>13529.1</c:v>
                </c:pt>
                <c:pt idx="12495">
                  <c:v>16312.8</c:v>
                </c:pt>
                <c:pt idx="12496">
                  <c:v>15925.1</c:v>
                </c:pt>
                <c:pt idx="12497">
                  <c:v>15672.5</c:v>
                </c:pt>
                <c:pt idx="12498">
                  <c:v>15552.6</c:v>
                </c:pt>
                <c:pt idx="12499">
                  <c:v>15399.9</c:v>
                </c:pt>
                <c:pt idx="12500">
                  <c:v>15152</c:v>
                </c:pt>
                <c:pt idx="12501">
                  <c:v>15072.3</c:v>
                </c:pt>
                <c:pt idx="12502">
                  <c:v>14706.6</c:v>
                </c:pt>
                <c:pt idx="12503">
                  <c:v>14979.5</c:v>
                </c:pt>
                <c:pt idx="12504">
                  <c:v>14787.8</c:v>
                </c:pt>
                <c:pt idx="12505">
                  <c:v>14783.8</c:v>
                </c:pt>
                <c:pt idx="12506">
                  <c:v>17665.2</c:v>
                </c:pt>
                <c:pt idx="12507">
                  <c:v>15925.1</c:v>
                </c:pt>
                <c:pt idx="12508">
                  <c:v>16549.400000000001</c:v>
                </c:pt>
                <c:pt idx="12509">
                  <c:v>15552.6</c:v>
                </c:pt>
                <c:pt idx="12510">
                  <c:v>16632.2</c:v>
                </c:pt>
                <c:pt idx="12511">
                  <c:v>15740.1</c:v>
                </c:pt>
                <c:pt idx="12512">
                  <c:v>15690.5</c:v>
                </c:pt>
                <c:pt idx="12513">
                  <c:v>16383.8</c:v>
                </c:pt>
                <c:pt idx="12514">
                  <c:v>15056.3</c:v>
                </c:pt>
                <c:pt idx="12515">
                  <c:v>14787.8</c:v>
                </c:pt>
                <c:pt idx="12516">
                  <c:v>14783.8</c:v>
                </c:pt>
                <c:pt idx="12517">
                  <c:v>17665.2</c:v>
                </c:pt>
                <c:pt idx="12518">
                  <c:v>15925.1</c:v>
                </c:pt>
                <c:pt idx="12519">
                  <c:v>16549.400000000001</c:v>
                </c:pt>
                <c:pt idx="12520">
                  <c:v>15552.6</c:v>
                </c:pt>
                <c:pt idx="12521">
                  <c:v>16632.2</c:v>
                </c:pt>
                <c:pt idx="12522">
                  <c:v>17079</c:v>
                </c:pt>
                <c:pt idx="12523">
                  <c:v>15690.5</c:v>
                </c:pt>
                <c:pt idx="12524">
                  <c:v>16383.8</c:v>
                </c:pt>
                <c:pt idx="12525">
                  <c:v>15056.3</c:v>
                </c:pt>
                <c:pt idx="12526">
                  <c:v>14787.8</c:v>
                </c:pt>
                <c:pt idx="12527">
                  <c:v>14783.8</c:v>
                </c:pt>
                <c:pt idx="12528">
                  <c:v>17665.2</c:v>
                </c:pt>
                <c:pt idx="12529">
                  <c:v>15925.1</c:v>
                </c:pt>
                <c:pt idx="12530">
                  <c:v>16549.400000000001</c:v>
                </c:pt>
                <c:pt idx="12531">
                  <c:v>15552.6</c:v>
                </c:pt>
                <c:pt idx="12532">
                  <c:v>16632.2</c:v>
                </c:pt>
                <c:pt idx="12533">
                  <c:v>17079</c:v>
                </c:pt>
                <c:pt idx="12534">
                  <c:v>15690.5</c:v>
                </c:pt>
                <c:pt idx="12535">
                  <c:v>16383.8</c:v>
                </c:pt>
                <c:pt idx="12536">
                  <c:v>15056.3</c:v>
                </c:pt>
                <c:pt idx="12537">
                  <c:v>14787.8</c:v>
                </c:pt>
                <c:pt idx="12538">
                  <c:v>14783.8</c:v>
                </c:pt>
                <c:pt idx="12539">
                  <c:v>5495.24</c:v>
                </c:pt>
                <c:pt idx="12540">
                  <c:v>4902.33</c:v>
                </c:pt>
                <c:pt idx="12541">
                  <c:v>4318.16</c:v>
                </c:pt>
                <c:pt idx="12542">
                  <c:v>4156.17</c:v>
                </c:pt>
                <c:pt idx="12543">
                  <c:v>3892.16</c:v>
                </c:pt>
                <c:pt idx="12544">
                  <c:v>3658.47</c:v>
                </c:pt>
                <c:pt idx="12545">
                  <c:v>3532.77</c:v>
                </c:pt>
                <c:pt idx="12546">
                  <c:v>3451.52</c:v>
                </c:pt>
                <c:pt idx="12547">
                  <c:v>3368.12</c:v>
                </c:pt>
                <c:pt idx="12548">
                  <c:v>3255.3</c:v>
                </c:pt>
                <c:pt idx="12549">
                  <c:v>3168.03</c:v>
                </c:pt>
                <c:pt idx="12550">
                  <c:v>6911.55</c:v>
                </c:pt>
                <c:pt idx="12551">
                  <c:v>6198.66</c:v>
                </c:pt>
                <c:pt idx="12552">
                  <c:v>5648.48</c:v>
                </c:pt>
                <c:pt idx="12553">
                  <c:v>5397.31</c:v>
                </c:pt>
                <c:pt idx="12554">
                  <c:v>5056.1099999999997</c:v>
                </c:pt>
                <c:pt idx="12555">
                  <c:v>5061.54</c:v>
                </c:pt>
                <c:pt idx="12556">
                  <c:v>4837.7700000000004</c:v>
                </c:pt>
                <c:pt idx="12557">
                  <c:v>4797.33</c:v>
                </c:pt>
                <c:pt idx="12558">
                  <c:v>4668.08</c:v>
                </c:pt>
                <c:pt idx="12559">
                  <c:v>4499.47</c:v>
                </c:pt>
                <c:pt idx="12560">
                  <c:v>4543.5</c:v>
                </c:pt>
                <c:pt idx="12561">
                  <c:v>8612.16</c:v>
                </c:pt>
                <c:pt idx="12562">
                  <c:v>7648.66</c:v>
                </c:pt>
                <c:pt idx="12563">
                  <c:v>7217.38</c:v>
                </c:pt>
                <c:pt idx="12564">
                  <c:v>6881.4</c:v>
                </c:pt>
                <c:pt idx="12565">
                  <c:v>6760.06</c:v>
                </c:pt>
                <c:pt idx="12566">
                  <c:v>6484.49</c:v>
                </c:pt>
                <c:pt idx="12567">
                  <c:v>6292.26</c:v>
                </c:pt>
                <c:pt idx="12568">
                  <c:v>6241.42</c:v>
                </c:pt>
                <c:pt idx="12569">
                  <c:v>6105.74</c:v>
                </c:pt>
                <c:pt idx="12570">
                  <c:v>6016.33</c:v>
                </c:pt>
                <c:pt idx="12571">
                  <c:v>5967.34</c:v>
                </c:pt>
                <c:pt idx="12572">
                  <c:v>9939.82</c:v>
                </c:pt>
                <c:pt idx="12573">
                  <c:v>9230.75</c:v>
                </c:pt>
                <c:pt idx="12574">
                  <c:v>8642.7099999999991</c:v>
                </c:pt>
                <c:pt idx="12575">
                  <c:v>8480.41</c:v>
                </c:pt>
                <c:pt idx="12576">
                  <c:v>8239.99</c:v>
                </c:pt>
                <c:pt idx="12577">
                  <c:v>8029.07</c:v>
                </c:pt>
                <c:pt idx="12578">
                  <c:v>7841.14</c:v>
                </c:pt>
                <c:pt idx="12579">
                  <c:v>7773.66</c:v>
                </c:pt>
                <c:pt idx="12580">
                  <c:v>7678.52</c:v>
                </c:pt>
                <c:pt idx="12581">
                  <c:v>7559.86</c:v>
                </c:pt>
                <c:pt idx="12582">
                  <c:v>7483.09</c:v>
                </c:pt>
                <c:pt idx="12583">
                  <c:v>11483</c:v>
                </c:pt>
                <c:pt idx="12584">
                  <c:v>10912.2</c:v>
                </c:pt>
                <c:pt idx="12585">
                  <c:v>10179.200000000001</c:v>
                </c:pt>
                <c:pt idx="12586">
                  <c:v>9919.08</c:v>
                </c:pt>
                <c:pt idx="12587">
                  <c:v>9766.83</c:v>
                </c:pt>
                <c:pt idx="12588">
                  <c:v>9456.98</c:v>
                </c:pt>
                <c:pt idx="12589">
                  <c:v>9310.67</c:v>
                </c:pt>
                <c:pt idx="12590">
                  <c:v>9182.7999999999993</c:v>
                </c:pt>
                <c:pt idx="12591">
                  <c:v>9180.5</c:v>
                </c:pt>
                <c:pt idx="12592">
                  <c:v>9132.0400000000009</c:v>
                </c:pt>
                <c:pt idx="12593">
                  <c:v>8979.7900000000009</c:v>
                </c:pt>
                <c:pt idx="12594">
                  <c:v>13055.6</c:v>
                </c:pt>
                <c:pt idx="12595">
                  <c:v>12181.8</c:v>
                </c:pt>
                <c:pt idx="12596">
                  <c:v>11865.9</c:v>
                </c:pt>
                <c:pt idx="12597">
                  <c:v>11423.5</c:v>
                </c:pt>
                <c:pt idx="12598">
                  <c:v>11354.3</c:v>
                </c:pt>
                <c:pt idx="12599">
                  <c:v>10962.1</c:v>
                </c:pt>
                <c:pt idx="12600">
                  <c:v>10877.6</c:v>
                </c:pt>
                <c:pt idx="12601">
                  <c:v>10744.5</c:v>
                </c:pt>
                <c:pt idx="12602">
                  <c:v>10658.2</c:v>
                </c:pt>
                <c:pt idx="12603">
                  <c:v>10545.6</c:v>
                </c:pt>
                <c:pt idx="12604">
                  <c:v>10578.4</c:v>
                </c:pt>
                <c:pt idx="12605">
                  <c:v>14537.9</c:v>
                </c:pt>
                <c:pt idx="12606">
                  <c:v>13626.4</c:v>
                </c:pt>
                <c:pt idx="12607">
                  <c:v>13316.1</c:v>
                </c:pt>
                <c:pt idx="12608">
                  <c:v>12872.2</c:v>
                </c:pt>
                <c:pt idx="12609">
                  <c:v>12827.4</c:v>
                </c:pt>
                <c:pt idx="12610">
                  <c:v>12582.1</c:v>
                </c:pt>
                <c:pt idx="12611">
                  <c:v>12405.6</c:v>
                </c:pt>
                <c:pt idx="12612">
                  <c:v>12331.1</c:v>
                </c:pt>
                <c:pt idx="12613">
                  <c:v>12181.1</c:v>
                </c:pt>
                <c:pt idx="12614">
                  <c:v>12171.3</c:v>
                </c:pt>
                <c:pt idx="12615">
                  <c:v>12004.3</c:v>
                </c:pt>
                <c:pt idx="12616">
                  <c:v>15920.6</c:v>
                </c:pt>
                <c:pt idx="12617">
                  <c:v>15119.7</c:v>
                </c:pt>
                <c:pt idx="12618">
                  <c:v>14798.4</c:v>
                </c:pt>
                <c:pt idx="12619">
                  <c:v>14469.7</c:v>
                </c:pt>
                <c:pt idx="12620">
                  <c:v>14232.9</c:v>
                </c:pt>
                <c:pt idx="12621">
                  <c:v>14089.2</c:v>
                </c:pt>
                <c:pt idx="12622">
                  <c:v>13882.6</c:v>
                </c:pt>
                <c:pt idx="12623">
                  <c:v>13779.9</c:v>
                </c:pt>
                <c:pt idx="12624">
                  <c:v>13703</c:v>
                </c:pt>
                <c:pt idx="12625">
                  <c:v>13667.8</c:v>
                </c:pt>
                <c:pt idx="12626">
                  <c:v>13498.1</c:v>
                </c:pt>
                <c:pt idx="12627">
                  <c:v>16312.8</c:v>
                </c:pt>
                <c:pt idx="12628">
                  <c:v>15925.1</c:v>
                </c:pt>
                <c:pt idx="12629">
                  <c:v>15672.5</c:v>
                </c:pt>
                <c:pt idx="12630">
                  <c:v>15552.6</c:v>
                </c:pt>
                <c:pt idx="12631">
                  <c:v>15399.9</c:v>
                </c:pt>
                <c:pt idx="12632">
                  <c:v>15312.2</c:v>
                </c:pt>
                <c:pt idx="12633">
                  <c:v>15072.3</c:v>
                </c:pt>
                <c:pt idx="12634">
                  <c:v>14667.6</c:v>
                </c:pt>
                <c:pt idx="12635">
                  <c:v>14979.5</c:v>
                </c:pt>
                <c:pt idx="12636">
                  <c:v>14787.8</c:v>
                </c:pt>
                <c:pt idx="12637">
                  <c:v>14783.8</c:v>
                </c:pt>
                <c:pt idx="12638">
                  <c:v>17665.2</c:v>
                </c:pt>
                <c:pt idx="12639">
                  <c:v>15925.1</c:v>
                </c:pt>
                <c:pt idx="12640">
                  <c:v>16549.400000000001</c:v>
                </c:pt>
                <c:pt idx="12641">
                  <c:v>15552.6</c:v>
                </c:pt>
                <c:pt idx="12642">
                  <c:v>16632.2</c:v>
                </c:pt>
                <c:pt idx="12643">
                  <c:v>15740.1</c:v>
                </c:pt>
                <c:pt idx="12644">
                  <c:v>15690.5</c:v>
                </c:pt>
                <c:pt idx="12645">
                  <c:v>16383.8</c:v>
                </c:pt>
                <c:pt idx="12646">
                  <c:v>15056.3</c:v>
                </c:pt>
                <c:pt idx="12647">
                  <c:v>14787.8</c:v>
                </c:pt>
                <c:pt idx="12648">
                  <c:v>14783.8</c:v>
                </c:pt>
                <c:pt idx="12649">
                  <c:v>17665.2</c:v>
                </c:pt>
                <c:pt idx="12650">
                  <c:v>15925.1</c:v>
                </c:pt>
                <c:pt idx="12651">
                  <c:v>16549.400000000001</c:v>
                </c:pt>
                <c:pt idx="12652">
                  <c:v>15552.6</c:v>
                </c:pt>
                <c:pt idx="12653">
                  <c:v>16632.2</c:v>
                </c:pt>
                <c:pt idx="12654">
                  <c:v>17079</c:v>
                </c:pt>
                <c:pt idx="12655">
                  <c:v>15690.5</c:v>
                </c:pt>
                <c:pt idx="12656">
                  <c:v>16383.8</c:v>
                </c:pt>
                <c:pt idx="12657">
                  <c:v>15056.3</c:v>
                </c:pt>
                <c:pt idx="12658">
                  <c:v>14787.8</c:v>
                </c:pt>
                <c:pt idx="12659">
                  <c:v>14783.8</c:v>
                </c:pt>
                <c:pt idx="12660">
                  <c:v>17665.2</c:v>
                </c:pt>
                <c:pt idx="12661">
                  <c:v>15925.1</c:v>
                </c:pt>
                <c:pt idx="12662">
                  <c:v>16549.400000000001</c:v>
                </c:pt>
                <c:pt idx="12663">
                  <c:v>15552.6</c:v>
                </c:pt>
                <c:pt idx="12664">
                  <c:v>16632.2</c:v>
                </c:pt>
                <c:pt idx="12665">
                  <c:v>17079</c:v>
                </c:pt>
                <c:pt idx="12666">
                  <c:v>15690.5</c:v>
                </c:pt>
                <c:pt idx="12667">
                  <c:v>16383.8</c:v>
                </c:pt>
                <c:pt idx="12668">
                  <c:v>15056.3</c:v>
                </c:pt>
                <c:pt idx="12669">
                  <c:v>14787.8</c:v>
                </c:pt>
                <c:pt idx="12670">
                  <c:v>14783.8</c:v>
                </c:pt>
                <c:pt idx="12671">
                  <c:v>5333.32</c:v>
                </c:pt>
                <c:pt idx="12672">
                  <c:v>4773.22</c:v>
                </c:pt>
                <c:pt idx="12673">
                  <c:v>4372.8500000000004</c:v>
                </c:pt>
                <c:pt idx="12674">
                  <c:v>4202.91</c:v>
                </c:pt>
                <c:pt idx="12675">
                  <c:v>4063.32</c:v>
                </c:pt>
                <c:pt idx="12676">
                  <c:v>3824.09</c:v>
                </c:pt>
                <c:pt idx="12677">
                  <c:v>3836.28</c:v>
                </c:pt>
                <c:pt idx="12678">
                  <c:v>3680.17</c:v>
                </c:pt>
                <c:pt idx="12679">
                  <c:v>3695.73</c:v>
                </c:pt>
                <c:pt idx="12680">
                  <c:v>3610.79</c:v>
                </c:pt>
                <c:pt idx="12681">
                  <c:v>3539.52</c:v>
                </c:pt>
                <c:pt idx="12682">
                  <c:v>6745.84</c:v>
                </c:pt>
                <c:pt idx="12683">
                  <c:v>6109.04</c:v>
                </c:pt>
                <c:pt idx="12684">
                  <c:v>5933.39</c:v>
                </c:pt>
                <c:pt idx="12685">
                  <c:v>5563.17</c:v>
                </c:pt>
                <c:pt idx="12686">
                  <c:v>5138.8</c:v>
                </c:pt>
                <c:pt idx="12687">
                  <c:v>4951.49</c:v>
                </c:pt>
                <c:pt idx="12688">
                  <c:v>4872.8999999999996</c:v>
                </c:pt>
                <c:pt idx="12689">
                  <c:v>4865.45</c:v>
                </c:pt>
                <c:pt idx="12690">
                  <c:v>4765.5200000000004</c:v>
                </c:pt>
                <c:pt idx="12691">
                  <c:v>4512.6499999999996</c:v>
                </c:pt>
                <c:pt idx="12692">
                  <c:v>4520.3500000000004</c:v>
                </c:pt>
                <c:pt idx="12693">
                  <c:v>8523.0300000000007</c:v>
                </c:pt>
                <c:pt idx="12694">
                  <c:v>7959.18</c:v>
                </c:pt>
                <c:pt idx="12695">
                  <c:v>7503.03</c:v>
                </c:pt>
                <c:pt idx="12696">
                  <c:v>7029.06</c:v>
                </c:pt>
                <c:pt idx="12697">
                  <c:v>6842.18</c:v>
                </c:pt>
                <c:pt idx="12698">
                  <c:v>6508.5</c:v>
                </c:pt>
                <c:pt idx="12699">
                  <c:v>6596.76</c:v>
                </c:pt>
                <c:pt idx="12700">
                  <c:v>6219.16</c:v>
                </c:pt>
                <c:pt idx="12701">
                  <c:v>6367.65</c:v>
                </c:pt>
                <c:pt idx="12702">
                  <c:v>6044.46</c:v>
                </c:pt>
                <c:pt idx="12703">
                  <c:v>5881.26</c:v>
                </c:pt>
                <c:pt idx="12704">
                  <c:v>8523.0300000000007</c:v>
                </c:pt>
                <c:pt idx="12705">
                  <c:v>7959.18</c:v>
                </c:pt>
                <c:pt idx="12706">
                  <c:v>8248.18</c:v>
                </c:pt>
                <c:pt idx="12707">
                  <c:v>7724.95</c:v>
                </c:pt>
                <c:pt idx="12708">
                  <c:v>7500.18</c:v>
                </c:pt>
                <c:pt idx="12709">
                  <c:v>7498.37</c:v>
                </c:pt>
                <c:pt idx="12710">
                  <c:v>7342.18</c:v>
                </c:pt>
                <c:pt idx="12711">
                  <c:v>7339.91</c:v>
                </c:pt>
                <c:pt idx="12712">
                  <c:v>7362.61</c:v>
                </c:pt>
                <c:pt idx="12713">
                  <c:v>7302.78</c:v>
                </c:pt>
                <c:pt idx="12714">
                  <c:v>7137.11</c:v>
                </c:pt>
                <c:pt idx="12715">
                  <c:v>8523.0300000000007</c:v>
                </c:pt>
                <c:pt idx="12716">
                  <c:v>7959.18</c:v>
                </c:pt>
                <c:pt idx="12717">
                  <c:v>8248.18</c:v>
                </c:pt>
                <c:pt idx="12718">
                  <c:v>7724.95</c:v>
                </c:pt>
                <c:pt idx="12719">
                  <c:v>7500.18</c:v>
                </c:pt>
                <c:pt idx="12720">
                  <c:v>7754.59</c:v>
                </c:pt>
                <c:pt idx="12721">
                  <c:v>7342.18</c:v>
                </c:pt>
                <c:pt idx="12722">
                  <c:v>7339.91</c:v>
                </c:pt>
                <c:pt idx="12723">
                  <c:v>7816.42</c:v>
                </c:pt>
                <c:pt idx="12724">
                  <c:v>7867.42</c:v>
                </c:pt>
                <c:pt idx="12725">
                  <c:v>7137.11</c:v>
                </c:pt>
                <c:pt idx="12726">
                  <c:v>8523.0300000000007</c:v>
                </c:pt>
                <c:pt idx="12727">
                  <c:v>7959.18</c:v>
                </c:pt>
                <c:pt idx="12728">
                  <c:v>8248.18</c:v>
                </c:pt>
                <c:pt idx="12729">
                  <c:v>7724.95</c:v>
                </c:pt>
                <c:pt idx="12730">
                  <c:v>7500.18</c:v>
                </c:pt>
                <c:pt idx="12731">
                  <c:v>7754.59</c:v>
                </c:pt>
                <c:pt idx="12732">
                  <c:v>7342.18</c:v>
                </c:pt>
                <c:pt idx="12733">
                  <c:v>7339.91</c:v>
                </c:pt>
                <c:pt idx="12734">
                  <c:v>7816.42</c:v>
                </c:pt>
                <c:pt idx="12735">
                  <c:v>7867.42</c:v>
                </c:pt>
                <c:pt idx="12736">
                  <c:v>7137.11</c:v>
                </c:pt>
                <c:pt idx="12737">
                  <c:v>8523.0300000000007</c:v>
                </c:pt>
                <c:pt idx="12738">
                  <c:v>7959.18</c:v>
                </c:pt>
                <c:pt idx="12739">
                  <c:v>8248.18</c:v>
                </c:pt>
                <c:pt idx="12740">
                  <c:v>7724.95</c:v>
                </c:pt>
                <c:pt idx="12741">
                  <c:v>7500.18</c:v>
                </c:pt>
                <c:pt idx="12742">
                  <c:v>7754.59</c:v>
                </c:pt>
                <c:pt idx="12743">
                  <c:v>7342.18</c:v>
                </c:pt>
                <c:pt idx="12744">
                  <c:v>7339.91</c:v>
                </c:pt>
                <c:pt idx="12745">
                  <c:v>7816.42</c:v>
                </c:pt>
                <c:pt idx="12746">
                  <c:v>7867.42</c:v>
                </c:pt>
                <c:pt idx="12747">
                  <c:v>7137.11</c:v>
                </c:pt>
                <c:pt idx="12748">
                  <c:v>8523.0300000000007</c:v>
                </c:pt>
                <c:pt idx="12749">
                  <c:v>7959.18</c:v>
                </c:pt>
                <c:pt idx="12750">
                  <c:v>8248.18</c:v>
                </c:pt>
                <c:pt idx="12751">
                  <c:v>7724.95</c:v>
                </c:pt>
                <c:pt idx="12752">
                  <c:v>7500.18</c:v>
                </c:pt>
                <c:pt idx="12753">
                  <c:v>7754.59</c:v>
                </c:pt>
                <c:pt idx="12754">
                  <c:v>7342.18</c:v>
                </c:pt>
                <c:pt idx="12755">
                  <c:v>7339.91</c:v>
                </c:pt>
                <c:pt idx="12756">
                  <c:v>7816.42</c:v>
                </c:pt>
                <c:pt idx="12757">
                  <c:v>7867.42</c:v>
                </c:pt>
                <c:pt idx="12758">
                  <c:v>7137.11</c:v>
                </c:pt>
                <c:pt idx="12759">
                  <c:v>8523.0300000000007</c:v>
                </c:pt>
                <c:pt idx="12760">
                  <c:v>7959.18</c:v>
                </c:pt>
                <c:pt idx="12761">
                  <c:v>8248.18</c:v>
                </c:pt>
                <c:pt idx="12762">
                  <c:v>7724.95</c:v>
                </c:pt>
                <c:pt idx="12763">
                  <c:v>7500.18</c:v>
                </c:pt>
                <c:pt idx="12764">
                  <c:v>7754.59</c:v>
                </c:pt>
                <c:pt idx="12765">
                  <c:v>7342.18</c:v>
                </c:pt>
                <c:pt idx="12766">
                  <c:v>7339.91</c:v>
                </c:pt>
                <c:pt idx="12767">
                  <c:v>7816.42</c:v>
                </c:pt>
                <c:pt idx="12768">
                  <c:v>7867.42</c:v>
                </c:pt>
                <c:pt idx="12769">
                  <c:v>7137.11</c:v>
                </c:pt>
                <c:pt idx="12770">
                  <c:v>8523.0300000000007</c:v>
                </c:pt>
                <c:pt idx="12771">
                  <c:v>7959.18</c:v>
                </c:pt>
                <c:pt idx="12772">
                  <c:v>8248.18</c:v>
                </c:pt>
                <c:pt idx="12773">
                  <c:v>7724.95</c:v>
                </c:pt>
                <c:pt idx="12774">
                  <c:v>7500.18</c:v>
                </c:pt>
                <c:pt idx="12775">
                  <c:v>7754.59</c:v>
                </c:pt>
                <c:pt idx="12776">
                  <c:v>7342.18</c:v>
                </c:pt>
                <c:pt idx="12777">
                  <c:v>7339.91</c:v>
                </c:pt>
                <c:pt idx="12778">
                  <c:v>7816.42</c:v>
                </c:pt>
                <c:pt idx="12779">
                  <c:v>7867.42</c:v>
                </c:pt>
                <c:pt idx="12780">
                  <c:v>7137.11</c:v>
                </c:pt>
                <c:pt idx="12781">
                  <c:v>8523.0300000000007</c:v>
                </c:pt>
                <c:pt idx="12782">
                  <c:v>7959.18</c:v>
                </c:pt>
                <c:pt idx="12783">
                  <c:v>8248.18</c:v>
                </c:pt>
                <c:pt idx="12784">
                  <c:v>7724.95</c:v>
                </c:pt>
                <c:pt idx="12785">
                  <c:v>7500.18</c:v>
                </c:pt>
                <c:pt idx="12786">
                  <c:v>7754.59</c:v>
                </c:pt>
                <c:pt idx="12787">
                  <c:v>7342.18</c:v>
                </c:pt>
                <c:pt idx="12788">
                  <c:v>7339.91</c:v>
                </c:pt>
                <c:pt idx="12789">
                  <c:v>7816.42</c:v>
                </c:pt>
                <c:pt idx="12790">
                  <c:v>7867.42</c:v>
                </c:pt>
                <c:pt idx="12791">
                  <c:v>7137.11</c:v>
                </c:pt>
                <c:pt idx="12792">
                  <c:v>8523.0300000000007</c:v>
                </c:pt>
                <c:pt idx="12793">
                  <c:v>7959.18</c:v>
                </c:pt>
                <c:pt idx="12794">
                  <c:v>8248.18</c:v>
                </c:pt>
                <c:pt idx="12795">
                  <c:v>7724.95</c:v>
                </c:pt>
                <c:pt idx="12796">
                  <c:v>7500.18</c:v>
                </c:pt>
                <c:pt idx="12797">
                  <c:v>7754.59</c:v>
                </c:pt>
                <c:pt idx="12798">
                  <c:v>7342.18</c:v>
                </c:pt>
                <c:pt idx="12799">
                  <c:v>7339.91</c:v>
                </c:pt>
                <c:pt idx="12800">
                  <c:v>7816.42</c:v>
                </c:pt>
                <c:pt idx="12801">
                  <c:v>7867.42</c:v>
                </c:pt>
                <c:pt idx="12802">
                  <c:v>7137.11</c:v>
                </c:pt>
                <c:pt idx="12803">
                  <c:v>5333.32</c:v>
                </c:pt>
                <c:pt idx="12804">
                  <c:v>4722.91</c:v>
                </c:pt>
                <c:pt idx="12805">
                  <c:v>4286.78</c:v>
                </c:pt>
                <c:pt idx="12806">
                  <c:v>4079.65</c:v>
                </c:pt>
                <c:pt idx="12807">
                  <c:v>3934.19</c:v>
                </c:pt>
                <c:pt idx="12808">
                  <c:v>3725.78</c:v>
                </c:pt>
                <c:pt idx="12809">
                  <c:v>3702.34</c:v>
                </c:pt>
                <c:pt idx="12810">
                  <c:v>3576.27</c:v>
                </c:pt>
                <c:pt idx="12811">
                  <c:v>3465.83</c:v>
                </c:pt>
                <c:pt idx="12812">
                  <c:v>3477.8</c:v>
                </c:pt>
                <c:pt idx="12813">
                  <c:v>3406.45</c:v>
                </c:pt>
                <c:pt idx="12814">
                  <c:v>6745.84</c:v>
                </c:pt>
                <c:pt idx="12815">
                  <c:v>6109.04</c:v>
                </c:pt>
                <c:pt idx="12816">
                  <c:v>5933.39</c:v>
                </c:pt>
                <c:pt idx="12817">
                  <c:v>5563.17</c:v>
                </c:pt>
                <c:pt idx="12818">
                  <c:v>5138.8</c:v>
                </c:pt>
                <c:pt idx="12819">
                  <c:v>4951.49</c:v>
                </c:pt>
                <c:pt idx="12820">
                  <c:v>4890.63</c:v>
                </c:pt>
                <c:pt idx="12821">
                  <c:v>4865.45</c:v>
                </c:pt>
                <c:pt idx="12822">
                  <c:v>4765.5200000000004</c:v>
                </c:pt>
                <c:pt idx="12823">
                  <c:v>4528.8599999999997</c:v>
                </c:pt>
                <c:pt idx="12824">
                  <c:v>4520.3500000000004</c:v>
                </c:pt>
                <c:pt idx="12825">
                  <c:v>8299.5499999999993</c:v>
                </c:pt>
                <c:pt idx="12826">
                  <c:v>7959.18</c:v>
                </c:pt>
                <c:pt idx="12827">
                  <c:v>7503.03</c:v>
                </c:pt>
                <c:pt idx="12828">
                  <c:v>6760.16</c:v>
                </c:pt>
                <c:pt idx="12829">
                  <c:v>6842.18</c:v>
                </c:pt>
                <c:pt idx="12830">
                  <c:v>6335.93</c:v>
                </c:pt>
                <c:pt idx="12831">
                  <c:v>6269.1</c:v>
                </c:pt>
                <c:pt idx="12832">
                  <c:v>6165.79</c:v>
                </c:pt>
                <c:pt idx="12833">
                  <c:v>6001.52</c:v>
                </c:pt>
                <c:pt idx="12834">
                  <c:v>5995.83</c:v>
                </c:pt>
                <c:pt idx="12835">
                  <c:v>6020.02</c:v>
                </c:pt>
                <c:pt idx="12836">
                  <c:v>8523.0300000000007</c:v>
                </c:pt>
                <c:pt idx="12837">
                  <c:v>7959.18</c:v>
                </c:pt>
                <c:pt idx="12838">
                  <c:v>8248.18</c:v>
                </c:pt>
                <c:pt idx="12839">
                  <c:v>7724.95</c:v>
                </c:pt>
                <c:pt idx="12840">
                  <c:v>7500.18</c:v>
                </c:pt>
                <c:pt idx="12841">
                  <c:v>7498.37</c:v>
                </c:pt>
                <c:pt idx="12842">
                  <c:v>7342.18</c:v>
                </c:pt>
                <c:pt idx="12843">
                  <c:v>7339.91</c:v>
                </c:pt>
                <c:pt idx="12844">
                  <c:v>7284.15</c:v>
                </c:pt>
                <c:pt idx="12845">
                  <c:v>7273.44</c:v>
                </c:pt>
                <c:pt idx="12846">
                  <c:v>7137.11</c:v>
                </c:pt>
                <c:pt idx="12847">
                  <c:v>8523.0300000000007</c:v>
                </c:pt>
                <c:pt idx="12848">
                  <c:v>7959.18</c:v>
                </c:pt>
                <c:pt idx="12849">
                  <c:v>8248.18</c:v>
                </c:pt>
                <c:pt idx="12850">
                  <c:v>7724.95</c:v>
                </c:pt>
                <c:pt idx="12851">
                  <c:v>7500.18</c:v>
                </c:pt>
                <c:pt idx="12852">
                  <c:v>7754.59</c:v>
                </c:pt>
                <c:pt idx="12853">
                  <c:v>7342.18</c:v>
                </c:pt>
                <c:pt idx="12854">
                  <c:v>7339.91</c:v>
                </c:pt>
                <c:pt idx="12855">
                  <c:v>7816.42</c:v>
                </c:pt>
                <c:pt idx="12856">
                  <c:v>7867.42</c:v>
                </c:pt>
                <c:pt idx="12857">
                  <c:v>7137.11</c:v>
                </c:pt>
                <c:pt idx="12858">
                  <c:v>8523.0300000000007</c:v>
                </c:pt>
                <c:pt idx="12859">
                  <c:v>7959.18</c:v>
                </c:pt>
                <c:pt idx="12860">
                  <c:v>8248.18</c:v>
                </c:pt>
                <c:pt idx="12861">
                  <c:v>7724.95</c:v>
                </c:pt>
                <c:pt idx="12862">
                  <c:v>7500.18</c:v>
                </c:pt>
                <c:pt idx="12863">
                  <c:v>7754.59</c:v>
                </c:pt>
                <c:pt idx="12864">
                  <c:v>7342.18</c:v>
                </c:pt>
                <c:pt idx="12865">
                  <c:v>7339.91</c:v>
                </c:pt>
                <c:pt idx="12866">
                  <c:v>7816.42</c:v>
                </c:pt>
                <c:pt idx="12867">
                  <c:v>7867.42</c:v>
                </c:pt>
                <c:pt idx="12868">
                  <c:v>7137.11</c:v>
                </c:pt>
                <c:pt idx="12869">
                  <c:v>8523.0300000000007</c:v>
                </c:pt>
                <c:pt idx="12870">
                  <c:v>7959.18</c:v>
                </c:pt>
                <c:pt idx="12871">
                  <c:v>8248.18</c:v>
                </c:pt>
                <c:pt idx="12872">
                  <c:v>7724.95</c:v>
                </c:pt>
                <c:pt idx="12873">
                  <c:v>7500.18</c:v>
                </c:pt>
                <c:pt idx="12874">
                  <c:v>7754.59</c:v>
                </c:pt>
                <c:pt idx="12875">
                  <c:v>7342.18</c:v>
                </c:pt>
                <c:pt idx="12876">
                  <c:v>7339.91</c:v>
                </c:pt>
                <c:pt idx="12877">
                  <c:v>7816.42</c:v>
                </c:pt>
                <c:pt idx="12878">
                  <c:v>7867.42</c:v>
                </c:pt>
                <c:pt idx="12879">
                  <c:v>7137.11</c:v>
                </c:pt>
                <c:pt idx="12880">
                  <c:v>8523.0300000000007</c:v>
                </c:pt>
                <c:pt idx="12881">
                  <c:v>7959.18</c:v>
                </c:pt>
                <c:pt idx="12882">
                  <c:v>8248.18</c:v>
                </c:pt>
                <c:pt idx="12883">
                  <c:v>7724.95</c:v>
                </c:pt>
                <c:pt idx="12884">
                  <c:v>7500.18</c:v>
                </c:pt>
                <c:pt idx="12885">
                  <c:v>7754.59</c:v>
                </c:pt>
                <c:pt idx="12886">
                  <c:v>7342.18</c:v>
                </c:pt>
                <c:pt idx="12887">
                  <c:v>7339.91</c:v>
                </c:pt>
                <c:pt idx="12888">
                  <c:v>7816.42</c:v>
                </c:pt>
                <c:pt idx="12889">
                  <c:v>7867.42</c:v>
                </c:pt>
                <c:pt idx="12890">
                  <c:v>7137.11</c:v>
                </c:pt>
                <c:pt idx="12891">
                  <c:v>8523.0300000000007</c:v>
                </c:pt>
                <c:pt idx="12892">
                  <c:v>7959.18</c:v>
                </c:pt>
                <c:pt idx="12893">
                  <c:v>8248.18</c:v>
                </c:pt>
                <c:pt idx="12894">
                  <c:v>7724.95</c:v>
                </c:pt>
                <c:pt idx="12895">
                  <c:v>7500.18</c:v>
                </c:pt>
                <c:pt idx="12896">
                  <c:v>7754.59</c:v>
                </c:pt>
                <c:pt idx="12897">
                  <c:v>7342.18</c:v>
                </c:pt>
                <c:pt idx="12898">
                  <c:v>7339.91</c:v>
                </c:pt>
                <c:pt idx="12899">
                  <c:v>7816.42</c:v>
                </c:pt>
                <c:pt idx="12900">
                  <c:v>7867.42</c:v>
                </c:pt>
                <c:pt idx="12901">
                  <c:v>7137.11</c:v>
                </c:pt>
                <c:pt idx="12902">
                  <c:v>8523.0300000000007</c:v>
                </c:pt>
                <c:pt idx="12903">
                  <c:v>7959.18</c:v>
                </c:pt>
                <c:pt idx="12904">
                  <c:v>8248.18</c:v>
                </c:pt>
                <c:pt idx="12905">
                  <c:v>7724.95</c:v>
                </c:pt>
                <c:pt idx="12906">
                  <c:v>7500.18</c:v>
                </c:pt>
                <c:pt idx="12907">
                  <c:v>7754.59</c:v>
                </c:pt>
                <c:pt idx="12908">
                  <c:v>7342.18</c:v>
                </c:pt>
                <c:pt idx="12909">
                  <c:v>7339.91</c:v>
                </c:pt>
                <c:pt idx="12910">
                  <c:v>7816.42</c:v>
                </c:pt>
                <c:pt idx="12911">
                  <c:v>7867.42</c:v>
                </c:pt>
                <c:pt idx="12912">
                  <c:v>7137.11</c:v>
                </c:pt>
                <c:pt idx="12913">
                  <c:v>8523.0300000000007</c:v>
                </c:pt>
                <c:pt idx="12914">
                  <c:v>7959.18</c:v>
                </c:pt>
                <c:pt idx="12915">
                  <c:v>8248.18</c:v>
                </c:pt>
                <c:pt idx="12916">
                  <c:v>7724.95</c:v>
                </c:pt>
                <c:pt idx="12917">
                  <c:v>7500.18</c:v>
                </c:pt>
                <c:pt idx="12918">
                  <c:v>7754.59</c:v>
                </c:pt>
                <c:pt idx="12919">
                  <c:v>7342.18</c:v>
                </c:pt>
                <c:pt idx="12920">
                  <c:v>7339.91</c:v>
                </c:pt>
                <c:pt idx="12921">
                  <c:v>7816.42</c:v>
                </c:pt>
                <c:pt idx="12922">
                  <c:v>7867.42</c:v>
                </c:pt>
                <c:pt idx="12923">
                  <c:v>7137.11</c:v>
                </c:pt>
                <c:pt idx="12924">
                  <c:v>8523.0300000000007</c:v>
                </c:pt>
                <c:pt idx="12925">
                  <c:v>7959.18</c:v>
                </c:pt>
                <c:pt idx="12926">
                  <c:v>8248.18</c:v>
                </c:pt>
                <c:pt idx="12927">
                  <c:v>7724.95</c:v>
                </c:pt>
                <c:pt idx="12928">
                  <c:v>7500.18</c:v>
                </c:pt>
                <c:pt idx="12929">
                  <c:v>7754.59</c:v>
                </c:pt>
                <c:pt idx="12930">
                  <c:v>7342.18</c:v>
                </c:pt>
                <c:pt idx="12931">
                  <c:v>7339.91</c:v>
                </c:pt>
                <c:pt idx="12932">
                  <c:v>7816.42</c:v>
                </c:pt>
                <c:pt idx="12933">
                  <c:v>7867.42</c:v>
                </c:pt>
                <c:pt idx="12934">
                  <c:v>7137.11</c:v>
                </c:pt>
                <c:pt idx="12935">
                  <c:v>5333.32</c:v>
                </c:pt>
                <c:pt idx="12936">
                  <c:v>4722.7299999999996</c:v>
                </c:pt>
                <c:pt idx="12937">
                  <c:v>4299.8</c:v>
                </c:pt>
                <c:pt idx="12938">
                  <c:v>4016.1</c:v>
                </c:pt>
                <c:pt idx="12939">
                  <c:v>3829</c:v>
                </c:pt>
                <c:pt idx="12940">
                  <c:v>3741.71</c:v>
                </c:pt>
                <c:pt idx="12941">
                  <c:v>3604.06</c:v>
                </c:pt>
                <c:pt idx="12942">
                  <c:v>3494.03</c:v>
                </c:pt>
                <c:pt idx="12943">
                  <c:v>3383.06</c:v>
                </c:pt>
                <c:pt idx="12944">
                  <c:v>3381.75</c:v>
                </c:pt>
                <c:pt idx="12945">
                  <c:v>3321.58</c:v>
                </c:pt>
                <c:pt idx="12946">
                  <c:v>6745.84</c:v>
                </c:pt>
                <c:pt idx="12947">
                  <c:v>6109.04</c:v>
                </c:pt>
                <c:pt idx="12948">
                  <c:v>5933.39</c:v>
                </c:pt>
                <c:pt idx="12949">
                  <c:v>5563.17</c:v>
                </c:pt>
                <c:pt idx="12950">
                  <c:v>5138.8</c:v>
                </c:pt>
                <c:pt idx="12951">
                  <c:v>4951.49</c:v>
                </c:pt>
                <c:pt idx="12952">
                  <c:v>4890.63</c:v>
                </c:pt>
                <c:pt idx="12953">
                  <c:v>4692.1099999999997</c:v>
                </c:pt>
                <c:pt idx="12954">
                  <c:v>4765.5200000000004</c:v>
                </c:pt>
                <c:pt idx="12955">
                  <c:v>4528.8599999999997</c:v>
                </c:pt>
                <c:pt idx="12956">
                  <c:v>4374.62</c:v>
                </c:pt>
                <c:pt idx="12957">
                  <c:v>8223.67</c:v>
                </c:pt>
                <c:pt idx="12958">
                  <c:v>7543.83</c:v>
                </c:pt>
                <c:pt idx="12959">
                  <c:v>7202.28</c:v>
                </c:pt>
                <c:pt idx="12960">
                  <c:v>6897.9</c:v>
                </c:pt>
                <c:pt idx="12961">
                  <c:v>6511.31</c:v>
                </c:pt>
                <c:pt idx="12962">
                  <c:v>6385.54</c:v>
                </c:pt>
                <c:pt idx="12963">
                  <c:v>6209.96</c:v>
                </c:pt>
                <c:pt idx="12964">
                  <c:v>6085.27</c:v>
                </c:pt>
                <c:pt idx="12965">
                  <c:v>6118.75</c:v>
                </c:pt>
                <c:pt idx="12966">
                  <c:v>6032.12</c:v>
                </c:pt>
                <c:pt idx="12967">
                  <c:v>5891.2</c:v>
                </c:pt>
                <c:pt idx="12968">
                  <c:v>8523.0300000000007</c:v>
                </c:pt>
                <c:pt idx="12969">
                  <c:v>7959.18</c:v>
                </c:pt>
                <c:pt idx="12970">
                  <c:v>8248.18</c:v>
                </c:pt>
                <c:pt idx="12971">
                  <c:v>7724.95</c:v>
                </c:pt>
                <c:pt idx="12972">
                  <c:v>7500.18</c:v>
                </c:pt>
                <c:pt idx="12973">
                  <c:v>7498.37</c:v>
                </c:pt>
                <c:pt idx="12974">
                  <c:v>7342.18</c:v>
                </c:pt>
                <c:pt idx="12975">
                  <c:v>7339.91</c:v>
                </c:pt>
                <c:pt idx="12976">
                  <c:v>7340.56</c:v>
                </c:pt>
                <c:pt idx="12977">
                  <c:v>7241.89</c:v>
                </c:pt>
                <c:pt idx="12978">
                  <c:v>7137.11</c:v>
                </c:pt>
                <c:pt idx="12979">
                  <c:v>8523.0300000000007</c:v>
                </c:pt>
                <c:pt idx="12980">
                  <c:v>7959.18</c:v>
                </c:pt>
                <c:pt idx="12981">
                  <c:v>8248.18</c:v>
                </c:pt>
                <c:pt idx="12982">
                  <c:v>7724.95</c:v>
                </c:pt>
                <c:pt idx="12983">
                  <c:v>7500.18</c:v>
                </c:pt>
                <c:pt idx="12984">
                  <c:v>7754.59</c:v>
                </c:pt>
                <c:pt idx="12985">
                  <c:v>7342.18</c:v>
                </c:pt>
                <c:pt idx="12986">
                  <c:v>7339.91</c:v>
                </c:pt>
                <c:pt idx="12987">
                  <c:v>7816.42</c:v>
                </c:pt>
                <c:pt idx="12988">
                  <c:v>7867.42</c:v>
                </c:pt>
                <c:pt idx="12989">
                  <c:v>7137.11</c:v>
                </c:pt>
                <c:pt idx="12990">
                  <c:v>8523.0300000000007</c:v>
                </c:pt>
                <c:pt idx="12991">
                  <c:v>7959.18</c:v>
                </c:pt>
                <c:pt idx="12992">
                  <c:v>8248.18</c:v>
                </c:pt>
                <c:pt idx="12993">
                  <c:v>7724.95</c:v>
                </c:pt>
                <c:pt idx="12994">
                  <c:v>7500.18</c:v>
                </c:pt>
                <c:pt idx="12995">
                  <c:v>7754.59</c:v>
                </c:pt>
                <c:pt idx="12996">
                  <c:v>7342.18</c:v>
                </c:pt>
                <c:pt idx="12997">
                  <c:v>7339.91</c:v>
                </c:pt>
                <c:pt idx="12998">
                  <c:v>7816.42</c:v>
                </c:pt>
                <c:pt idx="12999">
                  <c:v>7867.42</c:v>
                </c:pt>
                <c:pt idx="13000">
                  <c:v>7137.11</c:v>
                </c:pt>
                <c:pt idx="13001">
                  <c:v>8523.0300000000007</c:v>
                </c:pt>
                <c:pt idx="13002">
                  <c:v>7959.18</c:v>
                </c:pt>
                <c:pt idx="13003">
                  <c:v>8248.18</c:v>
                </c:pt>
                <c:pt idx="13004">
                  <c:v>7724.95</c:v>
                </c:pt>
                <c:pt idx="13005">
                  <c:v>7500.18</c:v>
                </c:pt>
                <c:pt idx="13006">
                  <c:v>7754.59</c:v>
                </c:pt>
                <c:pt idx="13007">
                  <c:v>7342.18</c:v>
                </c:pt>
                <c:pt idx="13008">
                  <c:v>7339.91</c:v>
                </c:pt>
                <c:pt idx="13009">
                  <c:v>7816.42</c:v>
                </c:pt>
                <c:pt idx="13010">
                  <c:v>7867.42</c:v>
                </c:pt>
                <c:pt idx="13011">
                  <c:v>7137.11</c:v>
                </c:pt>
                <c:pt idx="13012">
                  <c:v>8523.0300000000007</c:v>
                </c:pt>
                <c:pt idx="13013">
                  <c:v>7959.18</c:v>
                </c:pt>
                <c:pt idx="13014">
                  <c:v>8248.18</c:v>
                </c:pt>
                <c:pt idx="13015">
                  <c:v>7724.95</c:v>
                </c:pt>
                <c:pt idx="13016">
                  <c:v>7500.18</c:v>
                </c:pt>
                <c:pt idx="13017">
                  <c:v>7754.59</c:v>
                </c:pt>
                <c:pt idx="13018">
                  <c:v>7342.18</c:v>
                </c:pt>
                <c:pt idx="13019">
                  <c:v>7339.91</c:v>
                </c:pt>
                <c:pt idx="13020">
                  <c:v>7816.42</c:v>
                </c:pt>
                <c:pt idx="13021">
                  <c:v>7867.42</c:v>
                </c:pt>
                <c:pt idx="13022">
                  <c:v>7137.11</c:v>
                </c:pt>
                <c:pt idx="13023">
                  <c:v>8523.0300000000007</c:v>
                </c:pt>
                <c:pt idx="13024">
                  <c:v>7959.18</c:v>
                </c:pt>
                <c:pt idx="13025">
                  <c:v>8248.18</c:v>
                </c:pt>
                <c:pt idx="13026">
                  <c:v>7724.95</c:v>
                </c:pt>
                <c:pt idx="13027">
                  <c:v>7500.18</c:v>
                </c:pt>
                <c:pt idx="13028">
                  <c:v>7754.59</c:v>
                </c:pt>
                <c:pt idx="13029">
                  <c:v>7342.18</c:v>
                </c:pt>
                <c:pt idx="13030">
                  <c:v>7339.91</c:v>
                </c:pt>
                <c:pt idx="13031">
                  <c:v>7816.42</c:v>
                </c:pt>
                <c:pt idx="13032">
                  <c:v>7867.42</c:v>
                </c:pt>
                <c:pt idx="13033">
                  <c:v>7137.11</c:v>
                </c:pt>
                <c:pt idx="13034">
                  <c:v>8523.0300000000007</c:v>
                </c:pt>
                <c:pt idx="13035">
                  <c:v>7959.18</c:v>
                </c:pt>
                <c:pt idx="13036">
                  <c:v>8248.18</c:v>
                </c:pt>
                <c:pt idx="13037">
                  <c:v>7724.95</c:v>
                </c:pt>
                <c:pt idx="13038">
                  <c:v>7500.18</c:v>
                </c:pt>
                <c:pt idx="13039">
                  <c:v>7754.59</c:v>
                </c:pt>
                <c:pt idx="13040">
                  <c:v>7342.18</c:v>
                </c:pt>
                <c:pt idx="13041">
                  <c:v>7339.91</c:v>
                </c:pt>
                <c:pt idx="13042">
                  <c:v>7816.42</c:v>
                </c:pt>
                <c:pt idx="13043">
                  <c:v>7867.42</c:v>
                </c:pt>
                <c:pt idx="13044">
                  <c:v>7137.11</c:v>
                </c:pt>
                <c:pt idx="13045">
                  <c:v>8523.0300000000007</c:v>
                </c:pt>
                <c:pt idx="13046">
                  <c:v>7959.18</c:v>
                </c:pt>
                <c:pt idx="13047">
                  <c:v>8248.18</c:v>
                </c:pt>
                <c:pt idx="13048">
                  <c:v>7724.95</c:v>
                </c:pt>
                <c:pt idx="13049">
                  <c:v>7500.18</c:v>
                </c:pt>
                <c:pt idx="13050">
                  <c:v>7754.59</c:v>
                </c:pt>
                <c:pt idx="13051">
                  <c:v>7342.18</c:v>
                </c:pt>
                <c:pt idx="13052">
                  <c:v>7339.91</c:v>
                </c:pt>
                <c:pt idx="13053">
                  <c:v>7816.42</c:v>
                </c:pt>
                <c:pt idx="13054">
                  <c:v>7867.42</c:v>
                </c:pt>
                <c:pt idx="13055">
                  <c:v>7137.11</c:v>
                </c:pt>
                <c:pt idx="13056">
                  <c:v>8523.0300000000007</c:v>
                </c:pt>
                <c:pt idx="13057">
                  <c:v>7959.18</c:v>
                </c:pt>
                <c:pt idx="13058">
                  <c:v>8248.18</c:v>
                </c:pt>
                <c:pt idx="13059">
                  <c:v>7724.95</c:v>
                </c:pt>
                <c:pt idx="13060">
                  <c:v>7500.18</c:v>
                </c:pt>
                <c:pt idx="13061">
                  <c:v>7754.59</c:v>
                </c:pt>
                <c:pt idx="13062">
                  <c:v>7342.18</c:v>
                </c:pt>
                <c:pt idx="13063">
                  <c:v>7339.91</c:v>
                </c:pt>
                <c:pt idx="13064">
                  <c:v>7816.42</c:v>
                </c:pt>
                <c:pt idx="13065">
                  <c:v>7867.42</c:v>
                </c:pt>
                <c:pt idx="13066">
                  <c:v>7137.11</c:v>
                </c:pt>
                <c:pt idx="13067">
                  <c:v>5333.32</c:v>
                </c:pt>
                <c:pt idx="13068">
                  <c:v>4722.7299999999996</c:v>
                </c:pt>
                <c:pt idx="13069">
                  <c:v>4316.37</c:v>
                </c:pt>
                <c:pt idx="13070">
                  <c:v>4022.76</c:v>
                </c:pt>
                <c:pt idx="13071">
                  <c:v>3824.63</c:v>
                </c:pt>
                <c:pt idx="13072">
                  <c:v>3656.74</c:v>
                </c:pt>
                <c:pt idx="13073">
                  <c:v>3530.64</c:v>
                </c:pt>
                <c:pt idx="13074">
                  <c:v>3424.56</c:v>
                </c:pt>
                <c:pt idx="13075">
                  <c:v>3394.38</c:v>
                </c:pt>
                <c:pt idx="13076">
                  <c:v>3287.46</c:v>
                </c:pt>
                <c:pt idx="13077">
                  <c:v>3238.46</c:v>
                </c:pt>
                <c:pt idx="13078">
                  <c:v>6745.84</c:v>
                </c:pt>
                <c:pt idx="13079">
                  <c:v>6109.04</c:v>
                </c:pt>
                <c:pt idx="13080">
                  <c:v>5933.39</c:v>
                </c:pt>
                <c:pt idx="13081">
                  <c:v>5563.17</c:v>
                </c:pt>
                <c:pt idx="13082">
                  <c:v>5062.42</c:v>
                </c:pt>
                <c:pt idx="13083">
                  <c:v>4951.49</c:v>
                </c:pt>
                <c:pt idx="13084">
                  <c:v>4890.63</c:v>
                </c:pt>
                <c:pt idx="13085">
                  <c:v>4639.37</c:v>
                </c:pt>
                <c:pt idx="13086">
                  <c:v>4552.8999999999996</c:v>
                </c:pt>
                <c:pt idx="13087">
                  <c:v>4528.8599999999997</c:v>
                </c:pt>
                <c:pt idx="13088">
                  <c:v>4481.87</c:v>
                </c:pt>
                <c:pt idx="13089">
                  <c:v>8223.67</c:v>
                </c:pt>
                <c:pt idx="13090">
                  <c:v>7549.1</c:v>
                </c:pt>
                <c:pt idx="13091">
                  <c:v>7203.83</c:v>
                </c:pt>
                <c:pt idx="13092">
                  <c:v>6928.57</c:v>
                </c:pt>
                <c:pt idx="13093">
                  <c:v>6487.7</c:v>
                </c:pt>
                <c:pt idx="13094">
                  <c:v>6317.74</c:v>
                </c:pt>
                <c:pt idx="13095">
                  <c:v>6209.96</c:v>
                </c:pt>
                <c:pt idx="13096">
                  <c:v>6085.27</c:v>
                </c:pt>
                <c:pt idx="13097">
                  <c:v>6118.75</c:v>
                </c:pt>
                <c:pt idx="13098">
                  <c:v>6030.15</c:v>
                </c:pt>
                <c:pt idx="13099">
                  <c:v>5853.22</c:v>
                </c:pt>
                <c:pt idx="13100">
                  <c:v>8523.0300000000007</c:v>
                </c:pt>
                <c:pt idx="13101">
                  <c:v>7959.18</c:v>
                </c:pt>
                <c:pt idx="13102">
                  <c:v>8248.18</c:v>
                </c:pt>
                <c:pt idx="13103">
                  <c:v>7724.95</c:v>
                </c:pt>
                <c:pt idx="13104">
                  <c:v>7500.18</c:v>
                </c:pt>
                <c:pt idx="13105">
                  <c:v>7498.37</c:v>
                </c:pt>
                <c:pt idx="13106">
                  <c:v>7342.18</c:v>
                </c:pt>
                <c:pt idx="13107">
                  <c:v>7339.91</c:v>
                </c:pt>
                <c:pt idx="13108">
                  <c:v>7292.6</c:v>
                </c:pt>
                <c:pt idx="13109">
                  <c:v>7252.64</c:v>
                </c:pt>
                <c:pt idx="13110">
                  <c:v>7137.11</c:v>
                </c:pt>
                <c:pt idx="13111">
                  <c:v>8523.0300000000007</c:v>
                </c:pt>
                <c:pt idx="13112">
                  <c:v>7959.18</c:v>
                </c:pt>
                <c:pt idx="13113">
                  <c:v>8248.18</c:v>
                </c:pt>
                <c:pt idx="13114">
                  <c:v>7724.95</c:v>
                </c:pt>
                <c:pt idx="13115">
                  <c:v>7500.18</c:v>
                </c:pt>
                <c:pt idx="13116">
                  <c:v>7754.59</c:v>
                </c:pt>
                <c:pt idx="13117">
                  <c:v>7342.18</c:v>
                </c:pt>
                <c:pt idx="13118">
                  <c:v>7339.91</c:v>
                </c:pt>
                <c:pt idx="13119">
                  <c:v>7816.42</c:v>
                </c:pt>
                <c:pt idx="13120">
                  <c:v>7867.42</c:v>
                </c:pt>
                <c:pt idx="13121">
                  <c:v>7137.11</c:v>
                </c:pt>
                <c:pt idx="13122">
                  <c:v>8523.0300000000007</c:v>
                </c:pt>
                <c:pt idx="13123">
                  <c:v>7959.18</c:v>
                </c:pt>
                <c:pt idx="13124">
                  <c:v>8248.18</c:v>
                </c:pt>
                <c:pt idx="13125">
                  <c:v>7724.95</c:v>
                </c:pt>
                <c:pt idx="13126">
                  <c:v>7500.18</c:v>
                </c:pt>
                <c:pt idx="13127">
                  <c:v>7754.59</c:v>
                </c:pt>
                <c:pt idx="13128">
                  <c:v>7342.18</c:v>
                </c:pt>
                <c:pt idx="13129">
                  <c:v>7339.91</c:v>
                </c:pt>
                <c:pt idx="13130">
                  <c:v>7816.42</c:v>
                </c:pt>
                <c:pt idx="13131">
                  <c:v>7867.42</c:v>
                </c:pt>
                <c:pt idx="13132">
                  <c:v>7137.11</c:v>
                </c:pt>
                <c:pt idx="13133">
                  <c:v>8523.0300000000007</c:v>
                </c:pt>
                <c:pt idx="13134">
                  <c:v>7959.18</c:v>
                </c:pt>
                <c:pt idx="13135">
                  <c:v>8248.18</c:v>
                </c:pt>
                <c:pt idx="13136">
                  <c:v>7724.95</c:v>
                </c:pt>
                <c:pt idx="13137">
                  <c:v>7500.18</c:v>
                </c:pt>
                <c:pt idx="13138">
                  <c:v>7754.59</c:v>
                </c:pt>
                <c:pt idx="13139">
                  <c:v>7342.18</c:v>
                </c:pt>
                <c:pt idx="13140">
                  <c:v>7339.91</c:v>
                </c:pt>
                <c:pt idx="13141">
                  <c:v>7816.42</c:v>
                </c:pt>
                <c:pt idx="13142">
                  <c:v>7867.42</c:v>
                </c:pt>
                <c:pt idx="13143">
                  <c:v>7137.11</c:v>
                </c:pt>
                <c:pt idx="13144">
                  <c:v>8523.0300000000007</c:v>
                </c:pt>
                <c:pt idx="13145">
                  <c:v>7959.18</c:v>
                </c:pt>
                <c:pt idx="13146">
                  <c:v>8248.18</c:v>
                </c:pt>
                <c:pt idx="13147">
                  <c:v>7724.95</c:v>
                </c:pt>
                <c:pt idx="13148">
                  <c:v>7500.18</c:v>
                </c:pt>
                <c:pt idx="13149">
                  <c:v>7754.59</c:v>
                </c:pt>
                <c:pt idx="13150">
                  <c:v>7342.18</c:v>
                </c:pt>
                <c:pt idx="13151">
                  <c:v>7339.91</c:v>
                </c:pt>
                <c:pt idx="13152">
                  <c:v>7816.42</c:v>
                </c:pt>
                <c:pt idx="13153">
                  <c:v>7867.42</c:v>
                </c:pt>
                <c:pt idx="13154">
                  <c:v>7137.11</c:v>
                </c:pt>
                <c:pt idx="13155">
                  <c:v>8523.0300000000007</c:v>
                </c:pt>
                <c:pt idx="13156">
                  <c:v>7959.18</c:v>
                </c:pt>
                <c:pt idx="13157">
                  <c:v>8248.18</c:v>
                </c:pt>
                <c:pt idx="13158">
                  <c:v>7724.95</c:v>
                </c:pt>
                <c:pt idx="13159">
                  <c:v>7500.18</c:v>
                </c:pt>
                <c:pt idx="13160">
                  <c:v>7754.59</c:v>
                </c:pt>
                <c:pt idx="13161">
                  <c:v>7342.18</c:v>
                </c:pt>
                <c:pt idx="13162">
                  <c:v>7339.91</c:v>
                </c:pt>
                <c:pt idx="13163">
                  <c:v>7816.42</c:v>
                </c:pt>
                <c:pt idx="13164">
                  <c:v>7867.42</c:v>
                </c:pt>
                <c:pt idx="13165">
                  <c:v>7137.11</c:v>
                </c:pt>
                <c:pt idx="13166">
                  <c:v>8523.0300000000007</c:v>
                </c:pt>
                <c:pt idx="13167">
                  <c:v>7959.18</c:v>
                </c:pt>
                <c:pt idx="13168">
                  <c:v>8248.18</c:v>
                </c:pt>
                <c:pt idx="13169">
                  <c:v>7724.95</c:v>
                </c:pt>
                <c:pt idx="13170">
                  <c:v>7500.18</c:v>
                </c:pt>
                <c:pt idx="13171">
                  <c:v>7754.59</c:v>
                </c:pt>
                <c:pt idx="13172">
                  <c:v>7342.18</c:v>
                </c:pt>
                <c:pt idx="13173">
                  <c:v>7339.91</c:v>
                </c:pt>
                <c:pt idx="13174">
                  <c:v>7816.42</c:v>
                </c:pt>
                <c:pt idx="13175">
                  <c:v>7867.42</c:v>
                </c:pt>
                <c:pt idx="13176">
                  <c:v>7137.11</c:v>
                </c:pt>
                <c:pt idx="13177">
                  <c:v>8523.0300000000007</c:v>
                </c:pt>
                <c:pt idx="13178">
                  <c:v>7959.18</c:v>
                </c:pt>
                <c:pt idx="13179">
                  <c:v>8248.18</c:v>
                </c:pt>
                <c:pt idx="13180">
                  <c:v>7724.95</c:v>
                </c:pt>
                <c:pt idx="13181">
                  <c:v>7500.18</c:v>
                </c:pt>
                <c:pt idx="13182">
                  <c:v>7754.59</c:v>
                </c:pt>
                <c:pt idx="13183">
                  <c:v>7342.18</c:v>
                </c:pt>
                <c:pt idx="13184">
                  <c:v>7339.91</c:v>
                </c:pt>
                <c:pt idx="13185">
                  <c:v>7816.42</c:v>
                </c:pt>
                <c:pt idx="13186">
                  <c:v>7867.42</c:v>
                </c:pt>
                <c:pt idx="13187">
                  <c:v>7137.11</c:v>
                </c:pt>
                <c:pt idx="13188">
                  <c:v>8523.0300000000007</c:v>
                </c:pt>
                <c:pt idx="13189">
                  <c:v>7959.18</c:v>
                </c:pt>
                <c:pt idx="13190">
                  <c:v>8248.18</c:v>
                </c:pt>
                <c:pt idx="13191">
                  <c:v>7724.95</c:v>
                </c:pt>
                <c:pt idx="13192">
                  <c:v>7500.18</c:v>
                </c:pt>
                <c:pt idx="13193">
                  <c:v>7754.59</c:v>
                </c:pt>
                <c:pt idx="13194">
                  <c:v>7342.18</c:v>
                </c:pt>
                <c:pt idx="13195">
                  <c:v>7339.91</c:v>
                </c:pt>
                <c:pt idx="13196">
                  <c:v>7816.42</c:v>
                </c:pt>
                <c:pt idx="13197">
                  <c:v>7867.42</c:v>
                </c:pt>
                <c:pt idx="13198">
                  <c:v>7137.11</c:v>
                </c:pt>
                <c:pt idx="13199">
                  <c:v>5333.32</c:v>
                </c:pt>
                <c:pt idx="13200">
                  <c:v>4722.7299999999996</c:v>
                </c:pt>
                <c:pt idx="13201">
                  <c:v>4319.08</c:v>
                </c:pt>
                <c:pt idx="13202">
                  <c:v>4030.55</c:v>
                </c:pt>
                <c:pt idx="13203">
                  <c:v>3823.87</c:v>
                </c:pt>
                <c:pt idx="13204">
                  <c:v>3602.15</c:v>
                </c:pt>
                <c:pt idx="13205">
                  <c:v>3535.2</c:v>
                </c:pt>
                <c:pt idx="13206">
                  <c:v>3426.32</c:v>
                </c:pt>
                <c:pt idx="13207">
                  <c:v>3316.37</c:v>
                </c:pt>
                <c:pt idx="13208">
                  <c:v>3227.96</c:v>
                </c:pt>
                <c:pt idx="13209">
                  <c:v>3176.62</c:v>
                </c:pt>
                <c:pt idx="13210">
                  <c:v>6745.84</c:v>
                </c:pt>
                <c:pt idx="13211">
                  <c:v>6109.04</c:v>
                </c:pt>
                <c:pt idx="13212">
                  <c:v>5821.33</c:v>
                </c:pt>
                <c:pt idx="13213">
                  <c:v>5451.67</c:v>
                </c:pt>
                <c:pt idx="13214">
                  <c:v>5062.42</c:v>
                </c:pt>
                <c:pt idx="13215">
                  <c:v>4883.03</c:v>
                </c:pt>
                <c:pt idx="13216">
                  <c:v>4890.63</c:v>
                </c:pt>
                <c:pt idx="13217">
                  <c:v>4639.37</c:v>
                </c:pt>
                <c:pt idx="13218">
                  <c:v>4551.45</c:v>
                </c:pt>
                <c:pt idx="13219">
                  <c:v>4528.8599999999997</c:v>
                </c:pt>
                <c:pt idx="13220">
                  <c:v>4481.87</c:v>
                </c:pt>
                <c:pt idx="13221">
                  <c:v>8223.67</c:v>
                </c:pt>
                <c:pt idx="13222">
                  <c:v>7537.45</c:v>
                </c:pt>
                <c:pt idx="13223">
                  <c:v>7135.46</c:v>
                </c:pt>
                <c:pt idx="13224">
                  <c:v>6882.09</c:v>
                </c:pt>
                <c:pt idx="13225">
                  <c:v>6500.55</c:v>
                </c:pt>
                <c:pt idx="13226">
                  <c:v>6317.74</c:v>
                </c:pt>
                <c:pt idx="13227">
                  <c:v>6209.96</c:v>
                </c:pt>
                <c:pt idx="13228">
                  <c:v>6085.27</c:v>
                </c:pt>
                <c:pt idx="13229">
                  <c:v>6118.75</c:v>
                </c:pt>
                <c:pt idx="13230">
                  <c:v>6030.15</c:v>
                </c:pt>
                <c:pt idx="13231">
                  <c:v>5839.64</c:v>
                </c:pt>
                <c:pt idx="13232">
                  <c:v>8523.0300000000007</c:v>
                </c:pt>
                <c:pt idx="13233">
                  <c:v>7959.18</c:v>
                </c:pt>
                <c:pt idx="13234">
                  <c:v>8248.18</c:v>
                </c:pt>
                <c:pt idx="13235">
                  <c:v>7724.95</c:v>
                </c:pt>
                <c:pt idx="13236">
                  <c:v>7500.18</c:v>
                </c:pt>
                <c:pt idx="13237">
                  <c:v>7498.37</c:v>
                </c:pt>
                <c:pt idx="13238">
                  <c:v>7342.18</c:v>
                </c:pt>
                <c:pt idx="13239">
                  <c:v>7339.91</c:v>
                </c:pt>
                <c:pt idx="13240">
                  <c:v>7258.3</c:v>
                </c:pt>
                <c:pt idx="13241">
                  <c:v>7301.05</c:v>
                </c:pt>
                <c:pt idx="13242">
                  <c:v>7137.11</c:v>
                </c:pt>
                <c:pt idx="13243">
                  <c:v>8523.0300000000007</c:v>
                </c:pt>
                <c:pt idx="13244">
                  <c:v>7959.18</c:v>
                </c:pt>
                <c:pt idx="13245">
                  <c:v>8248.18</c:v>
                </c:pt>
                <c:pt idx="13246">
                  <c:v>7724.95</c:v>
                </c:pt>
                <c:pt idx="13247">
                  <c:v>7500.18</c:v>
                </c:pt>
                <c:pt idx="13248">
                  <c:v>7754.59</c:v>
                </c:pt>
                <c:pt idx="13249">
                  <c:v>7342.18</c:v>
                </c:pt>
                <c:pt idx="13250">
                  <c:v>7339.91</c:v>
                </c:pt>
                <c:pt idx="13251">
                  <c:v>7816.42</c:v>
                </c:pt>
                <c:pt idx="13252">
                  <c:v>7867.42</c:v>
                </c:pt>
                <c:pt idx="13253">
                  <c:v>7137.11</c:v>
                </c:pt>
                <c:pt idx="13254">
                  <c:v>8523.0300000000007</c:v>
                </c:pt>
                <c:pt idx="13255">
                  <c:v>7959.18</c:v>
                </c:pt>
                <c:pt idx="13256">
                  <c:v>8248.18</c:v>
                </c:pt>
                <c:pt idx="13257">
                  <c:v>7724.95</c:v>
                </c:pt>
                <c:pt idx="13258">
                  <c:v>7500.18</c:v>
                </c:pt>
                <c:pt idx="13259">
                  <c:v>7754.59</c:v>
                </c:pt>
                <c:pt idx="13260">
                  <c:v>7342.18</c:v>
                </c:pt>
                <c:pt idx="13261">
                  <c:v>7339.91</c:v>
                </c:pt>
                <c:pt idx="13262">
                  <c:v>7816.42</c:v>
                </c:pt>
                <c:pt idx="13263">
                  <c:v>7867.42</c:v>
                </c:pt>
                <c:pt idx="13264">
                  <c:v>7137.11</c:v>
                </c:pt>
                <c:pt idx="13265">
                  <c:v>8523.0300000000007</c:v>
                </c:pt>
                <c:pt idx="13266">
                  <c:v>7959.18</c:v>
                </c:pt>
                <c:pt idx="13267">
                  <c:v>8248.18</c:v>
                </c:pt>
                <c:pt idx="13268">
                  <c:v>7724.95</c:v>
                </c:pt>
                <c:pt idx="13269">
                  <c:v>7500.18</c:v>
                </c:pt>
                <c:pt idx="13270">
                  <c:v>7754.59</c:v>
                </c:pt>
                <c:pt idx="13271">
                  <c:v>7342.18</c:v>
                </c:pt>
                <c:pt idx="13272">
                  <c:v>7339.91</c:v>
                </c:pt>
                <c:pt idx="13273">
                  <c:v>7816.42</c:v>
                </c:pt>
                <c:pt idx="13274">
                  <c:v>7867.42</c:v>
                </c:pt>
                <c:pt idx="13275">
                  <c:v>7137.11</c:v>
                </c:pt>
                <c:pt idx="13276">
                  <c:v>8523.0300000000007</c:v>
                </c:pt>
                <c:pt idx="13277">
                  <c:v>7959.18</c:v>
                </c:pt>
                <c:pt idx="13278">
                  <c:v>8248.18</c:v>
                </c:pt>
                <c:pt idx="13279">
                  <c:v>7724.95</c:v>
                </c:pt>
                <c:pt idx="13280">
                  <c:v>7500.18</c:v>
                </c:pt>
                <c:pt idx="13281">
                  <c:v>7754.59</c:v>
                </c:pt>
                <c:pt idx="13282">
                  <c:v>7342.18</c:v>
                </c:pt>
                <c:pt idx="13283">
                  <c:v>7339.91</c:v>
                </c:pt>
                <c:pt idx="13284">
                  <c:v>7816.42</c:v>
                </c:pt>
                <c:pt idx="13285">
                  <c:v>7867.42</c:v>
                </c:pt>
                <c:pt idx="13286">
                  <c:v>7137.11</c:v>
                </c:pt>
                <c:pt idx="13287">
                  <c:v>8523.0300000000007</c:v>
                </c:pt>
                <c:pt idx="13288">
                  <c:v>7959.18</c:v>
                </c:pt>
                <c:pt idx="13289">
                  <c:v>8248.18</c:v>
                </c:pt>
                <c:pt idx="13290">
                  <c:v>7724.95</c:v>
                </c:pt>
                <c:pt idx="13291">
                  <c:v>7500.18</c:v>
                </c:pt>
                <c:pt idx="13292">
                  <c:v>7754.59</c:v>
                </c:pt>
                <c:pt idx="13293">
                  <c:v>7342.18</c:v>
                </c:pt>
                <c:pt idx="13294">
                  <c:v>7339.91</c:v>
                </c:pt>
                <c:pt idx="13295">
                  <c:v>7816.42</c:v>
                </c:pt>
                <c:pt idx="13296">
                  <c:v>7867.42</c:v>
                </c:pt>
                <c:pt idx="13297">
                  <c:v>7137.11</c:v>
                </c:pt>
                <c:pt idx="13298">
                  <c:v>8523.0300000000007</c:v>
                </c:pt>
                <c:pt idx="13299">
                  <c:v>7959.18</c:v>
                </c:pt>
                <c:pt idx="13300">
                  <c:v>8248.18</c:v>
                </c:pt>
                <c:pt idx="13301">
                  <c:v>7724.95</c:v>
                </c:pt>
                <c:pt idx="13302">
                  <c:v>7500.18</c:v>
                </c:pt>
                <c:pt idx="13303">
                  <c:v>7754.59</c:v>
                </c:pt>
                <c:pt idx="13304">
                  <c:v>7342.18</c:v>
                </c:pt>
                <c:pt idx="13305">
                  <c:v>7339.91</c:v>
                </c:pt>
                <c:pt idx="13306">
                  <c:v>7816.42</c:v>
                </c:pt>
                <c:pt idx="13307">
                  <c:v>7867.42</c:v>
                </c:pt>
                <c:pt idx="13308">
                  <c:v>7137.11</c:v>
                </c:pt>
                <c:pt idx="13309">
                  <c:v>8523.0300000000007</c:v>
                </c:pt>
                <c:pt idx="13310">
                  <c:v>7959.18</c:v>
                </c:pt>
                <c:pt idx="13311">
                  <c:v>8248.18</c:v>
                </c:pt>
                <c:pt idx="13312">
                  <c:v>7724.95</c:v>
                </c:pt>
                <c:pt idx="13313">
                  <c:v>7500.18</c:v>
                </c:pt>
                <c:pt idx="13314">
                  <c:v>7754.59</c:v>
                </c:pt>
                <c:pt idx="13315">
                  <c:v>7342.18</c:v>
                </c:pt>
                <c:pt idx="13316">
                  <c:v>7339.91</c:v>
                </c:pt>
                <c:pt idx="13317">
                  <c:v>7816.42</c:v>
                </c:pt>
                <c:pt idx="13318">
                  <c:v>7867.42</c:v>
                </c:pt>
                <c:pt idx="13319">
                  <c:v>7137.11</c:v>
                </c:pt>
                <c:pt idx="13320">
                  <c:v>8523.0300000000007</c:v>
                </c:pt>
                <c:pt idx="13321">
                  <c:v>7959.18</c:v>
                </c:pt>
                <c:pt idx="13322">
                  <c:v>8248.18</c:v>
                </c:pt>
                <c:pt idx="13323">
                  <c:v>7724.95</c:v>
                </c:pt>
                <c:pt idx="13324">
                  <c:v>7500.18</c:v>
                </c:pt>
                <c:pt idx="13325">
                  <c:v>7754.59</c:v>
                </c:pt>
                <c:pt idx="13326">
                  <c:v>7342.18</c:v>
                </c:pt>
                <c:pt idx="13327">
                  <c:v>7339.91</c:v>
                </c:pt>
                <c:pt idx="13328">
                  <c:v>7816.42</c:v>
                </c:pt>
                <c:pt idx="13329">
                  <c:v>7867.42</c:v>
                </c:pt>
                <c:pt idx="13330">
                  <c:v>7137.11</c:v>
                </c:pt>
                <c:pt idx="13331">
                  <c:v>5333.32</c:v>
                </c:pt>
                <c:pt idx="13332">
                  <c:v>4722.7299999999996</c:v>
                </c:pt>
                <c:pt idx="13333">
                  <c:v>4319.08</c:v>
                </c:pt>
                <c:pt idx="13334">
                  <c:v>4037.55</c:v>
                </c:pt>
                <c:pt idx="13335">
                  <c:v>3823.87</c:v>
                </c:pt>
                <c:pt idx="13336">
                  <c:v>3602.15</c:v>
                </c:pt>
                <c:pt idx="13337">
                  <c:v>3564.99</c:v>
                </c:pt>
                <c:pt idx="13338">
                  <c:v>3345.9</c:v>
                </c:pt>
                <c:pt idx="13339">
                  <c:v>3320.97</c:v>
                </c:pt>
                <c:pt idx="13340">
                  <c:v>3231.56</c:v>
                </c:pt>
                <c:pt idx="13341">
                  <c:v>3179.78</c:v>
                </c:pt>
                <c:pt idx="13342">
                  <c:v>6745.84</c:v>
                </c:pt>
                <c:pt idx="13343">
                  <c:v>6109.04</c:v>
                </c:pt>
                <c:pt idx="13344">
                  <c:v>5821.33</c:v>
                </c:pt>
                <c:pt idx="13345">
                  <c:v>5438.07</c:v>
                </c:pt>
                <c:pt idx="13346">
                  <c:v>5062.42</c:v>
                </c:pt>
                <c:pt idx="13347">
                  <c:v>4883.03</c:v>
                </c:pt>
                <c:pt idx="13348">
                  <c:v>4838.75</c:v>
                </c:pt>
                <c:pt idx="13349">
                  <c:v>4639.37</c:v>
                </c:pt>
                <c:pt idx="13350">
                  <c:v>4551.45</c:v>
                </c:pt>
                <c:pt idx="13351">
                  <c:v>4486.2</c:v>
                </c:pt>
                <c:pt idx="13352">
                  <c:v>4481.87</c:v>
                </c:pt>
                <c:pt idx="13353">
                  <c:v>8223.67</c:v>
                </c:pt>
                <c:pt idx="13354">
                  <c:v>7537.45</c:v>
                </c:pt>
                <c:pt idx="13355">
                  <c:v>7133.45</c:v>
                </c:pt>
                <c:pt idx="13356">
                  <c:v>6882.09</c:v>
                </c:pt>
                <c:pt idx="13357">
                  <c:v>6480.29</c:v>
                </c:pt>
                <c:pt idx="13358">
                  <c:v>6317.74</c:v>
                </c:pt>
                <c:pt idx="13359">
                  <c:v>6209.96</c:v>
                </c:pt>
                <c:pt idx="13360">
                  <c:v>6085.27</c:v>
                </c:pt>
                <c:pt idx="13361">
                  <c:v>6118.75</c:v>
                </c:pt>
                <c:pt idx="13362">
                  <c:v>5990.86</c:v>
                </c:pt>
                <c:pt idx="13363">
                  <c:v>5838.85</c:v>
                </c:pt>
                <c:pt idx="13364">
                  <c:v>8523.0300000000007</c:v>
                </c:pt>
                <c:pt idx="13365">
                  <c:v>7959.18</c:v>
                </c:pt>
                <c:pt idx="13366">
                  <c:v>8248.18</c:v>
                </c:pt>
                <c:pt idx="13367">
                  <c:v>7724.95</c:v>
                </c:pt>
                <c:pt idx="13368">
                  <c:v>7500.18</c:v>
                </c:pt>
                <c:pt idx="13369">
                  <c:v>7498.37</c:v>
                </c:pt>
                <c:pt idx="13370">
                  <c:v>7342.18</c:v>
                </c:pt>
                <c:pt idx="13371">
                  <c:v>7339.91</c:v>
                </c:pt>
                <c:pt idx="13372">
                  <c:v>7232.56</c:v>
                </c:pt>
                <c:pt idx="13373">
                  <c:v>7274.96</c:v>
                </c:pt>
                <c:pt idx="13374">
                  <c:v>7137.11</c:v>
                </c:pt>
                <c:pt idx="13375">
                  <c:v>8523.0300000000007</c:v>
                </c:pt>
                <c:pt idx="13376">
                  <c:v>7959.18</c:v>
                </c:pt>
                <c:pt idx="13377">
                  <c:v>8248.18</c:v>
                </c:pt>
                <c:pt idx="13378">
                  <c:v>7724.95</c:v>
                </c:pt>
                <c:pt idx="13379">
                  <c:v>7500.18</c:v>
                </c:pt>
                <c:pt idx="13380">
                  <c:v>7754.59</c:v>
                </c:pt>
                <c:pt idx="13381">
                  <c:v>7342.18</c:v>
                </c:pt>
                <c:pt idx="13382">
                  <c:v>7339.91</c:v>
                </c:pt>
                <c:pt idx="13383">
                  <c:v>7816.42</c:v>
                </c:pt>
                <c:pt idx="13384">
                  <c:v>7867.42</c:v>
                </c:pt>
                <c:pt idx="13385">
                  <c:v>7137.11</c:v>
                </c:pt>
                <c:pt idx="13386">
                  <c:v>8523.0300000000007</c:v>
                </c:pt>
                <c:pt idx="13387">
                  <c:v>7959.18</c:v>
                </c:pt>
                <c:pt idx="13388">
                  <c:v>8248.18</c:v>
                </c:pt>
                <c:pt idx="13389">
                  <c:v>7724.95</c:v>
                </c:pt>
                <c:pt idx="13390">
                  <c:v>7500.18</c:v>
                </c:pt>
                <c:pt idx="13391">
                  <c:v>7754.59</c:v>
                </c:pt>
                <c:pt idx="13392">
                  <c:v>7342.18</c:v>
                </c:pt>
                <c:pt idx="13393">
                  <c:v>7339.91</c:v>
                </c:pt>
                <c:pt idx="13394">
                  <c:v>7816.42</c:v>
                </c:pt>
                <c:pt idx="13395">
                  <c:v>7867.42</c:v>
                </c:pt>
                <c:pt idx="13396">
                  <c:v>7137.11</c:v>
                </c:pt>
                <c:pt idx="13397">
                  <c:v>8523.0300000000007</c:v>
                </c:pt>
                <c:pt idx="13398">
                  <c:v>7959.18</c:v>
                </c:pt>
                <c:pt idx="13399">
                  <c:v>8248.18</c:v>
                </c:pt>
                <c:pt idx="13400">
                  <c:v>7724.95</c:v>
                </c:pt>
                <c:pt idx="13401">
                  <c:v>7500.18</c:v>
                </c:pt>
                <c:pt idx="13402">
                  <c:v>7754.59</c:v>
                </c:pt>
                <c:pt idx="13403">
                  <c:v>7342.18</c:v>
                </c:pt>
                <c:pt idx="13404">
                  <c:v>7339.91</c:v>
                </c:pt>
                <c:pt idx="13405">
                  <c:v>7816.42</c:v>
                </c:pt>
                <c:pt idx="13406">
                  <c:v>7867.42</c:v>
                </c:pt>
                <c:pt idx="13407">
                  <c:v>7137.11</c:v>
                </c:pt>
                <c:pt idx="13408">
                  <c:v>8523.0300000000007</c:v>
                </c:pt>
                <c:pt idx="13409">
                  <c:v>7959.18</c:v>
                </c:pt>
                <c:pt idx="13410">
                  <c:v>8248.18</c:v>
                </c:pt>
                <c:pt idx="13411">
                  <c:v>7724.95</c:v>
                </c:pt>
                <c:pt idx="13412">
                  <c:v>7500.18</c:v>
                </c:pt>
                <c:pt idx="13413">
                  <c:v>7754.59</c:v>
                </c:pt>
                <c:pt idx="13414">
                  <c:v>7342.18</c:v>
                </c:pt>
                <c:pt idx="13415">
                  <c:v>7339.91</c:v>
                </c:pt>
                <c:pt idx="13416">
                  <c:v>7816.42</c:v>
                </c:pt>
                <c:pt idx="13417">
                  <c:v>7867.42</c:v>
                </c:pt>
                <c:pt idx="13418">
                  <c:v>7137.11</c:v>
                </c:pt>
                <c:pt idx="13419">
                  <c:v>8523.0300000000007</c:v>
                </c:pt>
                <c:pt idx="13420">
                  <c:v>7959.18</c:v>
                </c:pt>
                <c:pt idx="13421">
                  <c:v>8248.18</c:v>
                </c:pt>
                <c:pt idx="13422">
                  <c:v>7724.95</c:v>
                </c:pt>
                <c:pt idx="13423">
                  <c:v>7500.18</c:v>
                </c:pt>
                <c:pt idx="13424">
                  <c:v>7754.59</c:v>
                </c:pt>
                <c:pt idx="13425">
                  <c:v>7342.18</c:v>
                </c:pt>
                <c:pt idx="13426">
                  <c:v>7339.91</c:v>
                </c:pt>
                <c:pt idx="13427">
                  <c:v>7816.42</c:v>
                </c:pt>
                <c:pt idx="13428">
                  <c:v>7867.42</c:v>
                </c:pt>
                <c:pt idx="13429">
                  <c:v>7137.11</c:v>
                </c:pt>
                <c:pt idx="13430">
                  <c:v>8523.0300000000007</c:v>
                </c:pt>
                <c:pt idx="13431">
                  <c:v>7959.18</c:v>
                </c:pt>
                <c:pt idx="13432">
                  <c:v>8248.18</c:v>
                </c:pt>
                <c:pt idx="13433">
                  <c:v>7724.95</c:v>
                </c:pt>
                <c:pt idx="13434">
                  <c:v>7500.18</c:v>
                </c:pt>
                <c:pt idx="13435">
                  <c:v>7754.59</c:v>
                </c:pt>
                <c:pt idx="13436">
                  <c:v>7342.18</c:v>
                </c:pt>
                <c:pt idx="13437">
                  <c:v>7339.91</c:v>
                </c:pt>
                <c:pt idx="13438">
                  <c:v>7816.42</c:v>
                </c:pt>
                <c:pt idx="13439">
                  <c:v>7867.42</c:v>
                </c:pt>
                <c:pt idx="13440">
                  <c:v>7137.11</c:v>
                </c:pt>
                <c:pt idx="13441">
                  <c:v>8523.0300000000007</c:v>
                </c:pt>
                <c:pt idx="13442">
                  <c:v>7959.18</c:v>
                </c:pt>
                <c:pt idx="13443">
                  <c:v>8248.18</c:v>
                </c:pt>
                <c:pt idx="13444">
                  <c:v>7724.95</c:v>
                </c:pt>
                <c:pt idx="13445">
                  <c:v>7500.18</c:v>
                </c:pt>
                <c:pt idx="13446">
                  <c:v>7754.59</c:v>
                </c:pt>
                <c:pt idx="13447">
                  <c:v>7342.18</c:v>
                </c:pt>
                <c:pt idx="13448">
                  <c:v>7339.91</c:v>
                </c:pt>
                <c:pt idx="13449">
                  <c:v>7816.42</c:v>
                </c:pt>
                <c:pt idx="13450">
                  <c:v>7867.42</c:v>
                </c:pt>
                <c:pt idx="13451">
                  <c:v>7137.11</c:v>
                </c:pt>
                <c:pt idx="13452">
                  <c:v>8523.0300000000007</c:v>
                </c:pt>
                <c:pt idx="13453">
                  <c:v>7959.18</c:v>
                </c:pt>
                <c:pt idx="13454">
                  <c:v>8248.18</c:v>
                </c:pt>
                <c:pt idx="13455">
                  <c:v>7724.95</c:v>
                </c:pt>
                <c:pt idx="13456">
                  <c:v>7500.18</c:v>
                </c:pt>
                <c:pt idx="13457">
                  <c:v>7754.59</c:v>
                </c:pt>
                <c:pt idx="13458">
                  <c:v>7342.18</c:v>
                </c:pt>
                <c:pt idx="13459">
                  <c:v>7339.91</c:v>
                </c:pt>
                <c:pt idx="13460">
                  <c:v>7816.42</c:v>
                </c:pt>
                <c:pt idx="13461">
                  <c:v>7867.42</c:v>
                </c:pt>
                <c:pt idx="13462">
                  <c:v>7137.11</c:v>
                </c:pt>
                <c:pt idx="13463">
                  <c:v>5333.32</c:v>
                </c:pt>
                <c:pt idx="13464">
                  <c:v>4722.7299999999996</c:v>
                </c:pt>
                <c:pt idx="13465">
                  <c:v>4319.08</c:v>
                </c:pt>
                <c:pt idx="13466">
                  <c:v>4038.24</c:v>
                </c:pt>
                <c:pt idx="13467">
                  <c:v>3823.87</c:v>
                </c:pt>
                <c:pt idx="13468">
                  <c:v>3602.15</c:v>
                </c:pt>
                <c:pt idx="13469">
                  <c:v>3564.99</c:v>
                </c:pt>
                <c:pt idx="13470">
                  <c:v>3345.9</c:v>
                </c:pt>
                <c:pt idx="13471">
                  <c:v>3244.89</c:v>
                </c:pt>
                <c:pt idx="13472">
                  <c:v>3236.21</c:v>
                </c:pt>
                <c:pt idx="13473">
                  <c:v>3113.78</c:v>
                </c:pt>
                <c:pt idx="13474">
                  <c:v>6745.84</c:v>
                </c:pt>
                <c:pt idx="13475">
                  <c:v>6109.04</c:v>
                </c:pt>
                <c:pt idx="13476">
                  <c:v>5821.33</c:v>
                </c:pt>
                <c:pt idx="13477">
                  <c:v>5438.07</c:v>
                </c:pt>
                <c:pt idx="13478">
                  <c:v>5062.42</c:v>
                </c:pt>
                <c:pt idx="13479">
                  <c:v>4883.03</c:v>
                </c:pt>
                <c:pt idx="13480">
                  <c:v>4838.75</c:v>
                </c:pt>
                <c:pt idx="13481">
                  <c:v>4639.37</c:v>
                </c:pt>
                <c:pt idx="13482">
                  <c:v>4551.45</c:v>
                </c:pt>
                <c:pt idx="13483">
                  <c:v>4486.2</c:v>
                </c:pt>
                <c:pt idx="13484">
                  <c:v>4448.62</c:v>
                </c:pt>
                <c:pt idx="13485">
                  <c:v>8223.67</c:v>
                </c:pt>
                <c:pt idx="13486">
                  <c:v>7537.45</c:v>
                </c:pt>
                <c:pt idx="13487">
                  <c:v>7133.45</c:v>
                </c:pt>
                <c:pt idx="13488">
                  <c:v>6882.09</c:v>
                </c:pt>
                <c:pt idx="13489">
                  <c:v>6480.29</c:v>
                </c:pt>
                <c:pt idx="13490">
                  <c:v>6317.74</c:v>
                </c:pt>
                <c:pt idx="13491">
                  <c:v>6209.96</c:v>
                </c:pt>
                <c:pt idx="13492">
                  <c:v>6085.27</c:v>
                </c:pt>
                <c:pt idx="13493">
                  <c:v>6118.75</c:v>
                </c:pt>
                <c:pt idx="13494">
                  <c:v>5990.86</c:v>
                </c:pt>
                <c:pt idx="13495">
                  <c:v>5838.85</c:v>
                </c:pt>
                <c:pt idx="13496">
                  <c:v>8523.0300000000007</c:v>
                </c:pt>
                <c:pt idx="13497">
                  <c:v>7959.18</c:v>
                </c:pt>
                <c:pt idx="13498">
                  <c:v>8248.18</c:v>
                </c:pt>
                <c:pt idx="13499">
                  <c:v>7724.95</c:v>
                </c:pt>
                <c:pt idx="13500">
                  <c:v>7500.18</c:v>
                </c:pt>
                <c:pt idx="13501">
                  <c:v>7498.37</c:v>
                </c:pt>
                <c:pt idx="13502">
                  <c:v>7342.18</c:v>
                </c:pt>
                <c:pt idx="13503">
                  <c:v>7339.91</c:v>
                </c:pt>
                <c:pt idx="13504">
                  <c:v>7212.53</c:v>
                </c:pt>
                <c:pt idx="13505">
                  <c:v>7254.65</c:v>
                </c:pt>
                <c:pt idx="13506">
                  <c:v>7137.11</c:v>
                </c:pt>
                <c:pt idx="13507">
                  <c:v>8523.0300000000007</c:v>
                </c:pt>
                <c:pt idx="13508">
                  <c:v>7959.18</c:v>
                </c:pt>
                <c:pt idx="13509">
                  <c:v>8248.18</c:v>
                </c:pt>
                <c:pt idx="13510">
                  <c:v>7724.95</c:v>
                </c:pt>
                <c:pt idx="13511">
                  <c:v>7500.18</c:v>
                </c:pt>
                <c:pt idx="13512">
                  <c:v>7754.59</c:v>
                </c:pt>
                <c:pt idx="13513">
                  <c:v>7342.18</c:v>
                </c:pt>
                <c:pt idx="13514">
                  <c:v>7339.91</c:v>
                </c:pt>
                <c:pt idx="13515">
                  <c:v>7816.42</c:v>
                </c:pt>
                <c:pt idx="13516">
                  <c:v>7867.42</c:v>
                </c:pt>
                <c:pt idx="13517">
                  <c:v>7137.11</c:v>
                </c:pt>
                <c:pt idx="13518">
                  <c:v>8523.0300000000007</c:v>
                </c:pt>
                <c:pt idx="13519">
                  <c:v>7959.18</c:v>
                </c:pt>
                <c:pt idx="13520">
                  <c:v>8248.18</c:v>
                </c:pt>
                <c:pt idx="13521">
                  <c:v>7724.95</c:v>
                </c:pt>
                <c:pt idx="13522">
                  <c:v>7500.18</c:v>
                </c:pt>
                <c:pt idx="13523">
                  <c:v>7754.59</c:v>
                </c:pt>
                <c:pt idx="13524">
                  <c:v>7342.18</c:v>
                </c:pt>
                <c:pt idx="13525">
                  <c:v>7339.91</c:v>
                </c:pt>
                <c:pt idx="13526">
                  <c:v>7816.42</c:v>
                </c:pt>
                <c:pt idx="13527">
                  <c:v>7867.42</c:v>
                </c:pt>
                <c:pt idx="13528">
                  <c:v>7137.11</c:v>
                </c:pt>
                <c:pt idx="13529">
                  <c:v>8523.0300000000007</c:v>
                </c:pt>
                <c:pt idx="13530">
                  <c:v>7959.18</c:v>
                </c:pt>
                <c:pt idx="13531">
                  <c:v>8248.18</c:v>
                </c:pt>
                <c:pt idx="13532">
                  <c:v>7724.95</c:v>
                </c:pt>
                <c:pt idx="13533">
                  <c:v>7500.18</c:v>
                </c:pt>
                <c:pt idx="13534">
                  <c:v>7754.59</c:v>
                </c:pt>
                <c:pt idx="13535">
                  <c:v>7342.18</c:v>
                </c:pt>
                <c:pt idx="13536">
                  <c:v>7339.91</c:v>
                </c:pt>
                <c:pt idx="13537">
                  <c:v>7816.42</c:v>
                </c:pt>
                <c:pt idx="13538">
                  <c:v>7867.42</c:v>
                </c:pt>
                <c:pt idx="13539">
                  <c:v>7137.11</c:v>
                </c:pt>
                <c:pt idx="13540">
                  <c:v>8523.0300000000007</c:v>
                </c:pt>
                <c:pt idx="13541">
                  <c:v>7959.18</c:v>
                </c:pt>
                <c:pt idx="13542">
                  <c:v>8248.18</c:v>
                </c:pt>
                <c:pt idx="13543">
                  <c:v>7724.95</c:v>
                </c:pt>
                <c:pt idx="13544">
                  <c:v>7500.18</c:v>
                </c:pt>
                <c:pt idx="13545">
                  <c:v>7754.59</c:v>
                </c:pt>
                <c:pt idx="13546">
                  <c:v>7342.18</c:v>
                </c:pt>
                <c:pt idx="13547">
                  <c:v>7339.91</c:v>
                </c:pt>
                <c:pt idx="13548">
                  <c:v>7816.42</c:v>
                </c:pt>
                <c:pt idx="13549">
                  <c:v>7867.42</c:v>
                </c:pt>
                <c:pt idx="13550">
                  <c:v>7137.11</c:v>
                </c:pt>
                <c:pt idx="13551">
                  <c:v>8523.0300000000007</c:v>
                </c:pt>
                <c:pt idx="13552">
                  <c:v>7959.18</c:v>
                </c:pt>
                <c:pt idx="13553">
                  <c:v>8248.18</c:v>
                </c:pt>
                <c:pt idx="13554">
                  <c:v>7724.95</c:v>
                </c:pt>
                <c:pt idx="13555">
                  <c:v>7500.18</c:v>
                </c:pt>
                <c:pt idx="13556">
                  <c:v>7754.59</c:v>
                </c:pt>
                <c:pt idx="13557">
                  <c:v>7342.18</c:v>
                </c:pt>
                <c:pt idx="13558">
                  <c:v>7339.91</c:v>
                </c:pt>
                <c:pt idx="13559">
                  <c:v>7816.42</c:v>
                </c:pt>
                <c:pt idx="13560">
                  <c:v>7867.42</c:v>
                </c:pt>
                <c:pt idx="13561">
                  <c:v>7137.11</c:v>
                </c:pt>
                <c:pt idx="13562">
                  <c:v>8523.0300000000007</c:v>
                </c:pt>
                <c:pt idx="13563">
                  <c:v>7959.18</c:v>
                </c:pt>
                <c:pt idx="13564">
                  <c:v>8248.18</c:v>
                </c:pt>
                <c:pt idx="13565">
                  <c:v>7724.95</c:v>
                </c:pt>
                <c:pt idx="13566">
                  <c:v>7500.18</c:v>
                </c:pt>
                <c:pt idx="13567">
                  <c:v>7754.59</c:v>
                </c:pt>
                <c:pt idx="13568">
                  <c:v>7342.18</c:v>
                </c:pt>
                <c:pt idx="13569">
                  <c:v>7339.91</c:v>
                </c:pt>
                <c:pt idx="13570">
                  <c:v>7816.42</c:v>
                </c:pt>
                <c:pt idx="13571">
                  <c:v>7867.42</c:v>
                </c:pt>
                <c:pt idx="13572">
                  <c:v>7137.11</c:v>
                </c:pt>
                <c:pt idx="13573">
                  <c:v>8523.0300000000007</c:v>
                </c:pt>
                <c:pt idx="13574">
                  <c:v>7959.18</c:v>
                </c:pt>
                <c:pt idx="13575">
                  <c:v>8248.18</c:v>
                </c:pt>
                <c:pt idx="13576">
                  <c:v>7724.95</c:v>
                </c:pt>
                <c:pt idx="13577">
                  <c:v>7500.18</c:v>
                </c:pt>
                <c:pt idx="13578">
                  <c:v>7754.59</c:v>
                </c:pt>
                <c:pt idx="13579">
                  <c:v>7342.18</c:v>
                </c:pt>
                <c:pt idx="13580">
                  <c:v>7339.91</c:v>
                </c:pt>
                <c:pt idx="13581">
                  <c:v>7816.42</c:v>
                </c:pt>
                <c:pt idx="13582">
                  <c:v>7867.42</c:v>
                </c:pt>
                <c:pt idx="13583">
                  <c:v>7137.11</c:v>
                </c:pt>
                <c:pt idx="13584">
                  <c:v>8523.0300000000007</c:v>
                </c:pt>
                <c:pt idx="13585">
                  <c:v>7959.18</c:v>
                </c:pt>
                <c:pt idx="13586">
                  <c:v>8248.18</c:v>
                </c:pt>
                <c:pt idx="13587">
                  <c:v>7724.95</c:v>
                </c:pt>
                <c:pt idx="13588">
                  <c:v>7500.18</c:v>
                </c:pt>
                <c:pt idx="13589">
                  <c:v>7754.59</c:v>
                </c:pt>
                <c:pt idx="13590">
                  <c:v>7342.18</c:v>
                </c:pt>
                <c:pt idx="13591">
                  <c:v>7339.91</c:v>
                </c:pt>
                <c:pt idx="13592">
                  <c:v>7816.42</c:v>
                </c:pt>
                <c:pt idx="13593">
                  <c:v>7867.42</c:v>
                </c:pt>
                <c:pt idx="13594">
                  <c:v>7137.11</c:v>
                </c:pt>
                <c:pt idx="13595">
                  <c:v>5333.32</c:v>
                </c:pt>
                <c:pt idx="13596">
                  <c:v>4722.7299999999996</c:v>
                </c:pt>
                <c:pt idx="13597">
                  <c:v>4319.08</c:v>
                </c:pt>
                <c:pt idx="13598">
                  <c:v>4038.24</c:v>
                </c:pt>
                <c:pt idx="13599">
                  <c:v>3823.87</c:v>
                </c:pt>
                <c:pt idx="13600">
                  <c:v>3602.15</c:v>
                </c:pt>
                <c:pt idx="13601">
                  <c:v>3564.99</c:v>
                </c:pt>
                <c:pt idx="13602">
                  <c:v>3345.9</c:v>
                </c:pt>
                <c:pt idx="13603">
                  <c:v>3244.89</c:v>
                </c:pt>
                <c:pt idx="13604">
                  <c:v>3241.63</c:v>
                </c:pt>
                <c:pt idx="13605">
                  <c:v>3113.78</c:v>
                </c:pt>
                <c:pt idx="13606">
                  <c:v>6745.84</c:v>
                </c:pt>
                <c:pt idx="13607">
                  <c:v>6109.04</c:v>
                </c:pt>
                <c:pt idx="13608">
                  <c:v>5821.33</c:v>
                </c:pt>
                <c:pt idx="13609">
                  <c:v>5438.07</c:v>
                </c:pt>
                <c:pt idx="13610">
                  <c:v>5062.42</c:v>
                </c:pt>
                <c:pt idx="13611">
                  <c:v>4883.03</c:v>
                </c:pt>
                <c:pt idx="13612">
                  <c:v>4838.75</c:v>
                </c:pt>
                <c:pt idx="13613">
                  <c:v>4639.37</c:v>
                </c:pt>
                <c:pt idx="13614">
                  <c:v>4551.45</c:v>
                </c:pt>
                <c:pt idx="13615">
                  <c:v>4486.2</c:v>
                </c:pt>
                <c:pt idx="13616">
                  <c:v>4448.62</c:v>
                </c:pt>
                <c:pt idx="13617">
                  <c:v>8223.67</c:v>
                </c:pt>
                <c:pt idx="13618">
                  <c:v>7537.45</c:v>
                </c:pt>
                <c:pt idx="13619">
                  <c:v>7133.45</c:v>
                </c:pt>
                <c:pt idx="13620">
                  <c:v>6882.09</c:v>
                </c:pt>
                <c:pt idx="13621">
                  <c:v>6480.29</c:v>
                </c:pt>
                <c:pt idx="13622">
                  <c:v>6317.74</c:v>
                </c:pt>
                <c:pt idx="13623">
                  <c:v>6209.96</c:v>
                </c:pt>
                <c:pt idx="13624">
                  <c:v>6085.27</c:v>
                </c:pt>
                <c:pt idx="13625">
                  <c:v>6118.75</c:v>
                </c:pt>
                <c:pt idx="13626">
                  <c:v>5990.86</c:v>
                </c:pt>
                <c:pt idx="13627">
                  <c:v>5838.85</c:v>
                </c:pt>
                <c:pt idx="13628">
                  <c:v>8523.0300000000007</c:v>
                </c:pt>
                <c:pt idx="13629">
                  <c:v>7959.18</c:v>
                </c:pt>
                <c:pt idx="13630">
                  <c:v>8248.18</c:v>
                </c:pt>
                <c:pt idx="13631">
                  <c:v>7724.95</c:v>
                </c:pt>
                <c:pt idx="13632">
                  <c:v>7500.18</c:v>
                </c:pt>
                <c:pt idx="13633">
                  <c:v>7498.37</c:v>
                </c:pt>
                <c:pt idx="13634">
                  <c:v>7342.18</c:v>
                </c:pt>
                <c:pt idx="13635">
                  <c:v>7339.91</c:v>
                </c:pt>
                <c:pt idx="13636">
                  <c:v>7205.83</c:v>
                </c:pt>
                <c:pt idx="13637">
                  <c:v>7238.4</c:v>
                </c:pt>
                <c:pt idx="13638">
                  <c:v>7137.11</c:v>
                </c:pt>
                <c:pt idx="13639">
                  <c:v>8523.0300000000007</c:v>
                </c:pt>
                <c:pt idx="13640">
                  <c:v>7959.18</c:v>
                </c:pt>
                <c:pt idx="13641">
                  <c:v>8248.18</c:v>
                </c:pt>
                <c:pt idx="13642">
                  <c:v>7724.95</c:v>
                </c:pt>
                <c:pt idx="13643">
                  <c:v>7500.18</c:v>
                </c:pt>
                <c:pt idx="13644">
                  <c:v>7754.59</c:v>
                </c:pt>
                <c:pt idx="13645">
                  <c:v>7342.18</c:v>
                </c:pt>
                <c:pt idx="13646">
                  <c:v>7339.91</c:v>
                </c:pt>
                <c:pt idx="13647">
                  <c:v>7816.42</c:v>
                </c:pt>
                <c:pt idx="13648">
                  <c:v>7867.42</c:v>
                </c:pt>
                <c:pt idx="13649">
                  <c:v>7137.11</c:v>
                </c:pt>
                <c:pt idx="13650">
                  <c:v>8523.0300000000007</c:v>
                </c:pt>
                <c:pt idx="13651">
                  <c:v>7959.18</c:v>
                </c:pt>
                <c:pt idx="13652">
                  <c:v>8248.18</c:v>
                </c:pt>
                <c:pt idx="13653">
                  <c:v>7724.95</c:v>
                </c:pt>
                <c:pt idx="13654">
                  <c:v>7500.18</c:v>
                </c:pt>
                <c:pt idx="13655">
                  <c:v>7754.59</c:v>
                </c:pt>
                <c:pt idx="13656">
                  <c:v>7342.18</c:v>
                </c:pt>
                <c:pt idx="13657">
                  <c:v>7339.91</c:v>
                </c:pt>
                <c:pt idx="13658">
                  <c:v>7816.42</c:v>
                </c:pt>
                <c:pt idx="13659">
                  <c:v>7867.42</c:v>
                </c:pt>
                <c:pt idx="13660">
                  <c:v>7137.11</c:v>
                </c:pt>
                <c:pt idx="13661">
                  <c:v>8523.0300000000007</c:v>
                </c:pt>
                <c:pt idx="13662">
                  <c:v>7959.18</c:v>
                </c:pt>
                <c:pt idx="13663">
                  <c:v>8248.18</c:v>
                </c:pt>
                <c:pt idx="13664">
                  <c:v>7724.95</c:v>
                </c:pt>
                <c:pt idx="13665">
                  <c:v>7500.18</c:v>
                </c:pt>
                <c:pt idx="13666">
                  <c:v>7754.59</c:v>
                </c:pt>
                <c:pt idx="13667">
                  <c:v>7342.18</c:v>
                </c:pt>
                <c:pt idx="13668">
                  <c:v>7339.91</c:v>
                </c:pt>
                <c:pt idx="13669">
                  <c:v>7816.42</c:v>
                </c:pt>
                <c:pt idx="13670">
                  <c:v>7867.42</c:v>
                </c:pt>
                <c:pt idx="13671">
                  <c:v>7137.11</c:v>
                </c:pt>
                <c:pt idx="13672">
                  <c:v>8523.0300000000007</c:v>
                </c:pt>
                <c:pt idx="13673">
                  <c:v>7959.18</c:v>
                </c:pt>
                <c:pt idx="13674">
                  <c:v>8248.18</c:v>
                </c:pt>
                <c:pt idx="13675">
                  <c:v>7724.95</c:v>
                </c:pt>
                <c:pt idx="13676">
                  <c:v>7500.18</c:v>
                </c:pt>
                <c:pt idx="13677">
                  <c:v>7754.59</c:v>
                </c:pt>
                <c:pt idx="13678">
                  <c:v>7342.18</c:v>
                </c:pt>
                <c:pt idx="13679">
                  <c:v>7339.91</c:v>
                </c:pt>
                <c:pt idx="13680">
                  <c:v>7816.42</c:v>
                </c:pt>
                <c:pt idx="13681">
                  <c:v>7867.42</c:v>
                </c:pt>
                <c:pt idx="13682">
                  <c:v>7137.11</c:v>
                </c:pt>
                <c:pt idx="13683">
                  <c:v>8523.0300000000007</c:v>
                </c:pt>
                <c:pt idx="13684">
                  <c:v>7959.18</c:v>
                </c:pt>
                <c:pt idx="13685">
                  <c:v>8248.18</c:v>
                </c:pt>
                <c:pt idx="13686">
                  <c:v>7724.95</c:v>
                </c:pt>
                <c:pt idx="13687">
                  <c:v>7500.18</c:v>
                </c:pt>
                <c:pt idx="13688">
                  <c:v>7754.59</c:v>
                </c:pt>
                <c:pt idx="13689">
                  <c:v>7342.18</c:v>
                </c:pt>
                <c:pt idx="13690">
                  <c:v>7339.91</c:v>
                </c:pt>
                <c:pt idx="13691">
                  <c:v>7816.42</c:v>
                </c:pt>
                <c:pt idx="13692">
                  <c:v>7867.42</c:v>
                </c:pt>
                <c:pt idx="13693">
                  <c:v>7137.11</c:v>
                </c:pt>
                <c:pt idx="13694">
                  <c:v>8523.0300000000007</c:v>
                </c:pt>
                <c:pt idx="13695">
                  <c:v>7959.18</c:v>
                </c:pt>
                <c:pt idx="13696">
                  <c:v>8248.18</c:v>
                </c:pt>
                <c:pt idx="13697">
                  <c:v>7724.95</c:v>
                </c:pt>
                <c:pt idx="13698">
                  <c:v>7500.18</c:v>
                </c:pt>
                <c:pt idx="13699">
                  <c:v>7754.59</c:v>
                </c:pt>
                <c:pt idx="13700">
                  <c:v>7342.18</c:v>
                </c:pt>
                <c:pt idx="13701">
                  <c:v>7339.91</c:v>
                </c:pt>
                <c:pt idx="13702">
                  <c:v>7816.42</c:v>
                </c:pt>
                <c:pt idx="13703">
                  <c:v>7867.42</c:v>
                </c:pt>
                <c:pt idx="13704">
                  <c:v>7137.11</c:v>
                </c:pt>
                <c:pt idx="13705">
                  <c:v>8523.0300000000007</c:v>
                </c:pt>
                <c:pt idx="13706">
                  <c:v>7959.18</c:v>
                </c:pt>
                <c:pt idx="13707">
                  <c:v>8248.18</c:v>
                </c:pt>
                <c:pt idx="13708">
                  <c:v>7724.95</c:v>
                </c:pt>
                <c:pt idx="13709">
                  <c:v>7500.18</c:v>
                </c:pt>
                <c:pt idx="13710">
                  <c:v>7754.59</c:v>
                </c:pt>
                <c:pt idx="13711">
                  <c:v>7342.18</c:v>
                </c:pt>
                <c:pt idx="13712">
                  <c:v>7339.91</c:v>
                </c:pt>
                <c:pt idx="13713">
                  <c:v>7816.42</c:v>
                </c:pt>
                <c:pt idx="13714">
                  <c:v>7867.42</c:v>
                </c:pt>
                <c:pt idx="13715">
                  <c:v>7137.11</c:v>
                </c:pt>
                <c:pt idx="13716">
                  <c:v>8523.0300000000007</c:v>
                </c:pt>
                <c:pt idx="13717">
                  <c:v>7959.18</c:v>
                </c:pt>
                <c:pt idx="13718">
                  <c:v>8248.18</c:v>
                </c:pt>
                <c:pt idx="13719">
                  <c:v>7724.95</c:v>
                </c:pt>
                <c:pt idx="13720">
                  <c:v>7500.18</c:v>
                </c:pt>
                <c:pt idx="13721">
                  <c:v>7754.59</c:v>
                </c:pt>
                <c:pt idx="13722">
                  <c:v>7342.18</c:v>
                </c:pt>
                <c:pt idx="13723">
                  <c:v>7339.91</c:v>
                </c:pt>
                <c:pt idx="13724">
                  <c:v>7816.42</c:v>
                </c:pt>
                <c:pt idx="13725">
                  <c:v>7867.42</c:v>
                </c:pt>
                <c:pt idx="13726">
                  <c:v>7137.11</c:v>
                </c:pt>
                <c:pt idx="13727">
                  <c:v>5333.32</c:v>
                </c:pt>
                <c:pt idx="13728">
                  <c:v>4722.7299999999996</c:v>
                </c:pt>
                <c:pt idx="13729">
                  <c:v>4319.08</c:v>
                </c:pt>
                <c:pt idx="13730">
                  <c:v>4038.24</c:v>
                </c:pt>
                <c:pt idx="13731">
                  <c:v>3823.87</c:v>
                </c:pt>
                <c:pt idx="13732">
                  <c:v>3602.15</c:v>
                </c:pt>
                <c:pt idx="13733">
                  <c:v>3564.99</c:v>
                </c:pt>
                <c:pt idx="13734">
                  <c:v>3345.9</c:v>
                </c:pt>
                <c:pt idx="13735">
                  <c:v>3244.89</c:v>
                </c:pt>
                <c:pt idx="13736">
                  <c:v>3274.16</c:v>
                </c:pt>
                <c:pt idx="13737">
                  <c:v>3113.78</c:v>
                </c:pt>
                <c:pt idx="13738">
                  <c:v>6745.84</c:v>
                </c:pt>
                <c:pt idx="13739">
                  <c:v>6109.04</c:v>
                </c:pt>
                <c:pt idx="13740">
                  <c:v>5821.33</c:v>
                </c:pt>
                <c:pt idx="13741">
                  <c:v>5438.07</c:v>
                </c:pt>
                <c:pt idx="13742">
                  <c:v>5062.42</c:v>
                </c:pt>
                <c:pt idx="13743">
                  <c:v>4883.03</c:v>
                </c:pt>
                <c:pt idx="13744">
                  <c:v>4838.75</c:v>
                </c:pt>
                <c:pt idx="13745">
                  <c:v>4639.37</c:v>
                </c:pt>
                <c:pt idx="13746">
                  <c:v>4551.45</c:v>
                </c:pt>
                <c:pt idx="13747">
                  <c:v>4486.2</c:v>
                </c:pt>
                <c:pt idx="13748">
                  <c:v>4448.62</c:v>
                </c:pt>
                <c:pt idx="13749">
                  <c:v>8223.67</c:v>
                </c:pt>
                <c:pt idx="13750">
                  <c:v>7537.45</c:v>
                </c:pt>
                <c:pt idx="13751">
                  <c:v>7133.45</c:v>
                </c:pt>
                <c:pt idx="13752">
                  <c:v>6882.09</c:v>
                </c:pt>
                <c:pt idx="13753">
                  <c:v>6480.29</c:v>
                </c:pt>
                <c:pt idx="13754">
                  <c:v>6317.74</c:v>
                </c:pt>
                <c:pt idx="13755">
                  <c:v>6209.96</c:v>
                </c:pt>
                <c:pt idx="13756">
                  <c:v>6085.27</c:v>
                </c:pt>
                <c:pt idx="13757">
                  <c:v>6118.75</c:v>
                </c:pt>
                <c:pt idx="13758">
                  <c:v>5990.86</c:v>
                </c:pt>
                <c:pt idx="13759">
                  <c:v>5838.85</c:v>
                </c:pt>
                <c:pt idx="13760">
                  <c:v>8523.0300000000007</c:v>
                </c:pt>
                <c:pt idx="13761">
                  <c:v>7959.18</c:v>
                </c:pt>
                <c:pt idx="13762">
                  <c:v>8248.18</c:v>
                </c:pt>
                <c:pt idx="13763">
                  <c:v>7724.95</c:v>
                </c:pt>
                <c:pt idx="13764">
                  <c:v>7500.18</c:v>
                </c:pt>
                <c:pt idx="13765">
                  <c:v>7498.37</c:v>
                </c:pt>
                <c:pt idx="13766">
                  <c:v>7342.18</c:v>
                </c:pt>
                <c:pt idx="13767">
                  <c:v>7339.91</c:v>
                </c:pt>
                <c:pt idx="13768">
                  <c:v>7205.83</c:v>
                </c:pt>
                <c:pt idx="13769">
                  <c:v>7225.1</c:v>
                </c:pt>
                <c:pt idx="13770">
                  <c:v>7137.11</c:v>
                </c:pt>
                <c:pt idx="13771">
                  <c:v>8523.0300000000007</c:v>
                </c:pt>
                <c:pt idx="13772">
                  <c:v>7959.18</c:v>
                </c:pt>
                <c:pt idx="13773">
                  <c:v>8248.18</c:v>
                </c:pt>
                <c:pt idx="13774">
                  <c:v>7724.95</c:v>
                </c:pt>
                <c:pt idx="13775">
                  <c:v>7500.18</c:v>
                </c:pt>
                <c:pt idx="13776">
                  <c:v>7754.59</c:v>
                </c:pt>
                <c:pt idx="13777">
                  <c:v>7342.18</c:v>
                </c:pt>
                <c:pt idx="13778">
                  <c:v>7339.91</c:v>
                </c:pt>
                <c:pt idx="13779">
                  <c:v>7816.42</c:v>
                </c:pt>
                <c:pt idx="13780">
                  <c:v>7867.42</c:v>
                </c:pt>
                <c:pt idx="13781">
                  <c:v>7137.11</c:v>
                </c:pt>
                <c:pt idx="13782">
                  <c:v>8523.0300000000007</c:v>
                </c:pt>
                <c:pt idx="13783">
                  <c:v>7959.18</c:v>
                </c:pt>
                <c:pt idx="13784">
                  <c:v>8248.18</c:v>
                </c:pt>
                <c:pt idx="13785">
                  <c:v>7724.95</c:v>
                </c:pt>
                <c:pt idx="13786">
                  <c:v>7500.18</c:v>
                </c:pt>
                <c:pt idx="13787">
                  <c:v>7754.59</c:v>
                </c:pt>
                <c:pt idx="13788">
                  <c:v>7342.18</c:v>
                </c:pt>
                <c:pt idx="13789">
                  <c:v>7339.91</c:v>
                </c:pt>
                <c:pt idx="13790">
                  <c:v>7816.42</c:v>
                </c:pt>
                <c:pt idx="13791">
                  <c:v>7867.42</c:v>
                </c:pt>
                <c:pt idx="13792">
                  <c:v>7137.11</c:v>
                </c:pt>
                <c:pt idx="13793">
                  <c:v>8523.0300000000007</c:v>
                </c:pt>
                <c:pt idx="13794">
                  <c:v>7959.18</c:v>
                </c:pt>
                <c:pt idx="13795">
                  <c:v>8248.18</c:v>
                </c:pt>
                <c:pt idx="13796">
                  <c:v>7724.95</c:v>
                </c:pt>
                <c:pt idx="13797">
                  <c:v>7500.18</c:v>
                </c:pt>
                <c:pt idx="13798">
                  <c:v>7754.59</c:v>
                </c:pt>
                <c:pt idx="13799">
                  <c:v>7342.18</c:v>
                </c:pt>
                <c:pt idx="13800">
                  <c:v>7339.91</c:v>
                </c:pt>
                <c:pt idx="13801">
                  <c:v>7816.42</c:v>
                </c:pt>
                <c:pt idx="13802">
                  <c:v>7867.42</c:v>
                </c:pt>
                <c:pt idx="13803">
                  <c:v>7137.11</c:v>
                </c:pt>
                <c:pt idx="13804">
                  <c:v>8523.0300000000007</c:v>
                </c:pt>
                <c:pt idx="13805">
                  <c:v>7959.18</c:v>
                </c:pt>
                <c:pt idx="13806">
                  <c:v>8248.18</c:v>
                </c:pt>
                <c:pt idx="13807">
                  <c:v>7724.95</c:v>
                </c:pt>
                <c:pt idx="13808">
                  <c:v>7500.18</c:v>
                </c:pt>
                <c:pt idx="13809">
                  <c:v>7754.59</c:v>
                </c:pt>
                <c:pt idx="13810">
                  <c:v>7342.18</c:v>
                </c:pt>
                <c:pt idx="13811">
                  <c:v>7339.91</c:v>
                </c:pt>
                <c:pt idx="13812">
                  <c:v>7816.42</c:v>
                </c:pt>
                <c:pt idx="13813">
                  <c:v>7867.42</c:v>
                </c:pt>
                <c:pt idx="13814">
                  <c:v>7137.11</c:v>
                </c:pt>
                <c:pt idx="13815">
                  <c:v>8523.0300000000007</c:v>
                </c:pt>
                <c:pt idx="13816">
                  <c:v>7959.18</c:v>
                </c:pt>
                <c:pt idx="13817">
                  <c:v>8248.18</c:v>
                </c:pt>
                <c:pt idx="13818">
                  <c:v>7724.95</c:v>
                </c:pt>
                <c:pt idx="13819">
                  <c:v>7500.18</c:v>
                </c:pt>
                <c:pt idx="13820">
                  <c:v>7754.59</c:v>
                </c:pt>
                <c:pt idx="13821">
                  <c:v>7342.18</c:v>
                </c:pt>
                <c:pt idx="13822">
                  <c:v>7339.91</c:v>
                </c:pt>
                <c:pt idx="13823">
                  <c:v>7816.42</c:v>
                </c:pt>
                <c:pt idx="13824">
                  <c:v>7867.42</c:v>
                </c:pt>
                <c:pt idx="13825">
                  <c:v>7137.11</c:v>
                </c:pt>
                <c:pt idx="13826">
                  <c:v>8523.0300000000007</c:v>
                </c:pt>
                <c:pt idx="13827">
                  <c:v>7959.18</c:v>
                </c:pt>
                <c:pt idx="13828">
                  <c:v>8248.18</c:v>
                </c:pt>
                <c:pt idx="13829">
                  <c:v>7724.95</c:v>
                </c:pt>
                <c:pt idx="13830">
                  <c:v>7500.18</c:v>
                </c:pt>
                <c:pt idx="13831">
                  <c:v>7754.59</c:v>
                </c:pt>
                <c:pt idx="13832">
                  <c:v>7342.18</c:v>
                </c:pt>
                <c:pt idx="13833">
                  <c:v>7339.91</c:v>
                </c:pt>
                <c:pt idx="13834">
                  <c:v>7816.42</c:v>
                </c:pt>
                <c:pt idx="13835">
                  <c:v>7867.42</c:v>
                </c:pt>
                <c:pt idx="13836">
                  <c:v>7137.11</c:v>
                </c:pt>
                <c:pt idx="13837">
                  <c:v>8523.0300000000007</c:v>
                </c:pt>
                <c:pt idx="13838">
                  <c:v>7959.18</c:v>
                </c:pt>
                <c:pt idx="13839">
                  <c:v>8248.18</c:v>
                </c:pt>
                <c:pt idx="13840">
                  <c:v>7724.95</c:v>
                </c:pt>
                <c:pt idx="13841">
                  <c:v>7500.18</c:v>
                </c:pt>
                <c:pt idx="13842">
                  <c:v>7754.59</c:v>
                </c:pt>
                <c:pt idx="13843">
                  <c:v>7342.18</c:v>
                </c:pt>
                <c:pt idx="13844">
                  <c:v>7339.91</c:v>
                </c:pt>
                <c:pt idx="13845">
                  <c:v>7816.42</c:v>
                </c:pt>
                <c:pt idx="13846">
                  <c:v>7867.42</c:v>
                </c:pt>
                <c:pt idx="13847">
                  <c:v>7137.11</c:v>
                </c:pt>
                <c:pt idx="13848">
                  <c:v>8523.0300000000007</c:v>
                </c:pt>
                <c:pt idx="13849">
                  <c:v>7959.18</c:v>
                </c:pt>
                <c:pt idx="13850">
                  <c:v>8248.18</c:v>
                </c:pt>
                <c:pt idx="13851">
                  <c:v>7724.95</c:v>
                </c:pt>
                <c:pt idx="13852">
                  <c:v>7500.18</c:v>
                </c:pt>
                <c:pt idx="13853">
                  <c:v>7754.59</c:v>
                </c:pt>
                <c:pt idx="13854">
                  <c:v>7342.18</c:v>
                </c:pt>
                <c:pt idx="13855">
                  <c:v>7339.91</c:v>
                </c:pt>
                <c:pt idx="13856">
                  <c:v>7816.42</c:v>
                </c:pt>
                <c:pt idx="13857">
                  <c:v>7867.42</c:v>
                </c:pt>
                <c:pt idx="13858">
                  <c:v>7137.11</c:v>
                </c:pt>
                <c:pt idx="13859">
                  <c:v>5333.32</c:v>
                </c:pt>
                <c:pt idx="13860">
                  <c:v>4722.7299999999996</c:v>
                </c:pt>
                <c:pt idx="13861">
                  <c:v>4319.08</c:v>
                </c:pt>
                <c:pt idx="13862">
                  <c:v>4038.24</c:v>
                </c:pt>
                <c:pt idx="13863">
                  <c:v>3823.87</c:v>
                </c:pt>
                <c:pt idx="13864">
                  <c:v>3602.15</c:v>
                </c:pt>
                <c:pt idx="13865">
                  <c:v>3564.99</c:v>
                </c:pt>
                <c:pt idx="13866">
                  <c:v>3345.9</c:v>
                </c:pt>
                <c:pt idx="13867">
                  <c:v>3244.89</c:v>
                </c:pt>
                <c:pt idx="13868">
                  <c:v>3274.16</c:v>
                </c:pt>
                <c:pt idx="13869">
                  <c:v>3113.78</c:v>
                </c:pt>
                <c:pt idx="13870">
                  <c:v>6745.84</c:v>
                </c:pt>
                <c:pt idx="13871">
                  <c:v>6109.04</c:v>
                </c:pt>
                <c:pt idx="13872">
                  <c:v>5821.33</c:v>
                </c:pt>
                <c:pt idx="13873">
                  <c:v>5438.07</c:v>
                </c:pt>
                <c:pt idx="13874">
                  <c:v>5062.42</c:v>
                </c:pt>
                <c:pt idx="13875">
                  <c:v>4883.03</c:v>
                </c:pt>
                <c:pt idx="13876">
                  <c:v>4838.75</c:v>
                </c:pt>
                <c:pt idx="13877">
                  <c:v>4639.37</c:v>
                </c:pt>
                <c:pt idx="13878">
                  <c:v>4551.45</c:v>
                </c:pt>
                <c:pt idx="13879">
                  <c:v>4486.2</c:v>
                </c:pt>
                <c:pt idx="13880">
                  <c:v>4448.62</c:v>
                </c:pt>
                <c:pt idx="13881">
                  <c:v>8223.67</c:v>
                </c:pt>
                <c:pt idx="13882">
                  <c:v>7537.45</c:v>
                </c:pt>
                <c:pt idx="13883">
                  <c:v>7133.45</c:v>
                </c:pt>
                <c:pt idx="13884">
                  <c:v>6882.09</c:v>
                </c:pt>
                <c:pt idx="13885">
                  <c:v>6480.29</c:v>
                </c:pt>
                <c:pt idx="13886">
                  <c:v>6317.74</c:v>
                </c:pt>
                <c:pt idx="13887">
                  <c:v>6209.96</c:v>
                </c:pt>
                <c:pt idx="13888">
                  <c:v>6085.27</c:v>
                </c:pt>
                <c:pt idx="13889">
                  <c:v>6118.75</c:v>
                </c:pt>
                <c:pt idx="13890">
                  <c:v>5990.86</c:v>
                </c:pt>
                <c:pt idx="13891">
                  <c:v>5838.85</c:v>
                </c:pt>
                <c:pt idx="13892">
                  <c:v>8523.0300000000007</c:v>
                </c:pt>
                <c:pt idx="13893">
                  <c:v>7959.18</c:v>
                </c:pt>
                <c:pt idx="13894">
                  <c:v>8248.18</c:v>
                </c:pt>
                <c:pt idx="13895">
                  <c:v>7724.95</c:v>
                </c:pt>
                <c:pt idx="13896">
                  <c:v>7500.18</c:v>
                </c:pt>
                <c:pt idx="13897">
                  <c:v>7498.37</c:v>
                </c:pt>
                <c:pt idx="13898">
                  <c:v>7342.18</c:v>
                </c:pt>
                <c:pt idx="13899">
                  <c:v>7339.91</c:v>
                </c:pt>
                <c:pt idx="13900">
                  <c:v>7205.83</c:v>
                </c:pt>
                <c:pt idx="13901">
                  <c:v>7214.01</c:v>
                </c:pt>
                <c:pt idx="13902">
                  <c:v>7137.11</c:v>
                </c:pt>
                <c:pt idx="13903">
                  <c:v>8523.0300000000007</c:v>
                </c:pt>
                <c:pt idx="13904">
                  <c:v>7959.18</c:v>
                </c:pt>
                <c:pt idx="13905">
                  <c:v>8248.18</c:v>
                </c:pt>
                <c:pt idx="13906">
                  <c:v>7724.95</c:v>
                </c:pt>
                <c:pt idx="13907">
                  <c:v>7500.18</c:v>
                </c:pt>
                <c:pt idx="13908">
                  <c:v>7754.59</c:v>
                </c:pt>
                <c:pt idx="13909">
                  <c:v>7342.18</c:v>
                </c:pt>
                <c:pt idx="13910">
                  <c:v>7339.91</c:v>
                </c:pt>
                <c:pt idx="13911">
                  <c:v>7816.42</c:v>
                </c:pt>
                <c:pt idx="13912">
                  <c:v>7867.42</c:v>
                </c:pt>
                <c:pt idx="13913">
                  <c:v>7137.11</c:v>
                </c:pt>
                <c:pt idx="13914">
                  <c:v>8523.0300000000007</c:v>
                </c:pt>
                <c:pt idx="13915">
                  <c:v>7959.18</c:v>
                </c:pt>
                <c:pt idx="13916">
                  <c:v>8248.18</c:v>
                </c:pt>
                <c:pt idx="13917">
                  <c:v>7724.95</c:v>
                </c:pt>
                <c:pt idx="13918">
                  <c:v>7500.18</c:v>
                </c:pt>
                <c:pt idx="13919">
                  <c:v>7754.59</c:v>
                </c:pt>
                <c:pt idx="13920">
                  <c:v>7342.18</c:v>
                </c:pt>
                <c:pt idx="13921">
                  <c:v>7339.91</c:v>
                </c:pt>
                <c:pt idx="13922">
                  <c:v>7816.42</c:v>
                </c:pt>
                <c:pt idx="13923">
                  <c:v>7867.42</c:v>
                </c:pt>
                <c:pt idx="13924">
                  <c:v>7137.11</c:v>
                </c:pt>
                <c:pt idx="13925">
                  <c:v>8523.0300000000007</c:v>
                </c:pt>
                <c:pt idx="13926">
                  <c:v>7959.18</c:v>
                </c:pt>
                <c:pt idx="13927">
                  <c:v>8248.18</c:v>
                </c:pt>
                <c:pt idx="13928">
                  <c:v>7724.95</c:v>
                </c:pt>
                <c:pt idx="13929">
                  <c:v>7500.18</c:v>
                </c:pt>
                <c:pt idx="13930">
                  <c:v>7754.59</c:v>
                </c:pt>
                <c:pt idx="13931">
                  <c:v>7342.18</c:v>
                </c:pt>
                <c:pt idx="13932">
                  <c:v>7339.91</c:v>
                </c:pt>
                <c:pt idx="13933">
                  <c:v>7816.42</c:v>
                </c:pt>
                <c:pt idx="13934">
                  <c:v>7867.42</c:v>
                </c:pt>
                <c:pt idx="13935">
                  <c:v>7137.11</c:v>
                </c:pt>
                <c:pt idx="13936">
                  <c:v>8523.0300000000007</c:v>
                </c:pt>
                <c:pt idx="13937">
                  <c:v>7959.18</c:v>
                </c:pt>
                <c:pt idx="13938">
                  <c:v>8248.18</c:v>
                </c:pt>
                <c:pt idx="13939">
                  <c:v>7724.95</c:v>
                </c:pt>
                <c:pt idx="13940">
                  <c:v>7500.18</c:v>
                </c:pt>
                <c:pt idx="13941">
                  <c:v>7754.59</c:v>
                </c:pt>
                <c:pt idx="13942">
                  <c:v>7342.18</c:v>
                </c:pt>
                <c:pt idx="13943">
                  <c:v>7339.91</c:v>
                </c:pt>
                <c:pt idx="13944">
                  <c:v>7816.42</c:v>
                </c:pt>
                <c:pt idx="13945">
                  <c:v>7867.42</c:v>
                </c:pt>
                <c:pt idx="13946">
                  <c:v>7137.11</c:v>
                </c:pt>
                <c:pt idx="13947">
                  <c:v>8523.0300000000007</c:v>
                </c:pt>
                <c:pt idx="13948">
                  <c:v>7959.18</c:v>
                </c:pt>
                <c:pt idx="13949">
                  <c:v>8248.18</c:v>
                </c:pt>
                <c:pt idx="13950">
                  <c:v>7724.95</c:v>
                </c:pt>
                <c:pt idx="13951">
                  <c:v>7500.18</c:v>
                </c:pt>
                <c:pt idx="13952">
                  <c:v>7754.59</c:v>
                </c:pt>
                <c:pt idx="13953">
                  <c:v>7342.18</c:v>
                </c:pt>
                <c:pt idx="13954">
                  <c:v>7339.91</c:v>
                </c:pt>
                <c:pt idx="13955">
                  <c:v>7816.42</c:v>
                </c:pt>
                <c:pt idx="13956">
                  <c:v>7867.42</c:v>
                </c:pt>
                <c:pt idx="13957">
                  <c:v>7137.11</c:v>
                </c:pt>
                <c:pt idx="13958">
                  <c:v>8523.0300000000007</c:v>
                </c:pt>
                <c:pt idx="13959">
                  <c:v>7959.18</c:v>
                </c:pt>
                <c:pt idx="13960">
                  <c:v>8248.18</c:v>
                </c:pt>
                <c:pt idx="13961">
                  <c:v>7724.95</c:v>
                </c:pt>
                <c:pt idx="13962">
                  <c:v>7500.18</c:v>
                </c:pt>
                <c:pt idx="13963">
                  <c:v>7754.59</c:v>
                </c:pt>
                <c:pt idx="13964">
                  <c:v>7342.18</c:v>
                </c:pt>
                <c:pt idx="13965">
                  <c:v>7339.91</c:v>
                </c:pt>
                <c:pt idx="13966">
                  <c:v>7816.42</c:v>
                </c:pt>
                <c:pt idx="13967">
                  <c:v>7867.42</c:v>
                </c:pt>
                <c:pt idx="13968">
                  <c:v>7137.11</c:v>
                </c:pt>
                <c:pt idx="13969">
                  <c:v>8523.0300000000007</c:v>
                </c:pt>
                <c:pt idx="13970">
                  <c:v>7959.18</c:v>
                </c:pt>
                <c:pt idx="13971">
                  <c:v>8248.18</c:v>
                </c:pt>
                <c:pt idx="13972">
                  <c:v>7724.95</c:v>
                </c:pt>
                <c:pt idx="13973">
                  <c:v>7500.18</c:v>
                </c:pt>
                <c:pt idx="13974">
                  <c:v>7754.59</c:v>
                </c:pt>
                <c:pt idx="13975">
                  <c:v>7342.18</c:v>
                </c:pt>
                <c:pt idx="13976">
                  <c:v>7339.91</c:v>
                </c:pt>
                <c:pt idx="13977">
                  <c:v>7816.42</c:v>
                </c:pt>
                <c:pt idx="13978">
                  <c:v>7867.42</c:v>
                </c:pt>
                <c:pt idx="13979">
                  <c:v>7137.11</c:v>
                </c:pt>
                <c:pt idx="13980">
                  <c:v>8523.0300000000007</c:v>
                </c:pt>
                <c:pt idx="13981">
                  <c:v>7959.18</c:v>
                </c:pt>
                <c:pt idx="13982">
                  <c:v>8248.18</c:v>
                </c:pt>
                <c:pt idx="13983">
                  <c:v>7724.95</c:v>
                </c:pt>
                <c:pt idx="13984">
                  <c:v>7500.18</c:v>
                </c:pt>
                <c:pt idx="13985">
                  <c:v>7754.59</c:v>
                </c:pt>
                <c:pt idx="13986">
                  <c:v>7342.18</c:v>
                </c:pt>
                <c:pt idx="13987">
                  <c:v>7339.91</c:v>
                </c:pt>
                <c:pt idx="13988">
                  <c:v>7816.42</c:v>
                </c:pt>
                <c:pt idx="13989">
                  <c:v>7867.42</c:v>
                </c:pt>
                <c:pt idx="13990">
                  <c:v>7137.11</c:v>
                </c:pt>
                <c:pt idx="13991">
                  <c:v>5333.32</c:v>
                </c:pt>
                <c:pt idx="13992">
                  <c:v>4722.7299999999996</c:v>
                </c:pt>
                <c:pt idx="13993">
                  <c:v>4319.08</c:v>
                </c:pt>
                <c:pt idx="13994">
                  <c:v>4038.24</c:v>
                </c:pt>
                <c:pt idx="13995">
                  <c:v>3823.87</c:v>
                </c:pt>
                <c:pt idx="13996">
                  <c:v>3602.15</c:v>
                </c:pt>
                <c:pt idx="13997">
                  <c:v>3564.99</c:v>
                </c:pt>
                <c:pt idx="13998">
                  <c:v>3345.9</c:v>
                </c:pt>
                <c:pt idx="13999">
                  <c:v>3244.89</c:v>
                </c:pt>
                <c:pt idx="14000">
                  <c:v>3274.16</c:v>
                </c:pt>
                <c:pt idx="14001">
                  <c:v>3113.78</c:v>
                </c:pt>
                <c:pt idx="14002">
                  <c:v>6745.84</c:v>
                </c:pt>
                <c:pt idx="14003">
                  <c:v>6109.04</c:v>
                </c:pt>
                <c:pt idx="14004">
                  <c:v>5821.33</c:v>
                </c:pt>
                <c:pt idx="14005">
                  <c:v>5438.07</c:v>
                </c:pt>
                <c:pt idx="14006">
                  <c:v>5062.42</c:v>
                </c:pt>
                <c:pt idx="14007">
                  <c:v>4883.03</c:v>
                </c:pt>
                <c:pt idx="14008">
                  <c:v>4838.75</c:v>
                </c:pt>
                <c:pt idx="14009">
                  <c:v>4639.37</c:v>
                </c:pt>
                <c:pt idx="14010">
                  <c:v>4551.45</c:v>
                </c:pt>
                <c:pt idx="14011">
                  <c:v>4486.2</c:v>
                </c:pt>
                <c:pt idx="14012">
                  <c:v>4448.62</c:v>
                </c:pt>
                <c:pt idx="14013">
                  <c:v>8223.67</c:v>
                </c:pt>
                <c:pt idx="14014">
                  <c:v>7537.45</c:v>
                </c:pt>
                <c:pt idx="14015">
                  <c:v>7133.45</c:v>
                </c:pt>
                <c:pt idx="14016">
                  <c:v>6882.09</c:v>
                </c:pt>
                <c:pt idx="14017">
                  <c:v>6480.29</c:v>
                </c:pt>
                <c:pt idx="14018">
                  <c:v>6317.74</c:v>
                </c:pt>
                <c:pt idx="14019">
                  <c:v>6209.96</c:v>
                </c:pt>
                <c:pt idx="14020">
                  <c:v>6085.27</c:v>
                </c:pt>
                <c:pt idx="14021">
                  <c:v>6118.75</c:v>
                </c:pt>
                <c:pt idx="14022">
                  <c:v>5990.86</c:v>
                </c:pt>
                <c:pt idx="14023">
                  <c:v>5838.85</c:v>
                </c:pt>
                <c:pt idx="14024">
                  <c:v>8523.0300000000007</c:v>
                </c:pt>
                <c:pt idx="14025">
                  <c:v>7959.18</c:v>
                </c:pt>
                <c:pt idx="14026">
                  <c:v>8248.18</c:v>
                </c:pt>
                <c:pt idx="14027">
                  <c:v>7724.95</c:v>
                </c:pt>
                <c:pt idx="14028">
                  <c:v>7500.18</c:v>
                </c:pt>
                <c:pt idx="14029">
                  <c:v>7498.37</c:v>
                </c:pt>
                <c:pt idx="14030">
                  <c:v>7342.18</c:v>
                </c:pt>
                <c:pt idx="14031">
                  <c:v>7339.91</c:v>
                </c:pt>
                <c:pt idx="14032">
                  <c:v>7205.83</c:v>
                </c:pt>
                <c:pt idx="14033">
                  <c:v>7212.41</c:v>
                </c:pt>
                <c:pt idx="14034">
                  <c:v>7137.11</c:v>
                </c:pt>
                <c:pt idx="14035">
                  <c:v>8523.0300000000007</c:v>
                </c:pt>
                <c:pt idx="14036">
                  <c:v>7959.18</c:v>
                </c:pt>
                <c:pt idx="14037">
                  <c:v>8248.18</c:v>
                </c:pt>
                <c:pt idx="14038">
                  <c:v>7724.95</c:v>
                </c:pt>
                <c:pt idx="14039">
                  <c:v>7500.18</c:v>
                </c:pt>
                <c:pt idx="14040">
                  <c:v>7754.59</c:v>
                </c:pt>
                <c:pt idx="14041">
                  <c:v>7342.18</c:v>
                </c:pt>
                <c:pt idx="14042">
                  <c:v>7339.91</c:v>
                </c:pt>
                <c:pt idx="14043">
                  <c:v>7816.42</c:v>
                </c:pt>
                <c:pt idx="14044">
                  <c:v>7867.42</c:v>
                </c:pt>
                <c:pt idx="14045">
                  <c:v>7137.11</c:v>
                </c:pt>
                <c:pt idx="14046">
                  <c:v>8523.0300000000007</c:v>
                </c:pt>
                <c:pt idx="14047">
                  <c:v>7959.18</c:v>
                </c:pt>
                <c:pt idx="14048">
                  <c:v>8248.18</c:v>
                </c:pt>
                <c:pt idx="14049">
                  <c:v>7724.95</c:v>
                </c:pt>
                <c:pt idx="14050">
                  <c:v>7500.18</c:v>
                </c:pt>
                <c:pt idx="14051">
                  <c:v>7754.59</c:v>
                </c:pt>
                <c:pt idx="14052">
                  <c:v>7342.18</c:v>
                </c:pt>
                <c:pt idx="14053">
                  <c:v>7339.91</c:v>
                </c:pt>
                <c:pt idx="14054">
                  <c:v>7816.42</c:v>
                </c:pt>
                <c:pt idx="14055">
                  <c:v>7867.42</c:v>
                </c:pt>
                <c:pt idx="14056">
                  <c:v>7137.11</c:v>
                </c:pt>
                <c:pt idx="14057">
                  <c:v>8523.0300000000007</c:v>
                </c:pt>
                <c:pt idx="14058">
                  <c:v>7959.18</c:v>
                </c:pt>
                <c:pt idx="14059">
                  <c:v>8248.18</c:v>
                </c:pt>
                <c:pt idx="14060">
                  <c:v>7724.95</c:v>
                </c:pt>
                <c:pt idx="14061">
                  <c:v>7500.18</c:v>
                </c:pt>
                <c:pt idx="14062">
                  <c:v>7754.59</c:v>
                </c:pt>
                <c:pt idx="14063">
                  <c:v>7342.18</c:v>
                </c:pt>
                <c:pt idx="14064">
                  <c:v>7339.91</c:v>
                </c:pt>
                <c:pt idx="14065">
                  <c:v>7816.42</c:v>
                </c:pt>
                <c:pt idx="14066">
                  <c:v>7867.42</c:v>
                </c:pt>
                <c:pt idx="14067">
                  <c:v>7137.11</c:v>
                </c:pt>
                <c:pt idx="14068">
                  <c:v>8523.0300000000007</c:v>
                </c:pt>
                <c:pt idx="14069">
                  <c:v>7959.18</c:v>
                </c:pt>
                <c:pt idx="14070">
                  <c:v>8248.18</c:v>
                </c:pt>
                <c:pt idx="14071">
                  <c:v>7724.95</c:v>
                </c:pt>
                <c:pt idx="14072">
                  <c:v>7500.18</c:v>
                </c:pt>
                <c:pt idx="14073">
                  <c:v>7754.59</c:v>
                </c:pt>
                <c:pt idx="14074">
                  <c:v>7342.18</c:v>
                </c:pt>
                <c:pt idx="14075">
                  <c:v>7339.91</c:v>
                </c:pt>
                <c:pt idx="14076">
                  <c:v>7816.42</c:v>
                </c:pt>
                <c:pt idx="14077">
                  <c:v>7867.42</c:v>
                </c:pt>
                <c:pt idx="14078">
                  <c:v>7137.11</c:v>
                </c:pt>
                <c:pt idx="14079">
                  <c:v>8523.0300000000007</c:v>
                </c:pt>
                <c:pt idx="14080">
                  <c:v>7959.18</c:v>
                </c:pt>
                <c:pt idx="14081">
                  <c:v>8248.18</c:v>
                </c:pt>
                <c:pt idx="14082">
                  <c:v>7724.95</c:v>
                </c:pt>
                <c:pt idx="14083">
                  <c:v>7500.18</c:v>
                </c:pt>
                <c:pt idx="14084">
                  <c:v>7754.59</c:v>
                </c:pt>
                <c:pt idx="14085">
                  <c:v>7342.18</c:v>
                </c:pt>
                <c:pt idx="14086">
                  <c:v>7339.91</c:v>
                </c:pt>
                <c:pt idx="14087">
                  <c:v>7816.42</c:v>
                </c:pt>
                <c:pt idx="14088">
                  <c:v>7867.42</c:v>
                </c:pt>
                <c:pt idx="14089">
                  <c:v>7137.11</c:v>
                </c:pt>
                <c:pt idx="14090">
                  <c:v>8523.0300000000007</c:v>
                </c:pt>
                <c:pt idx="14091">
                  <c:v>7959.18</c:v>
                </c:pt>
                <c:pt idx="14092">
                  <c:v>8248.18</c:v>
                </c:pt>
                <c:pt idx="14093">
                  <c:v>7724.95</c:v>
                </c:pt>
                <c:pt idx="14094">
                  <c:v>7500.18</c:v>
                </c:pt>
                <c:pt idx="14095">
                  <c:v>7754.59</c:v>
                </c:pt>
                <c:pt idx="14096">
                  <c:v>7342.18</c:v>
                </c:pt>
                <c:pt idx="14097">
                  <c:v>7339.91</c:v>
                </c:pt>
                <c:pt idx="14098">
                  <c:v>7816.42</c:v>
                </c:pt>
                <c:pt idx="14099">
                  <c:v>7867.42</c:v>
                </c:pt>
                <c:pt idx="14100">
                  <c:v>7137.11</c:v>
                </c:pt>
                <c:pt idx="14101">
                  <c:v>8523.0300000000007</c:v>
                </c:pt>
                <c:pt idx="14102">
                  <c:v>7959.18</c:v>
                </c:pt>
                <c:pt idx="14103">
                  <c:v>8248.18</c:v>
                </c:pt>
                <c:pt idx="14104">
                  <c:v>7724.95</c:v>
                </c:pt>
                <c:pt idx="14105">
                  <c:v>7500.18</c:v>
                </c:pt>
                <c:pt idx="14106">
                  <c:v>7754.59</c:v>
                </c:pt>
                <c:pt idx="14107">
                  <c:v>7342.18</c:v>
                </c:pt>
                <c:pt idx="14108">
                  <c:v>7339.91</c:v>
                </c:pt>
                <c:pt idx="14109">
                  <c:v>7816.42</c:v>
                </c:pt>
                <c:pt idx="14110">
                  <c:v>7867.42</c:v>
                </c:pt>
                <c:pt idx="14111">
                  <c:v>7137.11</c:v>
                </c:pt>
                <c:pt idx="14112">
                  <c:v>8523.0300000000007</c:v>
                </c:pt>
                <c:pt idx="14113">
                  <c:v>7959.18</c:v>
                </c:pt>
                <c:pt idx="14114">
                  <c:v>8248.18</c:v>
                </c:pt>
                <c:pt idx="14115">
                  <c:v>7724.95</c:v>
                </c:pt>
                <c:pt idx="14116">
                  <c:v>7500.18</c:v>
                </c:pt>
                <c:pt idx="14117">
                  <c:v>7754.59</c:v>
                </c:pt>
                <c:pt idx="14118">
                  <c:v>7342.18</c:v>
                </c:pt>
                <c:pt idx="14119">
                  <c:v>7339.91</c:v>
                </c:pt>
                <c:pt idx="14120">
                  <c:v>7816.42</c:v>
                </c:pt>
                <c:pt idx="14121">
                  <c:v>7867.42</c:v>
                </c:pt>
                <c:pt idx="14122">
                  <c:v>7137.11</c:v>
                </c:pt>
                <c:pt idx="14123">
                  <c:v>5333.32</c:v>
                </c:pt>
                <c:pt idx="14124">
                  <c:v>4722.7299999999996</c:v>
                </c:pt>
                <c:pt idx="14125">
                  <c:v>4319.08</c:v>
                </c:pt>
                <c:pt idx="14126">
                  <c:v>4038.24</c:v>
                </c:pt>
                <c:pt idx="14127">
                  <c:v>3823.87</c:v>
                </c:pt>
                <c:pt idx="14128">
                  <c:v>3602.15</c:v>
                </c:pt>
                <c:pt idx="14129">
                  <c:v>3564.99</c:v>
                </c:pt>
                <c:pt idx="14130">
                  <c:v>3345.9</c:v>
                </c:pt>
                <c:pt idx="14131">
                  <c:v>3244.89</c:v>
                </c:pt>
                <c:pt idx="14132">
                  <c:v>3274.16</c:v>
                </c:pt>
                <c:pt idx="14133">
                  <c:v>3113.78</c:v>
                </c:pt>
                <c:pt idx="14134">
                  <c:v>6745.84</c:v>
                </c:pt>
                <c:pt idx="14135">
                  <c:v>6109.04</c:v>
                </c:pt>
                <c:pt idx="14136">
                  <c:v>5821.33</c:v>
                </c:pt>
                <c:pt idx="14137">
                  <c:v>5438.07</c:v>
                </c:pt>
                <c:pt idx="14138">
                  <c:v>5062.42</c:v>
                </c:pt>
                <c:pt idx="14139">
                  <c:v>4883.03</c:v>
                </c:pt>
                <c:pt idx="14140">
                  <c:v>4838.75</c:v>
                </c:pt>
                <c:pt idx="14141">
                  <c:v>4639.37</c:v>
                </c:pt>
                <c:pt idx="14142">
                  <c:v>4551.45</c:v>
                </c:pt>
                <c:pt idx="14143">
                  <c:v>4486.2</c:v>
                </c:pt>
                <c:pt idx="14144">
                  <c:v>4448.62</c:v>
                </c:pt>
                <c:pt idx="14145">
                  <c:v>8223.67</c:v>
                </c:pt>
                <c:pt idx="14146">
                  <c:v>7537.45</c:v>
                </c:pt>
                <c:pt idx="14147">
                  <c:v>7133.45</c:v>
                </c:pt>
                <c:pt idx="14148">
                  <c:v>6882.09</c:v>
                </c:pt>
                <c:pt idx="14149">
                  <c:v>6480.29</c:v>
                </c:pt>
                <c:pt idx="14150">
                  <c:v>6317.74</c:v>
                </c:pt>
                <c:pt idx="14151">
                  <c:v>6209.96</c:v>
                </c:pt>
                <c:pt idx="14152">
                  <c:v>6085.27</c:v>
                </c:pt>
                <c:pt idx="14153">
                  <c:v>6118.75</c:v>
                </c:pt>
                <c:pt idx="14154">
                  <c:v>5990.86</c:v>
                </c:pt>
                <c:pt idx="14155">
                  <c:v>5838.85</c:v>
                </c:pt>
                <c:pt idx="14156">
                  <c:v>8523.0300000000007</c:v>
                </c:pt>
                <c:pt idx="14157">
                  <c:v>7959.18</c:v>
                </c:pt>
                <c:pt idx="14158">
                  <c:v>8248.18</c:v>
                </c:pt>
                <c:pt idx="14159">
                  <c:v>7724.95</c:v>
                </c:pt>
                <c:pt idx="14160">
                  <c:v>7500.18</c:v>
                </c:pt>
                <c:pt idx="14161">
                  <c:v>7498.37</c:v>
                </c:pt>
                <c:pt idx="14162">
                  <c:v>7342.18</c:v>
                </c:pt>
                <c:pt idx="14163">
                  <c:v>7339.91</c:v>
                </c:pt>
                <c:pt idx="14164">
                  <c:v>7205.83</c:v>
                </c:pt>
                <c:pt idx="14165">
                  <c:v>7212.41</c:v>
                </c:pt>
                <c:pt idx="14166">
                  <c:v>7137.11</c:v>
                </c:pt>
                <c:pt idx="14167">
                  <c:v>8523.0300000000007</c:v>
                </c:pt>
                <c:pt idx="14168">
                  <c:v>7959.18</c:v>
                </c:pt>
                <c:pt idx="14169">
                  <c:v>8248.18</c:v>
                </c:pt>
                <c:pt idx="14170">
                  <c:v>7724.95</c:v>
                </c:pt>
                <c:pt idx="14171">
                  <c:v>7500.18</c:v>
                </c:pt>
                <c:pt idx="14172">
                  <c:v>7754.59</c:v>
                </c:pt>
                <c:pt idx="14173">
                  <c:v>7342.18</c:v>
                </c:pt>
                <c:pt idx="14174">
                  <c:v>7339.91</c:v>
                </c:pt>
                <c:pt idx="14175">
                  <c:v>7816.42</c:v>
                </c:pt>
                <c:pt idx="14176">
                  <c:v>7867.42</c:v>
                </c:pt>
                <c:pt idx="14177">
                  <c:v>7137.11</c:v>
                </c:pt>
                <c:pt idx="14178">
                  <c:v>8523.0300000000007</c:v>
                </c:pt>
                <c:pt idx="14179">
                  <c:v>7959.18</c:v>
                </c:pt>
                <c:pt idx="14180">
                  <c:v>8248.18</c:v>
                </c:pt>
                <c:pt idx="14181">
                  <c:v>7724.95</c:v>
                </c:pt>
                <c:pt idx="14182">
                  <c:v>7500.18</c:v>
                </c:pt>
                <c:pt idx="14183">
                  <c:v>7754.59</c:v>
                </c:pt>
                <c:pt idx="14184">
                  <c:v>7342.18</c:v>
                </c:pt>
                <c:pt idx="14185">
                  <c:v>7339.91</c:v>
                </c:pt>
                <c:pt idx="14186">
                  <c:v>7816.42</c:v>
                </c:pt>
                <c:pt idx="14187">
                  <c:v>7867.42</c:v>
                </c:pt>
                <c:pt idx="14188">
                  <c:v>7137.11</c:v>
                </c:pt>
                <c:pt idx="14189">
                  <c:v>8523.0300000000007</c:v>
                </c:pt>
                <c:pt idx="14190">
                  <c:v>7959.18</c:v>
                </c:pt>
                <c:pt idx="14191">
                  <c:v>8248.18</c:v>
                </c:pt>
                <c:pt idx="14192">
                  <c:v>7724.95</c:v>
                </c:pt>
                <c:pt idx="14193">
                  <c:v>7500.18</c:v>
                </c:pt>
                <c:pt idx="14194">
                  <c:v>7754.59</c:v>
                </c:pt>
                <c:pt idx="14195">
                  <c:v>7342.18</c:v>
                </c:pt>
                <c:pt idx="14196">
                  <c:v>7339.91</c:v>
                </c:pt>
                <c:pt idx="14197">
                  <c:v>7816.42</c:v>
                </c:pt>
                <c:pt idx="14198">
                  <c:v>7867.42</c:v>
                </c:pt>
                <c:pt idx="14199">
                  <c:v>7137.11</c:v>
                </c:pt>
                <c:pt idx="14200">
                  <c:v>8523.0300000000007</c:v>
                </c:pt>
                <c:pt idx="14201">
                  <c:v>7959.18</c:v>
                </c:pt>
                <c:pt idx="14202">
                  <c:v>8248.18</c:v>
                </c:pt>
                <c:pt idx="14203">
                  <c:v>7724.95</c:v>
                </c:pt>
                <c:pt idx="14204">
                  <c:v>7500.18</c:v>
                </c:pt>
                <c:pt idx="14205">
                  <c:v>7754.59</c:v>
                </c:pt>
                <c:pt idx="14206">
                  <c:v>7342.18</c:v>
                </c:pt>
                <c:pt idx="14207">
                  <c:v>7339.91</c:v>
                </c:pt>
                <c:pt idx="14208">
                  <c:v>7816.42</c:v>
                </c:pt>
                <c:pt idx="14209">
                  <c:v>7867.42</c:v>
                </c:pt>
                <c:pt idx="14210">
                  <c:v>7137.11</c:v>
                </c:pt>
                <c:pt idx="14211">
                  <c:v>8523.0300000000007</c:v>
                </c:pt>
                <c:pt idx="14212">
                  <c:v>7959.18</c:v>
                </c:pt>
                <c:pt idx="14213">
                  <c:v>8248.18</c:v>
                </c:pt>
                <c:pt idx="14214">
                  <c:v>7724.95</c:v>
                </c:pt>
                <c:pt idx="14215">
                  <c:v>7500.18</c:v>
                </c:pt>
                <c:pt idx="14216">
                  <c:v>7754.59</c:v>
                </c:pt>
                <c:pt idx="14217">
                  <c:v>7342.18</c:v>
                </c:pt>
                <c:pt idx="14218">
                  <c:v>7339.91</c:v>
                </c:pt>
                <c:pt idx="14219">
                  <c:v>7816.42</c:v>
                </c:pt>
                <c:pt idx="14220">
                  <c:v>7867.42</c:v>
                </c:pt>
                <c:pt idx="14221">
                  <c:v>7137.11</c:v>
                </c:pt>
                <c:pt idx="14222">
                  <c:v>8523.0300000000007</c:v>
                </c:pt>
                <c:pt idx="14223">
                  <c:v>7959.18</c:v>
                </c:pt>
                <c:pt idx="14224">
                  <c:v>8248.18</c:v>
                </c:pt>
                <c:pt idx="14225">
                  <c:v>7724.95</c:v>
                </c:pt>
                <c:pt idx="14226">
                  <c:v>7500.18</c:v>
                </c:pt>
                <c:pt idx="14227">
                  <c:v>7754.59</c:v>
                </c:pt>
                <c:pt idx="14228">
                  <c:v>7342.18</c:v>
                </c:pt>
                <c:pt idx="14229">
                  <c:v>7339.91</c:v>
                </c:pt>
                <c:pt idx="14230">
                  <c:v>7816.42</c:v>
                </c:pt>
                <c:pt idx="14231">
                  <c:v>7867.42</c:v>
                </c:pt>
                <c:pt idx="14232">
                  <c:v>7137.11</c:v>
                </c:pt>
                <c:pt idx="14233">
                  <c:v>8523.0300000000007</c:v>
                </c:pt>
                <c:pt idx="14234">
                  <c:v>7959.18</c:v>
                </c:pt>
                <c:pt idx="14235">
                  <c:v>8248.18</c:v>
                </c:pt>
                <c:pt idx="14236">
                  <c:v>7724.95</c:v>
                </c:pt>
                <c:pt idx="14237">
                  <c:v>7500.18</c:v>
                </c:pt>
                <c:pt idx="14238">
                  <c:v>7754.59</c:v>
                </c:pt>
                <c:pt idx="14239">
                  <c:v>7342.18</c:v>
                </c:pt>
                <c:pt idx="14240">
                  <c:v>7339.91</c:v>
                </c:pt>
                <c:pt idx="14241">
                  <c:v>7816.42</c:v>
                </c:pt>
                <c:pt idx="14242">
                  <c:v>7867.42</c:v>
                </c:pt>
                <c:pt idx="14243">
                  <c:v>7137.11</c:v>
                </c:pt>
                <c:pt idx="14244">
                  <c:v>8523.0300000000007</c:v>
                </c:pt>
                <c:pt idx="14245">
                  <c:v>7959.18</c:v>
                </c:pt>
                <c:pt idx="14246">
                  <c:v>8248.18</c:v>
                </c:pt>
                <c:pt idx="14247">
                  <c:v>7724.95</c:v>
                </c:pt>
                <c:pt idx="14248">
                  <c:v>7500.18</c:v>
                </c:pt>
                <c:pt idx="14249">
                  <c:v>7754.59</c:v>
                </c:pt>
                <c:pt idx="14250">
                  <c:v>7342.18</c:v>
                </c:pt>
                <c:pt idx="14251">
                  <c:v>7339.91</c:v>
                </c:pt>
                <c:pt idx="14252">
                  <c:v>7816.42</c:v>
                </c:pt>
                <c:pt idx="14253">
                  <c:v>7867.42</c:v>
                </c:pt>
                <c:pt idx="14254">
                  <c:v>7137.11</c:v>
                </c:pt>
                <c:pt idx="14255">
                  <c:v>5200.8500000000004</c:v>
                </c:pt>
                <c:pt idx="14256">
                  <c:v>4586.66</c:v>
                </c:pt>
                <c:pt idx="14257">
                  <c:v>4230.63</c:v>
                </c:pt>
                <c:pt idx="14258">
                  <c:v>3931.34</c:v>
                </c:pt>
                <c:pt idx="14259">
                  <c:v>3801.48</c:v>
                </c:pt>
                <c:pt idx="14260">
                  <c:v>3738.54</c:v>
                </c:pt>
                <c:pt idx="14261">
                  <c:v>3544.49</c:v>
                </c:pt>
                <c:pt idx="14262">
                  <c:v>3470.81</c:v>
                </c:pt>
                <c:pt idx="14263">
                  <c:v>3480.01</c:v>
                </c:pt>
                <c:pt idx="14264">
                  <c:v>3383.21</c:v>
                </c:pt>
                <c:pt idx="14265">
                  <c:v>3316.27</c:v>
                </c:pt>
                <c:pt idx="14266">
                  <c:v>5775.93</c:v>
                </c:pt>
                <c:pt idx="14267">
                  <c:v>5350.28</c:v>
                </c:pt>
                <c:pt idx="14268">
                  <c:v>5111.9399999999996</c:v>
                </c:pt>
                <c:pt idx="14269">
                  <c:v>4987.7</c:v>
                </c:pt>
                <c:pt idx="14270">
                  <c:v>4823.3500000000004</c:v>
                </c:pt>
                <c:pt idx="14271">
                  <c:v>4675.26</c:v>
                </c:pt>
                <c:pt idx="14272">
                  <c:v>4657.34</c:v>
                </c:pt>
                <c:pt idx="14273">
                  <c:v>4511.97</c:v>
                </c:pt>
                <c:pt idx="14274">
                  <c:v>4535.6400000000003</c:v>
                </c:pt>
                <c:pt idx="14275">
                  <c:v>4355.29</c:v>
                </c:pt>
                <c:pt idx="14276">
                  <c:v>4361.99</c:v>
                </c:pt>
                <c:pt idx="14277">
                  <c:v>5775.93</c:v>
                </c:pt>
                <c:pt idx="14278">
                  <c:v>5350.28</c:v>
                </c:pt>
                <c:pt idx="14279">
                  <c:v>5111.9399999999996</c:v>
                </c:pt>
                <c:pt idx="14280">
                  <c:v>4987.7</c:v>
                </c:pt>
                <c:pt idx="14281">
                  <c:v>4823.3500000000004</c:v>
                </c:pt>
                <c:pt idx="14282">
                  <c:v>4675.26</c:v>
                </c:pt>
                <c:pt idx="14283">
                  <c:v>4657.34</c:v>
                </c:pt>
                <c:pt idx="14284">
                  <c:v>4511.97</c:v>
                </c:pt>
                <c:pt idx="14285">
                  <c:v>4535.6400000000003</c:v>
                </c:pt>
                <c:pt idx="14286">
                  <c:v>4355.29</c:v>
                </c:pt>
                <c:pt idx="14287">
                  <c:v>4361.99</c:v>
                </c:pt>
                <c:pt idx="14288">
                  <c:v>5775.93</c:v>
                </c:pt>
                <c:pt idx="14289">
                  <c:v>5350.28</c:v>
                </c:pt>
                <c:pt idx="14290">
                  <c:v>5111.9399999999996</c:v>
                </c:pt>
                <c:pt idx="14291">
                  <c:v>4987.7</c:v>
                </c:pt>
                <c:pt idx="14292">
                  <c:v>4823.3500000000004</c:v>
                </c:pt>
                <c:pt idx="14293">
                  <c:v>4675.26</c:v>
                </c:pt>
                <c:pt idx="14294">
                  <c:v>4657.34</c:v>
                </c:pt>
                <c:pt idx="14295">
                  <c:v>4511.97</c:v>
                </c:pt>
                <c:pt idx="14296">
                  <c:v>4535.6400000000003</c:v>
                </c:pt>
                <c:pt idx="14297">
                  <c:v>4355.29</c:v>
                </c:pt>
                <c:pt idx="14298">
                  <c:v>4361.99</c:v>
                </c:pt>
                <c:pt idx="14299">
                  <c:v>5775.93</c:v>
                </c:pt>
                <c:pt idx="14300">
                  <c:v>5350.28</c:v>
                </c:pt>
                <c:pt idx="14301">
                  <c:v>5111.9399999999996</c:v>
                </c:pt>
                <c:pt idx="14302">
                  <c:v>4987.7</c:v>
                </c:pt>
                <c:pt idx="14303">
                  <c:v>4823.3500000000004</c:v>
                </c:pt>
                <c:pt idx="14304">
                  <c:v>4675.26</c:v>
                </c:pt>
                <c:pt idx="14305">
                  <c:v>4657.34</c:v>
                </c:pt>
                <c:pt idx="14306">
                  <c:v>4511.97</c:v>
                </c:pt>
                <c:pt idx="14307">
                  <c:v>4535.6400000000003</c:v>
                </c:pt>
                <c:pt idx="14308">
                  <c:v>4355.29</c:v>
                </c:pt>
                <c:pt idx="14309">
                  <c:v>4361.99</c:v>
                </c:pt>
                <c:pt idx="14310">
                  <c:v>5775.93</c:v>
                </c:pt>
                <c:pt idx="14311">
                  <c:v>5350.28</c:v>
                </c:pt>
                <c:pt idx="14312">
                  <c:v>5111.9399999999996</c:v>
                </c:pt>
                <c:pt idx="14313">
                  <c:v>4987.7</c:v>
                </c:pt>
                <c:pt idx="14314">
                  <c:v>4823.3500000000004</c:v>
                </c:pt>
                <c:pt idx="14315">
                  <c:v>4675.26</c:v>
                </c:pt>
                <c:pt idx="14316">
                  <c:v>4657.34</c:v>
                </c:pt>
                <c:pt idx="14317">
                  <c:v>4511.97</c:v>
                </c:pt>
                <c:pt idx="14318">
                  <c:v>4535.6400000000003</c:v>
                </c:pt>
                <c:pt idx="14319">
                  <c:v>4355.29</c:v>
                </c:pt>
                <c:pt idx="14320">
                  <c:v>4361.99</c:v>
                </c:pt>
                <c:pt idx="14321">
                  <c:v>5775.93</c:v>
                </c:pt>
                <c:pt idx="14322">
                  <c:v>5350.28</c:v>
                </c:pt>
                <c:pt idx="14323">
                  <c:v>5111.9399999999996</c:v>
                </c:pt>
                <c:pt idx="14324">
                  <c:v>4987.7</c:v>
                </c:pt>
                <c:pt idx="14325">
                  <c:v>4823.3500000000004</c:v>
                </c:pt>
                <c:pt idx="14326">
                  <c:v>4675.26</c:v>
                </c:pt>
                <c:pt idx="14327">
                  <c:v>4657.34</c:v>
                </c:pt>
                <c:pt idx="14328">
                  <c:v>4511.97</c:v>
                </c:pt>
                <c:pt idx="14329">
                  <c:v>4535.6400000000003</c:v>
                </c:pt>
                <c:pt idx="14330">
                  <c:v>4355.29</c:v>
                </c:pt>
                <c:pt idx="14331">
                  <c:v>4361.99</c:v>
                </c:pt>
                <c:pt idx="14332">
                  <c:v>5775.93</c:v>
                </c:pt>
                <c:pt idx="14333">
                  <c:v>5350.28</c:v>
                </c:pt>
                <c:pt idx="14334">
                  <c:v>5111.9399999999996</c:v>
                </c:pt>
                <c:pt idx="14335">
                  <c:v>4987.7</c:v>
                </c:pt>
                <c:pt idx="14336">
                  <c:v>4823.3500000000004</c:v>
                </c:pt>
                <c:pt idx="14337">
                  <c:v>4675.26</c:v>
                </c:pt>
                <c:pt idx="14338">
                  <c:v>4657.34</c:v>
                </c:pt>
                <c:pt idx="14339">
                  <c:v>4511.97</c:v>
                </c:pt>
                <c:pt idx="14340">
                  <c:v>4535.6400000000003</c:v>
                </c:pt>
                <c:pt idx="14341">
                  <c:v>4355.29</c:v>
                </c:pt>
                <c:pt idx="14342">
                  <c:v>4361.99</c:v>
                </c:pt>
                <c:pt idx="14343">
                  <c:v>5775.93</c:v>
                </c:pt>
                <c:pt idx="14344">
                  <c:v>5350.28</c:v>
                </c:pt>
                <c:pt idx="14345">
                  <c:v>5111.9399999999996</c:v>
                </c:pt>
                <c:pt idx="14346">
                  <c:v>4987.7</c:v>
                </c:pt>
                <c:pt idx="14347">
                  <c:v>4823.3500000000004</c:v>
                </c:pt>
                <c:pt idx="14348">
                  <c:v>4675.26</c:v>
                </c:pt>
                <c:pt idx="14349">
                  <c:v>4657.34</c:v>
                </c:pt>
                <c:pt idx="14350">
                  <c:v>4511.97</c:v>
                </c:pt>
                <c:pt idx="14351">
                  <c:v>4535.6400000000003</c:v>
                </c:pt>
                <c:pt idx="14352">
                  <c:v>4355.29</c:v>
                </c:pt>
                <c:pt idx="14353">
                  <c:v>4361.99</c:v>
                </c:pt>
                <c:pt idx="14354">
                  <c:v>5775.93</c:v>
                </c:pt>
                <c:pt idx="14355">
                  <c:v>5350.28</c:v>
                </c:pt>
                <c:pt idx="14356">
                  <c:v>5111.9399999999996</c:v>
                </c:pt>
                <c:pt idx="14357">
                  <c:v>4987.7</c:v>
                </c:pt>
                <c:pt idx="14358">
                  <c:v>4823.3500000000004</c:v>
                </c:pt>
                <c:pt idx="14359">
                  <c:v>4675.26</c:v>
                </c:pt>
                <c:pt idx="14360">
                  <c:v>4657.34</c:v>
                </c:pt>
                <c:pt idx="14361">
                  <c:v>4511.97</c:v>
                </c:pt>
                <c:pt idx="14362">
                  <c:v>4535.6400000000003</c:v>
                </c:pt>
                <c:pt idx="14363">
                  <c:v>4355.29</c:v>
                </c:pt>
                <c:pt idx="14364">
                  <c:v>4361.99</c:v>
                </c:pt>
                <c:pt idx="14365">
                  <c:v>5775.93</c:v>
                </c:pt>
                <c:pt idx="14366">
                  <c:v>5350.28</c:v>
                </c:pt>
                <c:pt idx="14367">
                  <c:v>5111.9399999999996</c:v>
                </c:pt>
                <c:pt idx="14368">
                  <c:v>4987.7</c:v>
                </c:pt>
                <c:pt idx="14369">
                  <c:v>4823.3500000000004</c:v>
                </c:pt>
                <c:pt idx="14370">
                  <c:v>4675.26</c:v>
                </c:pt>
                <c:pt idx="14371">
                  <c:v>4657.34</c:v>
                </c:pt>
                <c:pt idx="14372">
                  <c:v>4511.97</c:v>
                </c:pt>
                <c:pt idx="14373">
                  <c:v>4535.6400000000003</c:v>
                </c:pt>
                <c:pt idx="14374">
                  <c:v>4355.29</c:v>
                </c:pt>
                <c:pt idx="14375">
                  <c:v>4361.99</c:v>
                </c:pt>
                <c:pt idx="14376">
                  <c:v>5775.93</c:v>
                </c:pt>
                <c:pt idx="14377">
                  <c:v>5350.28</c:v>
                </c:pt>
                <c:pt idx="14378">
                  <c:v>5111.9399999999996</c:v>
                </c:pt>
                <c:pt idx="14379">
                  <c:v>4987.7</c:v>
                </c:pt>
                <c:pt idx="14380">
                  <c:v>4823.3500000000004</c:v>
                </c:pt>
                <c:pt idx="14381">
                  <c:v>4675.26</c:v>
                </c:pt>
                <c:pt idx="14382">
                  <c:v>4657.34</c:v>
                </c:pt>
                <c:pt idx="14383">
                  <c:v>4511.97</c:v>
                </c:pt>
                <c:pt idx="14384">
                  <c:v>4535.6400000000003</c:v>
                </c:pt>
                <c:pt idx="14385">
                  <c:v>4355.29</c:v>
                </c:pt>
                <c:pt idx="14386">
                  <c:v>4361.99</c:v>
                </c:pt>
                <c:pt idx="14387">
                  <c:v>5200.8500000000004</c:v>
                </c:pt>
                <c:pt idx="14388">
                  <c:v>4586.66</c:v>
                </c:pt>
                <c:pt idx="14389">
                  <c:v>4230.63</c:v>
                </c:pt>
                <c:pt idx="14390">
                  <c:v>3934.15</c:v>
                </c:pt>
                <c:pt idx="14391">
                  <c:v>3830.16</c:v>
                </c:pt>
                <c:pt idx="14392">
                  <c:v>3648.98</c:v>
                </c:pt>
                <c:pt idx="14393">
                  <c:v>3459.14</c:v>
                </c:pt>
                <c:pt idx="14394">
                  <c:v>3375.88</c:v>
                </c:pt>
                <c:pt idx="14395">
                  <c:v>3378.64</c:v>
                </c:pt>
                <c:pt idx="14396">
                  <c:v>3285.71</c:v>
                </c:pt>
                <c:pt idx="14397">
                  <c:v>3219.34</c:v>
                </c:pt>
                <c:pt idx="14398">
                  <c:v>5775.93</c:v>
                </c:pt>
                <c:pt idx="14399">
                  <c:v>5350.28</c:v>
                </c:pt>
                <c:pt idx="14400">
                  <c:v>5111.9399999999996</c:v>
                </c:pt>
                <c:pt idx="14401">
                  <c:v>4987.7</c:v>
                </c:pt>
                <c:pt idx="14402">
                  <c:v>4823.3500000000004</c:v>
                </c:pt>
                <c:pt idx="14403">
                  <c:v>4675.26</c:v>
                </c:pt>
                <c:pt idx="14404">
                  <c:v>4569.03</c:v>
                </c:pt>
                <c:pt idx="14405">
                  <c:v>4624.3599999999997</c:v>
                </c:pt>
                <c:pt idx="14406">
                  <c:v>4535.6400000000003</c:v>
                </c:pt>
                <c:pt idx="14407">
                  <c:v>4462.8500000000004</c:v>
                </c:pt>
                <c:pt idx="14408">
                  <c:v>4361.99</c:v>
                </c:pt>
                <c:pt idx="14409">
                  <c:v>5775.93</c:v>
                </c:pt>
                <c:pt idx="14410">
                  <c:v>5350.28</c:v>
                </c:pt>
                <c:pt idx="14411">
                  <c:v>5111.9399999999996</c:v>
                </c:pt>
                <c:pt idx="14412">
                  <c:v>4987.7</c:v>
                </c:pt>
                <c:pt idx="14413">
                  <c:v>4823.3500000000004</c:v>
                </c:pt>
                <c:pt idx="14414">
                  <c:v>4675.26</c:v>
                </c:pt>
                <c:pt idx="14415">
                  <c:v>4657.34</c:v>
                </c:pt>
                <c:pt idx="14416">
                  <c:v>4511.97</c:v>
                </c:pt>
                <c:pt idx="14417">
                  <c:v>4535.6400000000003</c:v>
                </c:pt>
                <c:pt idx="14418">
                  <c:v>4355.29</c:v>
                </c:pt>
                <c:pt idx="14419">
                  <c:v>4361.99</c:v>
                </c:pt>
                <c:pt idx="14420">
                  <c:v>5775.93</c:v>
                </c:pt>
                <c:pt idx="14421">
                  <c:v>5350.28</c:v>
                </c:pt>
                <c:pt idx="14422">
                  <c:v>5111.9399999999996</c:v>
                </c:pt>
                <c:pt idx="14423">
                  <c:v>4987.7</c:v>
                </c:pt>
                <c:pt idx="14424">
                  <c:v>4823.3500000000004</c:v>
                </c:pt>
                <c:pt idx="14425">
                  <c:v>4675.26</c:v>
                </c:pt>
                <c:pt idx="14426">
                  <c:v>4657.34</c:v>
                </c:pt>
                <c:pt idx="14427">
                  <c:v>4511.97</c:v>
                </c:pt>
                <c:pt idx="14428">
                  <c:v>4535.6400000000003</c:v>
                </c:pt>
                <c:pt idx="14429">
                  <c:v>4355.29</c:v>
                </c:pt>
                <c:pt idx="14430">
                  <c:v>4361.99</c:v>
                </c:pt>
                <c:pt idx="14431">
                  <c:v>5775.93</c:v>
                </c:pt>
                <c:pt idx="14432">
                  <c:v>5350.28</c:v>
                </c:pt>
                <c:pt idx="14433">
                  <c:v>5111.9399999999996</c:v>
                </c:pt>
                <c:pt idx="14434">
                  <c:v>4987.7</c:v>
                </c:pt>
                <c:pt idx="14435">
                  <c:v>4823.3500000000004</c:v>
                </c:pt>
                <c:pt idx="14436">
                  <c:v>4675.26</c:v>
                </c:pt>
                <c:pt idx="14437">
                  <c:v>4657.34</c:v>
                </c:pt>
                <c:pt idx="14438">
                  <c:v>4511.97</c:v>
                </c:pt>
                <c:pt idx="14439">
                  <c:v>4535.6400000000003</c:v>
                </c:pt>
                <c:pt idx="14440">
                  <c:v>4355.29</c:v>
                </c:pt>
                <c:pt idx="14441">
                  <c:v>4361.99</c:v>
                </c:pt>
                <c:pt idx="14442">
                  <c:v>5775.93</c:v>
                </c:pt>
                <c:pt idx="14443">
                  <c:v>5350.28</c:v>
                </c:pt>
                <c:pt idx="14444">
                  <c:v>5111.9399999999996</c:v>
                </c:pt>
                <c:pt idx="14445">
                  <c:v>4987.7</c:v>
                </c:pt>
                <c:pt idx="14446">
                  <c:v>4823.3500000000004</c:v>
                </c:pt>
                <c:pt idx="14447">
                  <c:v>4675.26</c:v>
                </c:pt>
                <c:pt idx="14448">
                  <c:v>4657.34</c:v>
                </c:pt>
                <c:pt idx="14449">
                  <c:v>4511.97</c:v>
                </c:pt>
                <c:pt idx="14450">
                  <c:v>4535.6400000000003</c:v>
                </c:pt>
                <c:pt idx="14451">
                  <c:v>4355.29</c:v>
                </c:pt>
                <c:pt idx="14452">
                  <c:v>4361.99</c:v>
                </c:pt>
                <c:pt idx="14453">
                  <c:v>5775.93</c:v>
                </c:pt>
                <c:pt idx="14454">
                  <c:v>5350.28</c:v>
                </c:pt>
                <c:pt idx="14455">
                  <c:v>5111.9399999999996</c:v>
                </c:pt>
                <c:pt idx="14456">
                  <c:v>4987.7</c:v>
                </c:pt>
                <c:pt idx="14457">
                  <c:v>4823.3500000000004</c:v>
                </c:pt>
                <c:pt idx="14458">
                  <c:v>4675.26</c:v>
                </c:pt>
                <c:pt idx="14459">
                  <c:v>4657.34</c:v>
                </c:pt>
                <c:pt idx="14460">
                  <c:v>4511.97</c:v>
                </c:pt>
                <c:pt idx="14461">
                  <c:v>4535.6400000000003</c:v>
                </c:pt>
                <c:pt idx="14462">
                  <c:v>4355.29</c:v>
                </c:pt>
                <c:pt idx="14463">
                  <c:v>4361.99</c:v>
                </c:pt>
                <c:pt idx="14464">
                  <c:v>5775.93</c:v>
                </c:pt>
                <c:pt idx="14465">
                  <c:v>5350.28</c:v>
                </c:pt>
                <c:pt idx="14466">
                  <c:v>5111.9399999999996</c:v>
                </c:pt>
                <c:pt idx="14467">
                  <c:v>4987.7</c:v>
                </c:pt>
                <c:pt idx="14468">
                  <c:v>4823.3500000000004</c:v>
                </c:pt>
                <c:pt idx="14469">
                  <c:v>4675.26</c:v>
                </c:pt>
                <c:pt idx="14470">
                  <c:v>4657.34</c:v>
                </c:pt>
                <c:pt idx="14471">
                  <c:v>4511.97</c:v>
                </c:pt>
                <c:pt idx="14472">
                  <c:v>4535.6400000000003</c:v>
                </c:pt>
                <c:pt idx="14473">
                  <c:v>4355.29</c:v>
                </c:pt>
                <c:pt idx="14474">
                  <c:v>4361.99</c:v>
                </c:pt>
                <c:pt idx="14475">
                  <c:v>5775.93</c:v>
                </c:pt>
                <c:pt idx="14476">
                  <c:v>5350.28</c:v>
                </c:pt>
                <c:pt idx="14477">
                  <c:v>5111.9399999999996</c:v>
                </c:pt>
                <c:pt idx="14478">
                  <c:v>4987.7</c:v>
                </c:pt>
                <c:pt idx="14479">
                  <c:v>4823.3500000000004</c:v>
                </c:pt>
                <c:pt idx="14480">
                  <c:v>4675.26</c:v>
                </c:pt>
                <c:pt idx="14481">
                  <c:v>4657.34</c:v>
                </c:pt>
                <c:pt idx="14482">
                  <c:v>4511.97</c:v>
                </c:pt>
                <c:pt idx="14483">
                  <c:v>4535.6400000000003</c:v>
                </c:pt>
                <c:pt idx="14484">
                  <c:v>4355.29</c:v>
                </c:pt>
                <c:pt idx="14485">
                  <c:v>4361.99</c:v>
                </c:pt>
                <c:pt idx="14486">
                  <c:v>5775.93</c:v>
                </c:pt>
                <c:pt idx="14487">
                  <c:v>5350.28</c:v>
                </c:pt>
                <c:pt idx="14488">
                  <c:v>5111.9399999999996</c:v>
                </c:pt>
                <c:pt idx="14489">
                  <c:v>4987.7</c:v>
                </c:pt>
                <c:pt idx="14490">
                  <c:v>4823.3500000000004</c:v>
                </c:pt>
                <c:pt idx="14491">
                  <c:v>4675.26</c:v>
                </c:pt>
                <c:pt idx="14492">
                  <c:v>4657.34</c:v>
                </c:pt>
                <c:pt idx="14493">
                  <c:v>4511.97</c:v>
                </c:pt>
                <c:pt idx="14494">
                  <c:v>4535.6400000000003</c:v>
                </c:pt>
                <c:pt idx="14495">
                  <c:v>4355.29</c:v>
                </c:pt>
                <c:pt idx="14496">
                  <c:v>4361.99</c:v>
                </c:pt>
                <c:pt idx="14497">
                  <c:v>5775.93</c:v>
                </c:pt>
                <c:pt idx="14498">
                  <c:v>5350.28</c:v>
                </c:pt>
                <c:pt idx="14499">
                  <c:v>5111.9399999999996</c:v>
                </c:pt>
                <c:pt idx="14500">
                  <c:v>4987.7</c:v>
                </c:pt>
                <c:pt idx="14501">
                  <c:v>4823.3500000000004</c:v>
                </c:pt>
                <c:pt idx="14502">
                  <c:v>4675.26</c:v>
                </c:pt>
                <c:pt idx="14503">
                  <c:v>4657.34</c:v>
                </c:pt>
                <c:pt idx="14504">
                  <c:v>4511.97</c:v>
                </c:pt>
                <c:pt idx="14505">
                  <c:v>4535.6400000000003</c:v>
                </c:pt>
                <c:pt idx="14506">
                  <c:v>4355.29</c:v>
                </c:pt>
                <c:pt idx="14507">
                  <c:v>4361.99</c:v>
                </c:pt>
                <c:pt idx="14508">
                  <c:v>5775.93</c:v>
                </c:pt>
                <c:pt idx="14509">
                  <c:v>5350.28</c:v>
                </c:pt>
                <c:pt idx="14510">
                  <c:v>5111.9399999999996</c:v>
                </c:pt>
                <c:pt idx="14511">
                  <c:v>4987.7</c:v>
                </c:pt>
                <c:pt idx="14512">
                  <c:v>4823.3500000000004</c:v>
                </c:pt>
                <c:pt idx="14513">
                  <c:v>4675.26</c:v>
                </c:pt>
                <c:pt idx="14514">
                  <c:v>4657.34</c:v>
                </c:pt>
                <c:pt idx="14515">
                  <c:v>4511.97</c:v>
                </c:pt>
                <c:pt idx="14516">
                  <c:v>4535.6400000000003</c:v>
                </c:pt>
                <c:pt idx="14517">
                  <c:v>4355.29</c:v>
                </c:pt>
                <c:pt idx="14518">
                  <c:v>4361.99</c:v>
                </c:pt>
                <c:pt idx="14519">
                  <c:v>5200.8500000000004</c:v>
                </c:pt>
                <c:pt idx="14520">
                  <c:v>4586.66</c:v>
                </c:pt>
                <c:pt idx="14521">
                  <c:v>4230.63</c:v>
                </c:pt>
                <c:pt idx="14522">
                  <c:v>3934.15</c:v>
                </c:pt>
                <c:pt idx="14523">
                  <c:v>3720.47</c:v>
                </c:pt>
                <c:pt idx="14524">
                  <c:v>3555.97</c:v>
                </c:pt>
                <c:pt idx="14525">
                  <c:v>3482.62</c:v>
                </c:pt>
                <c:pt idx="14526">
                  <c:v>3401.2</c:v>
                </c:pt>
                <c:pt idx="14527">
                  <c:v>3289.53</c:v>
                </c:pt>
                <c:pt idx="14528">
                  <c:v>3200.08</c:v>
                </c:pt>
                <c:pt idx="14529">
                  <c:v>3134.96</c:v>
                </c:pt>
                <c:pt idx="14530">
                  <c:v>5775.93</c:v>
                </c:pt>
                <c:pt idx="14531">
                  <c:v>5350.28</c:v>
                </c:pt>
                <c:pt idx="14532">
                  <c:v>5111.9399999999996</c:v>
                </c:pt>
                <c:pt idx="14533">
                  <c:v>4987.7</c:v>
                </c:pt>
                <c:pt idx="14534">
                  <c:v>4823.3500000000004</c:v>
                </c:pt>
                <c:pt idx="14535">
                  <c:v>4675.26</c:v>
                </c:pt>
                <c:pt idx="14536">
                  <c:v>4529.8</c:v>
                </c:pt>
                <c:pt idx="14537">
                  <c:v>4570.46</c:v>
                </c:pt>
                <c:pt idx="14538">
                  <c:v>4383</c:v>
                </c:pt>
                <c:pt idx="14539">
                  <c:v>4367.16</c:v>
                </c:pt>
                <c:pt idx="14540">
                  <c:v>4324.82</c:v>
                </c:pt>
                <c:pt idx="14541">
                  <c:v>5775.93</c:v>
                </c:pt>
                <c:pt idx="14542">
                  <c:v>5350.28</c:v>
                </c:pt>
                <c:pt idx="14543">
                  <c:v>5111.9399999999996</c:v>
                </c:pt>
                <c:pt idx="14544">
                  <c:v>4987.7</c:v>
                </c:pt>
                <c:pt idx="14545">
                  <c:v>4823.3500000000004</c:v>
                </c:pt>
                <c:pt idx="14546">
                  <c:v>4675.26</c:v>
                </c:pt>
                <c:pt idx="14547">
                  <c:v>4657.34</c:v>
                </c:pt>
                <c:pt idx="14548">
                  <c:v>4511.97</c:v>
                </c:pt>
                <c:pt idx="14549">
                  <c:v>4535.6400000000003</c:v>
                </c:pt>
                <c:pt idx="14550">
                  <c:v>4355.29</c:v>
                </c:pt>
                <c:pt idx="14551">
                  <c:v>4361.99</c:v>
                </c:pt>
                <c:pt idx="14552">
                  <c:v>5775.93</c:v>
                </c:pt>
                <c:pt idx="14553">
                  <c:v>5350.28</c:v>
                </c:pt>
                <c:pt idx="14554">
                  <c:v>5111.9399999999996</c:v>
                </c:pt>
                <c:pt idx="14555">
                  <c:v>4987.7</c:v>
                </c:pt>
                <c:pt idx="14556">
                  <c:v>4823.3500000000004</c:v>
                </c:pt>
                <c:pt idx="14557">
                  <c:v>4675.26</c:v>
                </c:pt>
                <c:pt idx="14558">
                  <c:v>4657.34</c:v>
                </c:pt>
                <c:pt idx="14559">
                  <c:v>4511.97</c:v>
                </c:pt>
                <c:pt idx="14560">
                  <c:v>4535.6400000000003</c:v>
                </c:pt>
                <c:pt idx="14561">
                  <c:v>4355.29</c:v>
                </c:pt>
                <c:pt idx="14562">
                  <c:v>4361.99</c:v>
                </c:pt>
                <c:pt idx="14563">
                  <c:v>5775.93</c:v>
                </c:pt>
                <c:pt idx="14564">
                  <c:v>5350.28</c:v>
                </c:pt>
                <c:pt idx="14565">
                  <c:v>5111.9399999999996</c:v>
                </c:pt>
                <c:pt idx="14566">
                  <c:v>4987.7</c:v>
                </c:pt>
                <c:pt idx="14567">
                  <c:v>4823.3500000000004</c:v>
                </c:pt>
                <c:pt idx="14568">
                  <c:v>4675.26</c:v>
                </c:pt>
                <c:pt idx="14569">
                  <c:v>4657.34</c:v>
                </c:pt>
                <c:pt idx="14570">
                  <c:v>4511.97</c:v>
                </c:pt>
                <c:pt idx="14571">
                  <c:v>4535.6400000000003</c:v>
                </c:pt>
                <c:pt idx="14572">
                  <c:v>4355.29</c:v>
                </c:pt>
                <c:pt idx="14573">
                  <c:v>4361.99</c:v>
                </c:pt>
                <c:pt idx="14574">
                  <c:v>5775.93</c:v>
                </c:pt>
                <c:pt idx="14575">
                  <c:v>5350.28</c:v>
                </c:pt>
                <c:pt idx="14576">
                  <c:v>5111.9399999999996</c:v>
                </c:pt>
                <c:pt idx="14577">
                  <c:v>4987.7</c:v>
                </c:pt>
                <c:pt idx="14578">
                  <c:v>4823.3500000000004</c:v>
                </c:pt>
                <c:pt idx="14579">
                  <c:v>4675.26</c:v>
                </c:pt>
                <c:pt idx="14580">
                  <c:v>4657.34</c:v>
                </c:pt>
                <c:pt idx="14581">
                  <c:v>4511.97</c:v>
                </c:pt>
                <c:pt idx="14582">
                  <c:v>4535.6400000000003</c:v>
                </c:pt>
                <c:pt idx="14583">
                  <c:v>4355.29</c:v>
                </c:pt>
                <c:pt idx="14584">
                  <c:v>4361.99</c:v>
                </c:pt>
                <c:pt idx="14585">
                  <c:v>5775.93</c:v>
                </c:pt>
                <c:pt idx="14586">
                  <c:v>5350.28</c:v>
                </c:pt>
                <c:pt idx="14587">
                  <c:v>5111.9399999999996</c:v>
                </c:pt>
                <c:pt idx="14588">
                  <c:v>4987.7</c:v>
                </c:pt>
                <c:pt idx="14589">
                  <c:v>4823.3500000000004</c:v>
                </c:pt>
                <c:pt idx="14590">
                  <c:v>4675.26</c:v>
                </c:pt>
                <c:pt idx="14591">
                  <c:v>4657.34</c:v>
                </c:pt>
                <c:pt idx="14592">
                  <c:v>4511.97</c:v>
                </c:pt>
                <c:pt idx="14593">
                  <c:v>4535.6400000000003</c:v>
                </c:pt>
                <c:pt idx="14594">
                  <c:v>4355.29</c:v>
                </c:pt>
                <c:pt idx="14595">
                  <c:v>4361.99</c:v>
                </c:pt>
                <c:pt idx="14596">
                  <c:v>5775.93</c:v>
                </c:pt>
                <c:pt idx="14597">
                  <c:v>5350.28</c:v>
                </c:pt>
                <c:pt idx="14598">
                  <c:v>5111.9399999999996</c:v>
                </c:pt>
                <c:pt idx="14599">
                  <c:v>4987.7</c:v>
                </c:pt>
                <c:pt idx="14600">
                  <c:v>4823.3500000000004</c:v>
                </c:pt>
                <c:pt idx="14601">
                  <c:v>4675.26</c:v>
                </c:pt>
                <c:pt idx="14602">
                  <c:v>4657.34</c:v>
                </c:pt>
                <c:pt idx="14603">
                  <c:v>4511.97</c:v>
                </c:pt>
                <c:pt idx="14604">
                  <c:v>4535.6400000000003</c:v>
                </c:pt>
                <c:pt idx="14605">
                  <c:v>4355.29</c:v>
                </c:pt>
                <c:pt idx="14606">
                  <c:v>4361.99</c:v>
                </c:pt>
                <c:pt idx="14607">
                  <c:v>5775.93</c:v>
                </c:pt>
                <c:pt idx="14608">
                  <c:v>5350.28</c:v>
                </c:pt>
                <c:pt idx="14609">
                  <c:v>5111.9399999999996</c:v>
                </c:pt>
                <c:pt idx="14610">
                  <c:v>4987.7</c:v>
                </c:pt>
                <c:pt idx="14611">
                  <c:v>4823.3500000000004</c:v>
                </c:pt>
                <c:pt idx="14612">
                  <c:v>4675.26</c:v>
                </c:pt>
                <c:pt idx="14613">
                  <c:v>4657.34</c:v>
                </c:pt>
                <c:pt idx="14614">
                  <c:v>4511.97</c:v>
                </c:pt>
                <c:pt idx="14615">
                  <c:v>4535.6400000000003</c:v>
                </c:pt>
                <c:pt idx="14616">
                  <c:v>4355.29</c:v>
                </c:pt>
                <c:pt idx="14617">
                  <c:v>4361.99</c:v>
                </c:pt>
                <c:pt idx="14618">
                  <c:v>5775.93</c:v>
                </c:pt>
                <c:pt idx="14619">
                  <c:v>5350.28</c:v>
                </c:pt>
                <c:pt idx="14620">
                  <c:v>5111.9399999999996</c:v>
                </c:pt>
                <c:pt idx="14621">
                  <c:v>4987.7</c:v>
                </c:pt>
                <c:pt idx="14622">
                  <c:v>4823.3500000000004</c:v>
                </c:pt>
                <c:pt idx="14623">
                  <c:v>4675.26</c:v>
                </c:pt>
                <c:pt idx="14624">
                  <c:v>4657.34</c:v>
                </c:pt>
                <c:pt idx="14625">
                  <c:v>4511.97</c:v>
                </c:pt>
                <c:pt idx="14626">
                  <c:v>4535.6400000000003</c:v>
                </c:pt>
                <c:pt idx="14627">
                  <c:v>4355.29</c:v>
                </c:pt>
                <c:pt idx="14628">
                  <c:v>4361.99</c:v>
                </c:pt>
                <c:pt idx="14629">
                  <c:v>5775.93</c:v>
                </c:pt>
                <c:pt idx="14630">
                  <c:v>5350.28</c:v>
                </c:pt>
                <c:pt idx="14631">
                  <c:v>5111.9399999999996</c:v>
                </c:pt>
                <c:pt idx="14632">
                  <c:v>4987.7</c:v>
                </c:pt>
                <c:pt idx="14633">
                  <c:v>4823.3500000000004</c:v>
                </c:pt>
                <c:pt idx="14634">
                  <c:v>4675.26</c:v>
                </c:pt>
                <c:pt idx="14635">
                  <c:v>4657.34</c:v>
                </c:pt>
                <c:pt idx="14636">
                  <c:v>4511.97</c:v>
                </c:pt>
                <c:pt idx="14637">
                  <c:v>4535.6400000000003</c:v>
                </c:pt>
                <c:pt idx="14638">
                  <c:v>4355.29</c:v>
                </c:pt>
                <c:pt idx="14639">
                  <c:v>4361.99</c:v>
                </c:pt>
                <c:pt idx="14640">
                  <c:v>5775.93</c:v>
                </c:pt>
                <c:pt idx="14641">
                  <c:v>5350.28</c:v>
                </c:pt>
                <c:pt idx="14642">
                  <c:v>5111.9399999999996</c:v>
                </c:pt>
                <c:pt idx="14643">
                  <c:v>4987.7</c:v>
                </c:pt>
                <c:pt idx="14644">
                  <c:v>4823.3500000000004</c:v>
                </c:pt>
                <c:pt idx="14645">
                  <c:v>4675.26</c:v>
                </c:pt>
                <c:pt idx="14646">
                  <c:v>4657.34</c:v>
                </c:pt>
                <c:pt idx="14647">
                  <c:v>4511.97</c:v>
                </c:pt>
                <c:pt idx="14648">
                  <c:v>4535.6400000000003</c:v>
                </c:pt>
                <c:pt idx="14649">
                  <c:v>4355.29</c:v>
                </c:pt>
                <c:pt idx="14650">
                  <c:v>4361.99</c:v>
                </c:pt>
                <c:pt idx="14651">
                  <c:v>5200.8500000000004</c:v>
                </c:pt>
                <c:pt idx="14652">
                  <c:v>4586.66</c:v>
                </c:pt>
                <c:pt idx="14653">
                  <c:v>4230.63</c:v>
                </c:pt>
                <c:pt idx="14654">
                  <c:v>3934.15</c:v>
                </c:pt>
                <c:pt idx="14655">
                  <c:v>3720.47</c:v>
                </c:pt>
                <c:pt idx="14656">
                  <c:v>3573.64</c:v>
                </c:pt>
                <c:pt idx="14657">
                  <c:v>3393.87</c:v>
                </c:pt>
                <c:pt idx="14658">
                  <c:v>3306.66</c:v>
                </c:pt>
                <c:pt idx="14659">
                  <c:v>3207.55</c:v>
                </c:pt>
                <c:pt idx="14660">
                  <c:v>3218.83</c:v>
                </c:pt>
                <c:pt idx="14661">
                  <c:v>3152.56</c:v>
                </c:pt>
                <c:pt idx="14662">
                  <c:v>5775.93</c:v>
                </c:pt>
                <c:pt idx="14663">
                  <c:v>5350.28</c:v>
                </c:pt>
                <c:pt idx="14664">
                  <c:v>5111.9399999999996</c:v>
                </c:pt>
                <c:pt idx="14665">
                  <c:v>4987.7</c:v>
                </c:pt>
                <c:pt idx="14666">
                  <c:v>4823.3500000000004</c:v>
                </c:pt>
                <c:pt idx="14667">
                  <c:v>4675.26</c:v>
                </c:pt>
                <c:pt idx="14668">
                  <c:v>4529.8</c:v>
                </c:pt>
                <c:pt idx="14669">
                  <c:v>4570.46</c:v>
                </c:pt>
                <c:pt idx="14670">
                  <c:v>4391.59</c:v>
                </c:pt>
                <c:pt idx="14671">
                  <c:v>4366.8900000000003</c:v>
                </c:pt>
                <c:pt idx="14672">
                  <c:v>4337.16</c:v>
                </c:pt>
                <c:pt idx="14673">
                  <c:v>5775.93</c:v>
                </c:pt>
                <c:pt idx="14674">
                  <c:v>5350.28</c:v>
                </c:pt>
                <c:pt idx="14675">
                  <c:v>5111.9399999999996</c:v>
                </c:pt>
                <c:pt idx="14676">
                  <c:v>4987.7</c:v>
                </c:pt>
                <c:pt idx="14677">
                  <c:v>4823.3500000000004</c:v>
                </c:pt>
                <c:pt idx="14678">
                  <c:v>4675.26</c:v>
                </c:pt>
                <c:pt idx="14679">
                  <c:v>4657.34</c:v>
                </c:pt>
                <c:pt idx="14680">
                  <c:v>4511.97</c:v>
                </c:pt>
                <c:pt idx="14681">
                  <c:v>4535.6400000000003</c:v>
                </c:pt>
                <c:pt idx="14682">
                  <c:v>4355.29</c:v>
                </c:pt>
                <c:pt idx="14683">
                  <c:v>4361.99</c:v>
                </c:pt>
                <c:pt idx="14684">
                  <c:v>5775.93</c:v>
                </c:pt>
                <c:pt idx="14685">
                  <c:v>5350.28</c:v>
                </c:pt>
                <c:pt idx="14686">
                  <c:v>5111.9399999999996</c:v>
                </c:pt>
                <c:pt idx="14687">
                  <c:v>4987.7</c:v>
                </c:pt>
                <c:pt idx="14688">
                  <c:v>4823.3500000000004</c:v>
                </c:pt>
                <c:pt idx="14689">
                  <c:v>4675.26</c:v>
                </c:pt>
                <c:pt idx="14690">
                  <c:v>4657.34</c:v>
                </c:pt>
                <c:pt idx="14691">
                  <c:v>4511.97</c:v>
                </c:pt>
                <c:pt idx="14692">
                  <c:v>4535.6400000000003</c:v>
                </c:pt>
                <c:pt idx="14693">
                  <c:v>4355.29</c:v>
                </c:pt>
                <c:pt idx="14694">
                  <c:v>4361.99</c:v>
                </c:pt>
                <c:pt idx="14695">
                  <c:v>5775.93</c:v>
                </c:pt>
                <c:pt idx="14696">
                  <c:v>5350.28</c:v>
                </c:pt>
                <c:pt idx="14697">
                  <c:v>5111.9399999999996</c:v>
                </c:pt>
                <c:pt idx="14698">
                  <c:v>4987.7</c:v>
                </c:pt>
                <c:pt idx="14699">
                  <c:v>4823.3500000000004</c:v>
                </c:pt>
                <c:pt idx="14700">
                  <c:v>4675.26</c:v>
                </c:pt>
                <c:pt idx="14701">
                  <c:v>4657.34</c:v>
                </c:pt>
                <c:pt idx="14702">
                  <c:v>4511.97</c:v>
                </c:pt>
                <c:pt idx="14703">
                  <c:v>4535.6400000000003</c:v>
                </c:pt>
                <c:pt idx="14704">
                  <c:v>4355.29</c:v>
                </c:pt>
                <c:pt idx="14705">
                  <c:v>4361.99</c:v>
                </c:pt>
                <c:pt idx="14706">
                  <c:v>5775.93</c:v>
                </c:pt>
                <c:pt idx="14707">
                  <c:v>5350.28</c:v>
                </c:pt>
                <c:pt idx="14708">
                  <c:v>5111.9399999999996</c:v>
                </c:pt>
                <c:pt idx="14709">
                  <c:v>4987.7</c:v>
                </c:pt>
                <c:pt idx="14710">
                  <c:v>4823.3500000000004</c:v>
                </c:pt>
                <c:pt idx="14711">
                  <c:v>4675.26</c:v>
                </c:pt>
                <c:pt idx="14712">
                  <c:v>4657.34</c:v>
                </c:pt>
                <c:pt idx="14713">
                  <c:v>4511.97</c:v>
                </c:pt>
                <c:pt idx="14714">
                  <c:v>4535.6400000000003</c:v>
                </c:pt>
                <c:pt idx="14715">
                  <c:v>4355.29</c:v>
                </c:pt>
                <c:pt idx="14716">
                  <c:v>4361.99</c:v>
                </c:pt>
                <c:pt idx="14717">
                  <c:v>5775.93</c:v>
                </c:pt>
                <c:pt idx="14718">
                  <c:v>5350.28</c:v>
                </c:pt>
                <c:pt idx="14719">
                  <c:v>5111.9399999999996</c:v>
                </c:pt>
                <c:pt idx="14720">
                  <c:v>4987.7</c:v>
                </c:pt>
                <c:pt idx="14721">
                  <c:v>4823.3500000000004</c:v>
                </c:pt>
                <c:pt idx="14722">
                  <c:v>4675.26</c:v>
                </c:pt>
                <c:pt idx="14723">
                  <c:v>4657.34</c:v>
                </c:pt>
                <c:pt idx="14724">
                  <c:v>4511.97</c:v>
                </c:pt>
                <c:pt idx="14725">
                  <c:v>4535.6400000000003</c:v>
                </c:pt>
                <c:pt idx="14726">
                  <c:v>4355.29</c:v>
                </c:pt>
                <c:pt idx="14727">
                  <c:v>4361.99</c:v>
                </c:pt>
                <c:pt idx="14728">
                  <c:v>5775.93</c:v>
                </c:pt>
                <c:pt idx="14729">
                  <c:v>5350.28</c:v>
                </c:pt>
                <c:pt idx="14730">
                  <c:v>5111.9399999999996</c:v>
                </c:pt>
                <c:pt idx="14731">
                  <c:v>4987.7</c:v>
                </c:pt>
                <c:pt idx="14732">
                  <c:v>4823.3500000000004</c:v>
                </c:pt>
                <c:pt idx="14733">
                  <c:v>4675.26</c:v>
                </c:pt>
                <c:pt idx="14734">
                  <c:v>4657.34</c:v>
                </c:pt>
                <c:pt idx="14735">
                  <c:v>4511.97</c:v>
                </c:pt>
                <c:pt idx="14736">
                  <c:v>4535.6400000000003</c:v>
                </c:pt>
                <c:pt idx="14737">
                  <c:v>4355.29</c:v>
                </c:pt>
                <c:pt idx="14738">
                  <c:v>4361.99</c:v>
                </c:pt>
                <c:pt idx="14739">
                  <c:v>5775.93</c:v>
                </c:pt>
                <c:pt idx="14740">
                  <c:v>5350.28</c:v>
                </c:pt>
                <c:pt idx="14741">
                  <c:v>5111.9399999999996</c:v>
                </c:pt>
                <c:pt idx="14742">
                  <c:v>4987.7</c:v>
                </c:pt>
                <c:pt idx="14743">
                  <c:v>4823.3500000000004</c:v>
                </c:pt>
                <c:pt idx="14744">
                  <c:v>4675.26</c:v>
                </c:pt>
                <c:pt idx="14745">
                  <c:v>4657.34</c:v>
                </c:pt>
                <c:pt idx="14746">
                  <c:v>4511.97</c:v>
                </c:pt>
                <c:pt idx="14747">
                  <c:v>4535.6400000000003</c:v>
                </c:pt>
                <c:pt idx="14748">
                  <c:v>4355.29</c:v>
                </c:pt>
                <c:pt idx="14749">
                  <c:v>4361.99</c:v>
                </c:pt>
                <c:pt idx="14750">
                  <c:v>5775.93</c:v>
                </c:pt>
                <c:pt idx="14751">
                  <c:v>5350.28</c:v>
                </c:pt>
                <c:pt idx="14752">
                  <c:v>5111.9399999999996</c:v>
                </c:pt>
                <c:pt idx="14753">
                  <c:v>4987.7</c:v>
                </c:pt>
                <c:pt idx="14754">
                  <c:v>4823.3500000000004</c:v>
                </c:pt>
                <c:pt idx="14755">
                  <c:v>4675.26</c:v>
                </c:pt>
                <c:pt idx="14756">
                  <c:v>4657.34</c:v>
                </c:pt>
                <c:pt idx="14757">
                  <c:v>4511.97</c:v>
                </c:pt>
                <c:pt idx="14758">
                  <c:v>4535.6400000000003</c:v>
                </c:pt>
                <c:pt idx="14759">
                  <c:v>4355.29</c:v>
                </c:pt>
                <c:pt idx="14760">
                  <c:v>4361.99</c:v>
                </c:pt>
                <c:pt idx="14761">
                  <c:v>5775.93</c:v>
                </c:pt>
                <c:pt idx="14762">
                  <c:v>5350.28</c:v>
                </c:pt>
                <c:pt idx="14763">
                  <c:v>5111.9399999999996</c:v>
                </c:pt>
                <c:pt idx="14764">
                  <c:v>4987.7</c:v>
                </c:pt>
                <c:pt idx="14765">
                  <c:v>4823.3500000000004</c:v>
                </c:pt>
                <c:pt idx="14766">
                  <c:v>4675.26</c:v>
                </c:pt>
                <c:pt idx="14767">
                  <c:v>4657.34</c:v>
                </c:pt>
                <c:pt idx="14768">
                  <c:v>4511.97</c:v>
                </c:pt>
                <c:pt idx="14769">
                  <c:v>4535.6400000000003</c:v>
                </c:pt>
                <c:pt idx="14770">
                  <c:v>4355.29</c:v>
                </c:pt>
                <c:pt idx="14771">
                  <c:v>4361.99</c:v>
                </c:pt>
                <c:pt idx="14772">
                  <c:v>5775.93</c:v>
                </c:pt>
                <c:pt idx="14773">
                  <c:v>5350.28</c:v>
                </c:pt>
                <c:pt idx="14774">
                  <c:v>5111.9399999999996</c:v>
                </c:pt>
                <c:pt idx="14775">
                  <c:v>4987.7</c:v>
                </c:pt>
                <c:pt idx="14776">
                  <c:v>4823.3500000000004</c:v>
                </c:pt>
                <c:pt idx="14777">
                  <c:v>4675.26</c:v>
                </c:pt>
                <c:pt idx="14778">
                  <c:v>4657.34</c:v>
                </c:pt>
                <c:pt idx="14779">
                  <c:v>4511.97</c:v>
                </c:pt>
                <c:pt idx="14780">
                  <c:v>4535.6400000000003</c:v>
                </c:pt>
                <c:pt idx="14781">
                  <c:v>4355.29</c:v>
                </c:pt>
                <c:pt idx="14782">
                  <c:v>4361.99</c:v>
                </c:pt>
                <c:pt idx="14783">
                  <c:v>5200.8500000000004</c:v>
                </c:pt>
                <c:pt idx="14784">
                  <c:v>4586.66</c:v>
                </c:pt>
                <c:pt idx="14785">
                  <c:v>4230.63</c:v>
                </c:pt>
                <c:pt idx="14786">
                  <c:v>3934.15</c:v>
                </c:pt>
                <c:pt idx="14787">
                  <c:v>3720.47</c:v>
                </c:pt>
                <c:pt idx="14788">
                  <c:v>3593.7</c:v>
                </c:pt>
                <c:pt idx="14789">
                  <c:v>3395.49</c:v>
                </c:pt>
                <c:pt idx="14790">
                  <c:v>3288.94</c:v>
                </c:pt>
                <c:pt idx="14791">
                  <c:v>3259.29</c:v>
                </c:pt>
                <c:pt idx="14792">
                  <c:v>3168.89</c:v>
                </c:pt>
                <c:pt idx="14793">
                  <c:v>3071.91</c:v>
                </c:pt>
                <c:pt idx="14794">
                  <c:v>5775.93</c:v>
                </c:pt>
                <c:pt idx="14795">
                  <c:v>5350.28</c:v>
                </c:pt>
                <c:pt idx="14796">
                  <c:v>5111.9399999999996</c:v>
                </c:pt>
                <c:pt idx="14797">
                  <c:v>4987.7</c:v>
                </c:pt>
                <c:pt idx="14798">
                  <c:v>4823.3500000000004</c:v>
                </c:pt>
                <c:pt idx="14799">
                  <c:v>4675.26</c:v>
                </c:pt>
                <c:pt idx="14800">
                  <c:v>4529.8</c:v>
                </c:pt>
                <c:pt idx="14801">
                  <c:v>4570.46</c:v>
                </c:pt>
                <c:pt idx="14802">
                  <c:v>4378.03</c:v>
                </c:pt>
                <c:pt idx="14803">
                  <c:v>4366.8900000000003</c:v>
                </c:pt>
                <c:pt idx="14804">
                  <c:v>4311.3900000000003</c:v>
                </c:pt>
                <c:pt idx="14805">
                  <c:v>5775.93</c:v>
                </c:pt>
                <c:pt idx="14806">
                  <c:v>5350.28</c:v>
                </c:pt>
                <c:pt idx="14807">
                  <c:v>5111.9399999999996</c:v>
                </c:pt>
                <c:pt idx="14808">
                  <c:v>4987.7</c:v>
                </c:pt>
                <c:pt idx="14809">
                  <c:v>4823.3500000000004</c:v>
                </c:pt>
                <c:pt idx="14810">
                  <c:v>4675.26</c:v>
                </c:pt>
                <c:pt idx="14811">
                  <c:v>4657.34</c:v>
                </c:pt>
                <c:pt idx="14812">
                  <c:v>4511.97</c:v>
                </c:pt>
                <c:pt idx="14813">
                  <c:v>4535.6400000000003</c:v>
                </c:pt>
                <c:pt idx="14814">
                  <c:v>4355.29</c:v>
                </c:pt>
                <c:pt idx="14815">
                  <c:v>4361.99</c:v>
                </c:pt>
                <c:pt idx="14816">
                  <c:v>5775.93</c:v>
                </c:pt>
                <c:pt idx="14817">
                  <c:v>5350.28</c:v>
                </c:pt>
                <c:pt idx="14818">
                  <c:v>5111.9399999999996</c:v>
                </c:pt>
                <c:pt idx="14819">
                  <c:v>4987.7</c:v>
                </c:pt>
                <c:pt idx="14820">
                  <c:v>4823.3500000000004</c:v>
                </c:pt>
                <c:pt idx="14821">
                  <c:v>4675.26</c:v>
                </c:pt>
                <c:pt idx="14822">
                  <c:v>4657.34</c:v>
                </c:pt>
                <c:pt idx="14823">
                  <c:v>4511.97</c:v>
                </c:pt>
                <c:pt idx="14824">
                  <c:v>4535.6400000000003</c:v>
                </c:pt>
                <c:pt idx="14825">
                  <c:v>4355.29</c:v>
                </c:pt>
                <c:pt idx="14826">
                  <c:v>4361.99</c:v>
                </c:pt>
                <c:pt idx="14827">
                  <c:v>5775.93</c:v>
                </c:pt>
                <c:pt idx="14828">
                  <c:v>5350.28</c:v>
                </c:pt>
                <c:pt idx="14829">
                  <c:v>5111.9399999999996</c:v>
                </c:pt>
                <c:pt idx="14830">
                  <c:v>4987.7</c:v>
                </c:pt>
                <c:pt idx="14831">
                  <c:v>4823.3500000000004</c:v>
                </c:pt>
                <c:pt idx="14832">
                  <c:v>4675.26</c:v>
                </c:pt>
                <c:pt idx="14833">
                  <c:v>4657.34</c:v>
                </c:pt>
                <c:pt idx="14834">
                  <c:v>4511.97</c:v>
                </c:pt>
                <c:pt idx="14835">
                  <c:v>4535.6400000000003</c:v>
                </c:pt>
                <c:pt idx="14836">
                  <c:v>4355.29</c:v>
                </c:pt>
                <c:pt idx="14837">
                  <c:v>4361.99</c:v>
                </c:pt>
                <c:pt idx="14838">
                  <c:v>5775.93</c:v>
                </c:pt>
                <c:pt idx="14839">
                  <c:v>5350.28</c:v>
                </c:pt>
                <c:pt idx="14840">
                  <c:v>5111.9399999999996</c:v>
                </c:pt>
                <c:pt idx="14841">
                  <c:v>4987.7</c:v>
                </c:pt>
                <c:pt idx="14842">
                  <c:v>4823.3500000000004</c:v>
                </c:pt>
                <c:pt idx="14843">
                  <c:v>4675.26</c:v>
                </c:pt>
                <c:pt idx="14844">
                  <c:v>4657.34</c:v>
                </c:pt>
                <c:pt idx="14845">
                  <c:v>4511.97</c:v>
                </c:pt>
                <c:pt idx="14846">
                  <c:v>4535.6400000000003</c:v>
                </c:pt>
                <c:pt idx="14847">
                  <c:v>4355.29</c:v>
                </c:pt>
                <c:pt idx="14848">
                  <c:v>4361.99</c:v>
                </c:pt>
                <c:pt idx="14849">
                  <c:v>5775.93</c:v>
                </c:pt>
                <c:pt idx="14850">
                  <c:v>5350.28</c:v>
                </c:pt>
                <c:pt idx="14851">
                  <c:v>5111.9399999999996</c:v>
                </c:pt>
                <c:pt idx="14852">
                  <c:v>4987.7</c:v>
                </c:pt>
                <c:pt idx="14853">
                  <c:v>4823.3500000000004</c:v>
                </c:pt>
                <c:pt idx="14854">
                  <c:v>4675.26</c:v>
                </c:pt>
                <c:pt idx="14855">
                  <c:v>4657.34</c:v>
                </c:pt>
                <c:pt idx="14856">
                  <c:v>4511.97</c:v>
                </c:pt>
                <c:pt idx="14857">
                  <c:v>4535.6400000000003</c:v>
                </c:pt>
                <c:pt idx="14858">
                  <c:v>4355.29</c:v>
                </c:pt>
                <c:pt idx="14859">
                  <c:v>4361.99</c:v>
                </c:pt>
                <c:pt idx="14860">
                  <c:v>5775.93</c:v>
                </c:pt>
                <c:pt idx="14861">
                  <c:v>5350.28</c:v>
                </c:pt>
                <c:pt idx="14862">
                  <c:v>5111.9399999999996</c:v>
                </c:pt>
                <c:pt idx="14863">
                  <c:v>4987.7</c:v>
                </c:pt>
                <c:pt idx="14864">
                  <c:v>4823.3500000000004</c:v>
                </c:pt>
                <c:pt idx="14865">
                  <c:v>4675.26</c:v>
                </c:pt>
                <c:pt idx="14866">
                  <c:v>4657.34</c:v>
                </c:pt>
                <c:pt idx="14867">
                  <c:v>4511.97</c:v>
                </c:pt>
                <c:pt idx="14868">
                  <c:v>4535.6400000000003</c:v>
                </c:pt>
                <c:pt idx="14869">
                  <c:v>4355.29</c:v>
                </c:pt>
                <c:pt idx="14870">
                  <c:v>4361.99</c:v>
                </c:pt>
                <c:pt idx="14871">
                  <c:v>5775.93</c:v>
                </c:pt>
                <c:pt idx="14872">
                  <c:v>5350.28</c:v>
                </c:pt>
                <c:pt idx="14873">
                  <c:v>5111.9399999999996</c:v>
                </c:pt>
                <c:pt idx="14874">
                  <c:v>4987.7</c:v>
                </c:pt>
                <c:pt idx="14875">
                  <c:v>4823.3500000000004</c:v>
                </c:pt>
                <c:pt idx="14876">
                  <c:v>4675.26</c:v>
                </c:pt>
                <c:pt idx="14877">
                  <c:v>4657.34</c:v>
                </c:pt>
                <c:pt idx="14878">
                  <c:v>4511.97</c:v>
                </c:pt>
                <c:pt idx="14879">
                  <c:v>4535.6400000000003</c:v>
                </c:pt>
                <c:pt idx="14880">
                  <c:v>4355.29</c:v>
                </c:pt>
                <c:pt idx="14881">
                  <c:v>4361.99</c:v>
                </c:pt>
                <c:pt idx="14882">
                  <c:v>5775.93</c:v>
                </c:pt>
                <c:pt idx="14883">
                  <c:v>5350.28</c:v>
                </c:pt>
                <c:pt idx="14884">
                  <c:v>5111.9399999999996</c:v>
                </c:pt>
                <c:pt idx="14885">
                  <c:v>4987.7</c:v>
                </c:pt>
                <c:pt idx="14886">
                  <c:v>4823.3500000000004</c:v>
                </c:pt>
                <c:pt idx="14887">
                  <c:v>4675.26</c:v>
                </c:pt>
                <c:pt idx="14888">
                  <c:v>4657.34</c:v>
                </c:pt>
                <c:pt idx="14889">
                  <c:v>4511.97</c:v>
                </c:pt>
                <c:pt idx="14890">
                  <c:v>4535.6400000000003</c:v>
                </c:pt>
                <c:pt idx="14891">
                  <c:v>4355.29</c:v>
                </c:pt>
                <c:pt idx="14892">
                  <c:v>4361.99</c:v>
                </c:pt>
                <c:pt idx="14893">
                  <c:v>5775.93</c:v>
                </c:pt>
                <c:pt idx="14894">
                  <c:v>5350.28</c:v>
                </c:pt>
                <c:pt idx="14895">
                  <c:v>5111.9399999999996</c:v>
                </c:pt>
                <c:pt idx="14896">
                  <c:v>4987.7</c:v>
                </c:pt>
                <c:pt idx="14897">
                  <c:v>4823.3500000000004</c:v>
                </c:pt>
                <c:pt idx="14898">
                  <c:v>4675.26</c:v>
                </c:pt>
                <c:pt idx="14899">
                  <c:v>4657.34</c:v>
                </c:pt>
                <c:pt idx="14900">
                  <c:v>4511.97</c:v>
                </c:pt>
                <c:pt idx="14901">
                  <c:v>4535.6400000000003</c:v>
                </c:pt>
                <c:pt idx="14902">
                  <c:v>4355.29</c:v>
                </c:pt>
                <c:pt idx="14903">
                  <c:v>4361.99</c:v>
                </c:pt>
                <c:pt idx="14904">
                  <c:v>5775.93</c:v>
                </c:pt>
                <c:pt idx="14905">
                  <c:v>5350.28</c:v>
                </c:pt>
                <c:pt idx="14906">
                  <c:v>5111.9399999999996</c:v>
                </c:pt>
                <c:pt idx="14907">
                  <c:v>4987.7</c:v>
                </c:pt>
                <c:pt idx="14908">
                  <c:v>4823.3500000000004</c:v>
                </c:pt>
                <c:pt idx="14909">
                  <c:v>4675.26</c:v>
                </c:pt>
                <c:pt idx="14910">
                  <c:v>4657.34</c:v>
                </c:pt>
                <c:pt idx="14911">
                  <c:v>4511.97</c:v>
                </c:pt>
                <c:pt idx="14912">
                  <c:v>4535.6400000000003</c:v>
                </c:pt>
                <c:pt idx="14913">
                  <c:v>4355.29</c:v>
                </c:pt>
                <c:pt idx="14914">
                  <c:v>4361.99</c:v>
                </c:pt>
                <c:pt idx="14915">
                  <c:v>5200.8500000000004</c:v>
                </c:pt>
                <c:pt idx="14916">
                  <c:v>4586.66</c:v>
                </c:pt>
                <c:pt idx="14917">
                  <c:v>4230.63</c:v>
                </c:pt>
                <c:pt idx="14918">
                  <c:v>3934.15</c:v>
                </c:pt>
                <c:pt idx="14919">
                  <c:v>3720.47</c:v>
                </c:pt>
                <c:pt idx="14920">
                  <c:v>3517.94</c:v>
                </c:pt>
                <c:pt idx="14921">
                  <c:v>3395.49</c:v>
                </c:pt>
                <c:pt idx="14922">
                  <c:v>3288.94</c:v>
                </c:pt>
                <c:pt idx="14923">
                  <c:v>3300.04</c:v>
                </c:pt>
                <c:pt idx="14924">
                  <c:v>3206.91</c:v>
                </c:pt>
                <c:pt idx="14925">
                  <c:v>3109.36</c:v>
                </c:pt>
                <c:pt idx="14926">
                  <c:v>5775.93</c:v>
                </c:pt>
                <c:pt idx="14927">
                  <c:v>5350.28</c:v>
                </c:pt>
                <c:pt idx="14928">
                  <c:v>5111.9399999999996</c:v>
                </c:pt>
                <c:pt idx="14929">
                  <c:v>4987.7</c:v>
                </c:pt>
                <c:pt idx="14930">
                  <c:v>4823.3500000000004</c:v>
                </c:pt>
                <c:pt idx="14931">
                  <c:v>4675.26</c:v>
                </c:pt>
                <c:pt idx="14932">
                  <c:v>4529.8</c:v>
                </c:pt>
                <c:pt idx="14933">
                  <c:v>4570.46</c:v>
                </c:pt>
                <c:pt idx="14934">
                  <c:v>4378.03</c:v>
                </c:pt>
                <c:pt idx="14935">
                  <c:v>4366.8900000000003</c:v>
                </c:pt>
                <c:pt idx="14936">
                  <c:v>4311.3900000000003</c:v>
                </c:pt>
                <c:pt idx="14937">
                  <c:v>5775.93</c:v>
                </c:pt>
                <c:pt idx="14938">
                  <c:v>5350.28</c:v>
                </c:pt>
                <c:pt idx="14939">
                  <c:v>5111.9399999999996</c:v>
                </c:pt>
                <c:pt idx="14940">
                  <c:v>4987.7</c:v>
                </c:pt>
                <c:pt idx="14941">
                  <c:v>4823.3500000000004</c:v>
                </c:pt>
                <c:pt idx="14942">
                  <c:v>4675.26</c:v>
                </c:pt>
                <c:pt idx="14943">
                  <c:v>4657.34</c:v>
                </c:pt>
                <c:pt idx="14944">
                  <c:v>4511.97</c:v>
                </c:pt>
                <c:pt idx="14945">
                  <c:v>4535.6400000000003</c:v>
                </c:pt>
                <c:pt idx="14946">
                  <c:v>4355.29</c:v>
                </c:pt>
                <c:pt idx="14947">
                  <c:v>4361.99</c:v>
                </c:pt>
                <c:pt idx="14948">
                  <c:v>5775.93</c:v>
                </c:pt>
                <c:pt idx="14949">
                  <c:v>5350.28</c:v>
                </c:pt>
                <c:pt idx="14950">
                  <c:v>5111.9399999999996</c:v>
                </c:pt>
                <c:pt idx="14951">
                  <c:v>4987.7</c:v>
                </c:pt>
                <c:pt idx="14952">
                  <c:v>4823.3500000000004</c:v>
                </c:pt>
                <c:pt idx="14953">
                  <c:v>4675.26</c:v>
                </c:pt>
                <c:pt idx="14954">
                  <c:v>4657.34</c:v>
                </c:pt>
                <c:pt idx="14955">
                  <c:v>4511.97</c:v>
                </c:pt>
                <c:pt idx="14956">
                  <c:v>4535.6400000000003</c:v>
                </c:pt>
                <c:pt idx="14957">
                  <c:v>4355.29</c:v>
                </c:pt>
                <c:pt idx="14958">
                  <c:v>4361.99</c:v>
                </c:pt>
                <c:pt idx="14959">
                  <c:v>5775.93</c:v>
                </c:pt>
                <c:pt idx="14960">
                  <c:v>5350.28</c:v>
                </c:pt>
                <c:pt idx="14961">
                  <c:v>5111.9399999999996</c:v>
                </c:pt>
                <c:pt idx="14962">
                  <c:v>4987.7</c:v>
                </c:pt>
                <c:pt idx="14963">
                  <c:v>4823.3500000000004</c:v>
                </c:pt>
                <c:pt idx="14964">
                  <c:v>4675.26</c:v>
                </c:pt>
                <c:pt idx="14965">
                  <c:v>4657.34</c:v>
                </c:pt>
                <c:pt idx="14966">
                  <c:v>4511.97</c:v>
                </c:pt>
                <c:pt idx="14967">
                  <c:v>4535.6400000000003</c:v>
                </c:pt>
                <c:pt idx="14968">
                  <c:v>4355.29</c:v>
                </c:pt>
                <c:pt idx="14969">
                  <c:v>4361.99</c:v>
                </c:pt>
                <c:pt idx="14970">
                  <c:v>5775.93</c:v>
                </c:pt>
                <c:pt idx="14971">
                  <c:v>5350.28</c:v>
                </c:pt>
                <c:pt idx="14972">
                  <c:v>5111.9399999999996</c:v>
                </c:pt>
                <c:pt idx="14973">
                  <c:v>4987.7</c:v>
                </c:pt>
                <c:pt idx="14974">
                  <c:v>4823.3500000000004</c:v>
                </c:pt>
                <c:pt idx="14975">
                  <c:v>4675.26</c:v>
                </c:pt>
                <c:pt idx="14976">
                  <c:v>4657.34</c:v>
                </c:pt>
                <c:pt idx="14977">
                  <c:v>4511.97</c:v>
                </c:pt>
                <c:pt idx="14978">
                  <c:v>4535.6400000000003</c:v>
                </c:pt>
                <c:pt idx="14979">
                  <c:v>4355.29</c:v>
                </c:pt>
                <c:pt idx="14980">
                  <c:v>4361.99</c:v>
                </c:pt>
                <c:pt idx="14981">
                  <c:v>5775.93</c:v>
                </c:pt>
                <c:pt idx="14982">
                  <c:v>5350.28</c:v>
                </c:pt>
                <c:pt idx="14983">
                  <c:v>5111.9399999999996</c:v>
                </c:pt>
                <c:pt idx="14984">
                  <c:v>4987.7</c:v>
                </c:pt>
                <c:pt idx="14985">
                  <c:v>4823.3500000000004</c:v>
                </c:pt>
                <c:pt idx="14986">
                  <c:v>4675.26</c:v>
                </c:pt>
                <c:pt idx="14987">
                  <c:v>4657.34</c:v>
                </c:pt>
                <c:pt idx="14988">
                  <c:v>4511.97</c:v>
                </c:pt>
                <c:pt idx="14989">
                  <c:v>4535.6400000000003</c:v>
                </c:pt>
                <c:pt idx="14990">
                  <c:v>4355.29</c:v>
                </c:pt>
                <c:pt idx="14991">
                  <c:v>4361.99</c:v>
                </c:pt>
                <c:pt idx="14992">
                  <c:v>5775.93</c:v>
                </c:pt>
                <c:pt idx="14993">
                  <c:v>5350.28</c:v>
                </c:pt>
                <c:pt idx="14994">
                  <c:v>5111.9399999999996</c:v>
                </c:pt>
                <c:pt idx="14995">
                  <c:v>4987.7</c:v>
                </c:pt>
                <c:pt idx="14996">
                  <c:v>4823.3500000000004</c:v>
                </c:pt>
                <c:pt idx="14997">
                  <c:v>4675.26</c:v>
                </c:pt>
                <c:pt idx="14998">
                  <c:v>4657.34</c:v>
                </c:pt>
                <c:pt idx="14999">
                  <c:v>4511.97</c:v>
                </c:pt>
                <c:pt idx="15000">
                  <c:v>4535.6400000000003</c:v>
                </c:pt>
                <c:pt idx="15001">
                  <c:v>4355.29</c:v>
                </c:pt>
                <c:pt idx="15002">
                  <c:v>4361.99</c:v>
                </c:pt>
                <c:pt idx="15003">
                  <c:v>5775.93</c:v>
                </c:pt>
                <c:pt idx="15004">
                  <c:v>5350.28</c:v>
                </c:pt>
                <c:pt idx="15005">
                  <c:v>5111.9399999999996</c:v>
                </c:pt>
                <c:pt idx="15006">
                  <c:v>4987.7</c:v>
                </c:pt>
                <c:pt idx="15007">
                  <c:v>4823.3500000000004</c:v>
                </c:pt>
                <c:pt idx="15008">
                  <c:v>4675.26</c:v>
                </c:pt>
                <c:pt idx="15009">
                  <c:v>4657.34</c:v>
                </c:pt>
                <c:pt idx="15010">
                  <c:v>4511.97</c:v>
                </c:pt>
                <c:pt idx="15011">
                  <c:v>4535.6400000000003</c:v>
                </c:pt>
                <c:pt idx="15012">
                  <c:v>4355.29</c:v>
                </c:pt>
                <c:pt idx="15013">
                  <c:v>4361.99</c:v>
                </c:pt>
                <c:pt idx="15014">
                  <c:v>5775.93</c:v>
                </c:pt>
                <c:pt idx="15015">
                  <c:v>5350.28</c:v>
                </c:pt>
                <c:pt idx="15016">
                  <c:v>5111.9399999999996</c:v>
                </c:pt>
                <c:pt idx="15017">
                  <c:v>4987.7</c:v>
                </c:pt>
                <c:pt idx="15018">
                  <c:v>4823.3500000000004</c:v>
                </c:pt>
                <c:pt idx="15019">
                  <c:v>4675.26</c:v>
                </c:pt>
                <c:pt idx="15020">
                  <c:v>4657.34</c:v>
                </c:pt>
                <c:pt idx="15021">
                  <c:v>4511.97</c:v>
                </c:pt>
                <c:pt idx="15022">
                  <c:v>4535.6400000000003</c:v>
                </c:pt>
                <c:pt idx="15023">
                  <c:v>4355.29</c:v>
                </c:pt>
                <c:pt idx="15024">
                  <c:v>4361.99</c:v>
                </c:pt>
                <c:pt idx="15025">
                  <c:v>5775.93</c:v>
                </c:pt>
                <c:pt idx="15026">
                  <c:v>5350.28</c:v>
                </c:pt>
                <c:pt idx="15027">
                  <c:v>5111.9399999999996</c:v>
                </c:pt>
                <c:pt idx="15028">
                  <c:v>4987.7</c:v>
                </c:pt>
                <c:pt idx="15029">
                  <c:v>4823.3500000000004</c:v>
                </c:pt>
                <c:pt idx="15030">
                  <c:v>4675.26</c:v>
                </c:pt>
                <c:pt idx="15031">
                  <c:v>4657.34</c:v>
                </c:pt>
                <c:pt idx="15032">
                  <c:v>4511.97</c:v>
                </c:pt>
                <c:pt idx="15033">
                  <c:v>4535.6400000000003</c:v>
                </c:pt>
                <c:pt idx="15034">
                  <c:v>4355.29</c:v>
                </c:pt>
                <c:pt idx="15035">
                  <c:v>4361.99</c:v>
                </c:pt>
                <c:pt idx="15036">
                  <c:v>5775.93</c:v>
                </c:pt>
                <c:pt idx="15037">
                  <c:v>5350.28</c:v>
                </c:pt>
                <c:pt idx="15038">
                  <c:v>5111.9399999999996</c:v>
                </c:pt>
                <c:pt idx="15039">
                  <c:v>4987.7</c:v>
                </c:pt>
                <c:pt idx="15040">
                  <c:v>4823.3500000000004</c:v>
                </c:pt>
                <c:pt idx="15041">
                  <c:v>4675.26</c:v>
                </c:pt>
                <c:pt idx="15042">
                  <c:v>4657.34</c:v>
                </c:pt>
                <c:pt idx="15043">
                  <c:v>4511.97</c:v>
                </c:pt>
                <c:pt idx="15044">
                  <c:v>4535.6400000000003</c:v>
                </c:pt>
                <c:pt idx="15045">
                  <c:v>4355.29</c:v>
                </c:pt>
                <c:pt idx="15046">
                  <c:v>4361.99</c:v>
                </c:pt>
                <c:pt idx="15047">
                  <c:v>5200.8500000000004</c:v>
                </c:pt>
                <c:pt idx="15048">
                  <c:v>4586.66</c:v>
                </c:pt>
                <c:pt idx="15049">
                  <c:v>4230.63</c:v>
                </c:pt>
                <c:pt idx="15050">
                  <c:v>3934.15</c:v>
                </c:pt>
                <c:pt idx="15051">
                  <c:v>3720.47</c:v>
                </c:pt>
                <c:pt idx="15052">
                  <c:v>3517.94</c:v>
                </c:pt>
                <c:pt idx="15053">
                  <c:v>3395.49</c:v>
                </c:pt>
                <c:pt idx="15054">
                  <c:v>3288.94</c:v>
                </c:pt>
                <c:pt idx="15055">
                  <c:v>3300.04</c:v>
                </c:pt>
                <c:pt idx="15056">
                  <c:v>3206.91</c:v>
                </c:pt>
                <c:pt idx="15057">
                  <c:v>3148.87</c:v>
                </c:pt>
                <c:pt idx="15058">
                  <c:v>5775.93</c:v>
                </c:pt>
                <c:pt idx="15059">
                  <c:v>5350.28</c:v>
                </c:pt>
                <c:pt idx="15060">
                  <c:v>5111.9399999999996</c:v>
                </c:pt>
                <c:pt idx="15061">
                  <c:v>4987.7</c:v>
                </c:pt>
                <c:pt idx="15062">
                  <c:v>4823.3500000000004</c:v>
                </c:pt>
                <c:pt idx="15063">
                  <c:v>4675.26</c:v>
                </c:pt>
                <c:pt idx="15064">
                  <c:v>4529.8</c:v>
                </c:pt>
                <c:pt idx="15065">
                  <c:v>4570.46</c:v>
                </c:pt>
                <c:pt idx="15066">
                  <c:v>4378.03</c:v>
                </c:pt>
                <c:pt idx="15067">
                  <c:v>4366.8900000000003</c:v>
                </c:pt>
                <c:pt idx="15068">
                  <c:v>4311.3900000000003</c:v>
                </c:pt>
                <c:pt idx="15069">
                  <c:v>5775.93</c:v>
                </c:pt>
                <c:pt idx="15070">
                  <c:v>5350.28</c:v>
                </c:pt>
                <c:pt idx="15071">
                  <c:v>5111.9399999999996</c:v>
                </c:pt>
                <c:pt idx="15072">
                  <c:v>4987.7</c:v>
                </c:pt>
                <c:pt idx="15073">
                  <c:v>4823.3500000000004</c:v>
                </c:pt>
                <c:pt idx="15074">
                  <c:v>4675.26</c:v>
                </c:pt>
                <c:pt idx="15075">
                  <c:v>4657.34</c:v>
                </c:pt>
                <c:pt idx="15076">
                  <c:v>4511.97</c:v>
                </c:pt>
                <c:pt idx="15077">
                  <c:v>4535.6400000000003</c:v>
                </c:pt>
                <c:pt idx="15078">
                  <c:v>4355.29</c:v>
                </c:pt>
                <c:pt idx="15079">
                  <c:v>4361.99</c:v>
                </c:pt>
                <c:pt idx="15080">
                  <c:v>5775.93</c:v>
                </c:pt>
                <c:pt idx="15081">
                  <c:v>5350.28</c:v>
                </c:pt>
                <c:pt idx="15082">
                  <c:v>5111.9399999999996</c:v>
                </c:pt>
                <c:pt idx="15083">
                  <c:v>4987.7</c:v>
                </c:pt>
                <c:pt idx="15084">
                  <c:v>4823.3500000000004</c:v>
                </c:pt>
                <c:pt idx="15085">
                  <c:v>4675.26</c:v>
                </c:pt>
                <c:pt idx="15086">
                  <c:v>4657.34</c:v>
                </c:pt>
                <c:pt idx="15087">
                  <c:v>4511.97</c:v>
                </c:pt>
                <c:pt idx="15088">
                  <c:v>4535.6400000000003</c:v>
                </c:pt>
                <c:pt idx="15089">
                  <c:v>4355.29</c:v>
                </c:pt>
                <c:pt idx="15090">
                  <c:v>4361.99</c:v>
                </c:pt>
                <c:pt idx="15091">
                  <c:v>5775.93</c:v>
                </c:pt>
                <c:pt idx="15092">
                  <c:v>5350.28</c:v>
                </c:pt>
                <c:pt idx="15093">
                  <c:v>5111.9399999999996</c:v>
                </c:pt>
                <c:pt idx="15094">
                  <c:v>4987.7</c:v>
                </c:pt>
                <c:pt idx="15095">
                  <c:v>4823.3500000000004</c:v>
                </c:pt>
                <c:pt idx="15096">
                  <c:v>4675.26</c:v>
                </c:pt>
                <c:pt idx="15097">
                  <c:v>4657.34</c:v>
                </c:pt>
                <c:pt idx="15098">
                  <c:v>4511.97</c:v>
                </c:pt>
                <c:pt idx="15099">
                  <c:v>4535.6400000000003</c:v>
                </c:pt>
                <c:pt idx="15100">
                  <c:v>4355.29</c:v>
                </c:pt>
                <c:pt idx="15101">
                  <c:v>4361.99</c:v>
                </c:pt>
                <c:pt idx="15102">
                  <c:v>5775.93</c:v>
                </c:pt>
                <c:pt idx="15103">
                  <c:v>5350.28</c:v>
                </c:pt>
                <c:pt idx="15104">
                  <c:v>5111.9399999999996</c:v>
                </c:pt>
                <c:pt idx="15105">
                  <c:v>4987.7</c:v>
                </c:pt>
                <c:pt idx="15106">
                  <c:v>4823.3500000000004</c:v>
                </c:pt>
                <c:pt idx="15107">
                  <c:v>4675.26</c:v>
                </c:pt>
                <c:pt idx="15108">
                  <c:v>4657.34</c:v>
                </c:pt>
                <c:pt idx="15109">
                  <c:v>4511.97</c:v>
                </c:pt>
                <c:pt idx="15110">
                  <c:v>4535.6400000000003</c:v>
                </c:pt>
                <c:pt idx="15111">
                  <c:v>4355.29</c:v>
                </c:pt>
                <c:pt idx="15112">
                  <c:v>4361.99</c:v>
                </c:pt>
                <c:pt idx="15113">
                  <c:v>5775.93</c:v>
                </c:pt>
                <c:pt idx="15114">
                  <c:v>5350.28</c:v>
                </c:pt>
                <c:pt idx="15115">
                  <c:v>5111.9399999999996</c:v>
                </c:pt>
                <c:pt idx="15116">
                  <c:v>4987.7</c:v>
                </c:pt>
                <c:pt idx="15117">
                  <c:v>4823.3500000000004</c:v>
                </c:pt>
                <c:pt idx="15118">
                  <c:v>4675.26</c:v>
                </c:pt>
                <c:pt idx="15119">
                  <c:v>4657.34</c:v>
                </c:pt>
                <c:pt idx="15120">
                  <c:v>4511.97</c:v>
                </c:pt>
                <c:pt idx="15121">
                  <c:v>4535.6400000000003</c:v>
                </c:pt>
                <c:pt idx="15122">
                  <c:v>4355.29</c:v>
                </c:pt>
                <c:pt idx="15123">
                  <c:v>4361.99</c:v>
                </c:pt>
                <c:pt idx="15124">
                  <c:v>5775.93</c:v>
                </c:pt>
                <c:pt idx="15125">
                  <c:v>5350.28</c:v>
                </c:pt>
                <c:pt idx="15126">
                  <c:v>5111.9399999999996</c:v>
                </c:pt>
                <c:pt idx="15127">
                  <c:v>4987.7</c:v>
                </c:pt>
                <c:pt idx="15128">
                  <c:v>4823.3500000000004</c:v>
                </c:pt>
                <c:pt idx="15129">
                  <c:v>4675.26</c:v>
                </c:pt>
                <c:pt idx="15130">
                  <c:v>4657.34</c:v>
                </c:pt>
                <c:pt idx="15131">
                  <c:v>4511.97</c:v>
                </c:pt>
                <c:pt idx="15132">
                  <c:v>4535.6400000000003</c:v>
                </c:pt>
                <c:pt idx="15133">
                  <c:v>4355.29</c:v>
                </c:pt>
                <c:pt idx="15134">
                  <c:v>4361.99</c:v>
                </c:pt>
                <c:pt idx="15135">
                  <c:v>5775.93</c:v>
                </c:pt>
                <c:pt idx="15136">
                  <c:v>5350.28</c:v>
                </c:pt>
                <c:pt idx="15137">
                  <c:v>5111.9399999999996</c:v>
                </c:pt>
                <c:pt idx="15138">
                  <c:v>4987.7</c:v>
                </c:pt>
                <c:pt idx="15139">
                  <c:v>4823.3500000000004</c:v>
                </c:pt>
                <c:pt idx="15140">
                  <c:v>4675.26</c:v>
                </c:pt>
                <c:pt idx="15141">
                  <c:v>4657.34</c:v>
                </c:pt>
                <c:pt idx="15142">
                  <c:v>4511.97</c:v>
                </c:pt>
                <c:pt idx="15143">
                  <c:v>4535.6400000000003</c:v>
                </c:pt>
                <c:pt idx="15144">
                  <c:v>4355.29</c:v>
                </c:pt>
                <c:pt idx="15145">
                  <c:v>4361.99</c:v>
                </c:pt>
                <c:pt idx="15146">
                  <c:v>5775.93</c:v>
                </c:pt>
                <c:pt idx="15147">
                  <c:v>5350.28</c:v>
                </c:pt>
                <c:pt idx="15148">
                  <c:v>5111.9399999999996</c:v>
                </c:pt>
                <c:pt idx="15149">
                  <c:v>4987.7</c:v>
                </c:pt>
                <c:pt idx="15150">
                  <c:v>4823.3500000000004</c:v>
                </c:pt>
                <c:pt idx="15151">
                  <c:v>4675.26</c:v>
                </c:pt>
                <c:pt idx="15152">
                  <c:v>4657.34</c:v>
                </c:pt>
                <c:pt idx="15153">
                  <c:v>4511.97</c:v>
                </c:pt>
                <c:pt idx="15154">
                  <c:v>4535.6400000000003</c:v>
                </c:pt>
                <c:pt idx="15155">
                  <c:v>4355.29</c:v>
                </c:pt>
                <c:pt idx="15156">
                  <c:v>4361.99</c:v>
                </c:pt>
                <c:pt idx="15157">
                  <c:v>5775.93</c:v>
                </c:pt>
                <c:pt idx="15158">
                  <c:v>5350.28</c:v>
                </c:pt>
                <c:pt idx="15159">
                  <c:v>5111.9399999999996</c:v>
                </c:pt>
                <c:pt idx="15160">
                  <c:v>4987.7</c:v>
                </c:pt>
                <c:pt idx="15161">
                  <c:v>4823.3500000000004</c:v>
                </c:pt>
                <c:pt idx="15162">
                  <c:v>4675.26</c:v>
                </c:pt>
                <c:pt idx="15163">
                  <c:v>4657.34</c:v>
                </c:pt>
                <c:pt idx="15164">
                  <c:v>4511.97</c:v>
                </c:pt>
                <c:pt idx="15165">
                  <c:v>4535.6400000000003</c:v>
                </c:pt>
                <c:pt idx="15166">
                  <c:v>4355.29</c:v>
                </c:pt>
                <c:pt idx="15167">
                  <c:v>4361.99</c:v>
                </c:pt>
                <c:pt idx="15168">
                  <c:v>5775.93</c:v>
                </c:pt>
                <c:pt idx="15169">
                  <c:v>5350.28</c:v>
                </c:pt>
                <c:pt idx="15170">
                  <c:v>5111.9399999999996</c:v>
                </c:pt>
                <c:pt idx="15171">
                  <c:v>4987.7</c:v>
                </c:pt>
                <c:pt idx="15172">
                  <c:v>4823.3500000000004</c:v>
                </c:pt>
                <c:pt idx="15173">
                  <c:v>4675.26</c:v>
                </c:pt>
                <c:pt idx="15174">
                  <c:v>4657.34</c:v>
                </c:pt>
                <c:pt idx="15175">
                  <c:v>4511.97</c:v>
                </c:pt>
                <c:pt idx="15176">
                  <c:v>4535.6400000000003</c:v>
                </c:pt>
                <c:pt idx="15177">
                  <c:v>4355.29</c:v>
                </c:pt>
                <c:pt idx="15178">
                  <c:v>4361.99</c:v>
                </c:pt>
                <c:pt idx="15179">
                  <c:v>5200.8500000000004</c:v>
                </c:pt>
                <c:pt idx="15180">
                  <c:v>4586.66</c:v>
                </c:pt>
                <c:pt idx="15181">
                  <c:v>4230.63</c:v>
                </c:pt>
                <c:pt idx="15182">
                  <c:v>3934.15</c:v>
                </c:pt>
                <c:pt idx="15183">
                  <c:v>3720.47</c:v>
                </c:pt>
                <c:pt idx="15184">
                  <c:v>3517.94</c:v>
                </c:pt>
                <c:pt idx="15185">
                  <c:v>3395.49</c:v>
                </c:pt>
                <c:pt idx="15186">
                  <c:v>3288.94</c:v>
                </c:pt>
                <c:pt idx="15187">
                  <c:v>3300.04</c:v>
                </c:pt>
                <c:pt idx="15188">
                  <c:v>3206.91</c:v>
                </c:pt>
                <c:pt idx="15189">
                  <c:v>3148.87</c:v>
                </c:pt>
                <c:pt idx="15190">
                  <c:v>5775.93</c:v>
                </c:pt>
                <c:pt idx="15191">
                  <c:v>5350.28</c:v>
                </c:pt>
                <c:pt idx="15192">
                  <c:v>5111.9399999999996</c:v>
                </c:pt>
                <c:pt idx="15193">
                  <c:v>4987.7</c:v>
                </c:pt>
                <c:pt idx="15194">
                  <c:v>4823.3500000000004</c:v>
                </c:pt>
                <c:pt idx="15195">
                  <c:v>4675.26</c:v>
                </c:pt>
                <c:pt idx="15196">
                  <c:v>4529.8</c:v>
                </c:pt>
                <c:pt idx="15197">
                  <c:v>4570.46</c:v>
                </c:pt>
                <c:pt idx="15198">
                  <c:v>4378.03</c:v>
                </c:pt>
                <c:pt idx="15199">
                  <c:v>4366.8900000000003</c:v>
                </c:pt>
                <c:pt idx="15200">
                  <c:v>4311.3900000000003</c:v>
                </c:pt>
                <c:pt idx="15201">
                  <c:v>5775.93</c:v>
                </c:pt>
                <c:pt idx="15202">
                  <c:v>5350.28</c:v>
                </c:pt>
                <c:pt idx="15203">
                  <c:v>5111.9399999999996</c:v>
                </c:pt>
                <c:pt idx="15204">
                  <c:v>4987.7</c:v>
                </c:pt>
                <c:pt idx="15205">
                  <c:v>4823.3500000000004</c:v>
                </c:pt>
                <c:pt idx="15206">
                  <c:v>4675.26</c:v>
                </c:pt>
                <c:pt idx="15207">
                  <c:v>4657.34</c:v>
                </c:pt>
                <c:pt idx="15208">
                  <c:v>4511.97</c:v>
                </c:pt>
                <c:pt idx="15209">
                  <c:v>4535.6400000000003</c:v>
                </c:pt>
                <c:pt idx="15210">
                  <c:v>4355.29</c:v>
                </c:pt>
                <c:pt idx="15211">
                  <c:v>4361.99</c:v>
                </c:pt>
                <c:pt idx="15212">
                  <c:v>5775.93</c:v>
                </c:pt>
                <c:pt idx="15213">
                  <c:v>5350.28</c:v>
                </c:pt>
                <c:pt idx="15214">
                  <c:v>5111.9399999999996</c:v>
                </c:pt>
                <c:pt idx="15215">
                  <c:v>4987.7</c:v>
                </c:pt>
                <c:pt idx="15216">
                  <c:v>4823.3500000000004</c:v>
                </c:pt>
                <c:pt idx="15217">
                  <c:v>4675.26</c:v>
                </c:pt>
                <c:pt idx="15218">
                  <c:v>4657.34</c:v>
                </c:pt>
                <c:pt idx="15219">
                  <c:v>4511.97</c:v>
                </c:pt>
                <c:pt idx="15220">
                  <c:v>4535.6400000000003</c:v>
                </c:pt>
                <c:pt idx="15221">
                  <c:v>4355.29</c:v>
                </c:pt>
                <c:pt idx="15222">
                  <c:v>4361.99</c:v>
                </c:pt>
                <c:pt idx="15223">
                  <c:v>5775.93</c:v>
                </c:pt>
                <c:pt idx="15224">
                  <c:v>5350.28</c:v>
                </c:pt>
                <c:pt idx="15225">
                  <c:v>5111.9399999999996</c:v>
                </c:pt>
                <c:pt idx="15226">
                  <c:v>4987.7</c:v>
                </c:pt>
                <c:pt idx="15227">
                  <c:v>4823.3500000000004</c:v>
                </c:pt>
                <c:pt idx="15228">
                  <c:v>4675.26</c:v>
                </c:pt>
                <c:pt idx="15229">
                  <c:v>4657.34</c:v>
                </c:pt>
                <c:pt idx="15230">
                  <c:v>4511.97</c:v>
                </c:pt>
                <c:pt idx="15231">
                  <c:v>4535.6400000000003</c:v>
                </c:pt>
                <c:pt idx="15232">
                  <c:v>4355.29</c:v>
                </c:pt>
                <c:pt idx="15233">
                  <c:v>4361.99</c:v>
                </c:pt>
                <c:pt idx="15234">
                  <c:v>5775.93</c:v>
                </c:pt>
                <c:pt idx="15235">
                  <c:v>5350.28</c:v>
                </c:pt>
                <c:pt idx="15236">
                  <c:v>5111.9399999999996</c:v>
                </c:pt>
                <c:pt idx="15237">
                  <c:v>4987.7</c:v>
                </c:pt>
                <c:pt idx="15238">
                  <c:v>4823.3500000000004</c:v>
                </c:pt>
                <c:pt idx="15239">
                  <c:v>4675.26</c:v>
                </c:pt>
                <c:pt idx="15240">
                  <c:v>4657.34</c:v>
                </c:pt>
                <c:pt idx="15241">
                  <c:v>4511.97</c:v>
                </c:pt>
                <c:pt idx="15242">
                  <c:v>4535.6400000000003</c:v>
                </c:pt>
                <c:pt idx="15243">
                  <c:v>4355.29</c:v>
                </c:pt>
                <c:pt idx="15244">
                  <c:v>4361.99</c:v>
                </c:pt>
                <c:pt idx="15245">
                  <c:v>5775.93</c:v>
                </c:pt>
                <c:pt idx="15246">
                  <c:v>5350.28</c:v>
                </c:pt>
                <c:pt idx="15247">
                  <c:v>5111.9399999999996</c:v>
                </c:pt>
                <c:pt idx="15248">
                  <c:v>4987.7</c:v>
                </c:pt>
                <c:pt idx="15249">
                  <c:v>4823.3500000000004</c:v>
                </c:pt>
                <c:pt idx="15250">
                  <c:v>4675.26</c:v>
                </c:pt>
                <c:pt idx="15251">
                  <c:v>4657.34</c:v>
                </c:pt>
                <c:pt idx="15252">
                  <c:v>4511.97</c:v>
                </c:pt>
                <c:pt idx="15253">
                  <c:v>4535.6400000000003</c:v>
                </c:pt>
                <c:pt idx="15254">
                  <c:v>4355.29</c:v>
                </c:pt>
                <c:pt idx="15255">
                  <c:v>4361.99</c:v>
                </c:pt>
                <c:pt idx="15256">
                  <c:v>5775.93</c:v>
                </c:pt>
                <c:pt idx="15257">
                  <c:v>5350.28</c:v>
                </c:pt>
                <c:pt idx="15258">
                  <c:v>5111.9399999999996</c:v>
                </c:pt>
                <c:pt idx="15259">
                  <c:v>4987.7</c:v>
                </c:pt>
                <c:pt idx="15260">
                  <c:v>4823.3500000000004</c:v>
                </c:pt>
                <c:pt idx="15261">
                  <c:v>4675.26</c:v>
                </c:pt>
                <c:pt idx="15262">
                  <c:v>4657.34</c:v>
                </c:pt>
                <c:pt idx="15263">
                  <c:v>4511.97</c:v>
                </c:pt>
                <c:pt idx="15264">
                  <c:v>4535.6400000000003</c:v>
                </c:pt>
                <c:pt idx="15265">
                  <c:v>4355.29</c:v>
                </c:pt>
                <c:pt idx="15266">
                  <c:v>4361.99</c:v>
                </c:pt>
                <c:pt idx="15267">
                  <c:v>5775.93</c:v>
                </c:pt>
                <c:pt idx="15268">
                  <c:v>5350.28</c:v>
                </c:pt>
                <c:pt idx="15269">
                  <c:v>5111.9399999999996</c:v>
                </c:pt>
                <c:pt idx="15270">
                  <c:v>4987.7</c:v>
                </c:pt>
                <c:pt idx="15271">
                  <c:v>4823.3500000000004</c:v>
                </c:pt>
                <c:pt idx="15272">
                  <c:v>4675.26</c:v>
                </c:pt>
                <c:pt idx="15273">
                  <c:v>4657.34</c:v>
                </c:pt>
                <c:pt idx="15274">
                  <c:v>4511.97</c:v>
                </c:pt>
                <c:pt idx="15275">
                  <c:v>4535.6400000000003</c:v>
                </c:pt>
                <c:pt idx="15276">
                  <c:v>4355.29</c:v>
                </c:pt>
                <c:pt idx="15277">
                  <c:v>4361.99</c:v>
                </c:pt>
                <c:pt idx="15278">
                  <c:v>5775.93</c:v>
                </c:pt>
                <c:pt idx="15279">
                  <c:v>5350.28</c:v>
                </c:pt>
                <c:pt idx="15280">
                  <c:v>5111.9399999999996</c:v>
                </c:pt>
                <c:pt idx="15281">
                  <c:v>4987.7</c:v>
                </c:pt>
                <c:pt idx="15282">
                  <c:v>4823.3500000000004</c:v>
                </c:pt>
                <c:pt idx="15283">
                  <c:v>4675.26</c:v>
                </c:pt>
                <c:pt idx="15284">
                  <c:v>4657.34</c:v>
                </c:pt>
                <c:pt idx="15285">
                  <c:v>4511.97</c:v>
                </c:pt>
                <c:pt idx="15286">
                  <c:v>4535.6400000000003</c:v>
                </c:pt>
                <c:pt idx="15287">
                  <c:v>4355.29</c:v>
                </c:pt>
                <c:pt idx="15288">
                  <c:v>4361.99</c:v>
                </c:pt>
                <c:pt idx="15289">
                  <c:v>5775.93</c:v>
                </c:pt>
                <c:pt idx="15290">
                  <c:v>5350.28</c:v>
                </c:pt>
                <c:pt idx="15291">
                  <c:v>5111.9399999999996</c:v>
                </c:pt>
                <c:pt idx="15292">
                  <c:v>4987.7</c:v>
                </c:pt>
                <c:pt idx="15293">
                  <c:v>4823.3500000000004</c:v>
                </c:pt>
                <c:pt idx="15294">
                  <c:v>4675.26</c:v>
                </c:pt>
                <c:pt idx="15295">
                  <c:v>4657.34</c:v>
                </c:pt>
                <c:pt idx="15296">
                  <c:v>4511.97</c:v>
                </c:pt>
                <c:pt idx="15297">
                  <c:v>4535.6400000000003</c:v>
                </c:pt>
                <c:pt idx="15298">
                  <c:v>4355.29</c:v>
                </c:pt>
                <c:pt idx="15299">
                  <c:v>4361.99</c:v>
                </c:pt>
                <c:pt idx="15300">
                  <c:v>5775.93</c:v>
                </c:pt>
                <c:pt idx="15301">
                  <c:v>5350.28</c:v>
                </c:pt>
                <c:pt idx="15302">
                  <c:v>5111.9399999999996</c:v>
                </c:pt>
                <c:pt idx="15303">
                  <c:v>4987.7</c:v>
                </c:pt>
                <c:pt idx="15304">
                  <c:v>4823.3500000000004</c:v>
                </c:pt>
                <c:pt idx="15305">
                  <c:v>4675.26</c:v>
                </c:pt>
                <c:pt idx="15306">
                  <c:v>4657.34</c:v>
                </c:pt>
                <c:pt idx="15307">
                  <c:v>4511.97</c:v>
                </c:pt>
                <c:pt idx="15308">
                  <c:v>4535.6400000000003</c:v>
                </c:pt>
                <c:pt idx="15309">
                  <c:v>4355.29</c:v>
                </c:pt>
                <c:pt idx="15310">
                  <c:v>4361.99</c:v>
                </c:pt>
                <c:pt idx="15311">
                  <c:v>5200.8500000000004</c:v>
                </c:pt>
                <c:pt idx="15312">
                  <c:v>4586.66</c:v>
                </c:pt>
                <c:pt idx="15313">
                  <c:v>4230.63</c:v>
                </c:pt>
                <c:pt idx="15314">
                  <c:v>3934.15</c:v>
                </c:pt>
                <c:pt idx="15315">
                  <c:v>3720.47</c:v>
                </c:pt>
                <c:pt idx="15316">
                  <c:v>3517.94</c:v>
                </c:pt>
                <c:pt idx="15317">
                  <c:v>3395.49</c:v>
                </c:pt>
                <c:pt idx="15318">
                  <c:v>3288.94</c:v>
                </c:pt>
                <c:pt idx="15319">
                  <c:v>3300.04</c:v>
                </c:pt>
                <c:pt idx="15320">
                  <c:v>3206.91</c:v>
                </c:pt>
                <c:pt idx="15321">
                  <c:v>3148.87</c:v>
                </c:pt>
                <c:pt idx="15322">
                  <c:v>5775.93</c:v>
                </c:pt>
                <c:pt idx="15323">
                  <c:v>5350.28</c:v>
                </c:pt>
                <c:pt idx="15324">
                  <c:v>5111.9399999999996</c:v>
                </c:pt>
                <c:pt idx="15325">
                  <c:v>4987.7</c:v>
                </c:pt>
                <c:pt idx="15326">
                  <c:v>4823.3500000000004</c:v>
                </c:pt>
                <c:pt idx="15327">
                  <c:v>4675.26</c:v>
                </c:pt>
                <c:pt idx="15328">
                  <c:v>4529.8</c:v>
                </c:pt>
                <c:pt idx="15329">
                  <c:v>4570.46</c:v>
                </c:pt>
                <c:pt idx="15330">
                  <c:v>4378.03</c:v>
                </c:pt>
                <c:pt idx="15331">
                  <c:v>4366.8900000000003</c:v>
                </c:pt>
                <c:pt idx="15332">
                  <c:v>4311.3900000000003</c:v>
                </c:pt>
                <c:pt idx="15333">
                  <c:v>5775.93</c:v>
                </c:pt>
                <c:pt idx="15334">
                  <c:v>5350.28</c:v>
                </c:pt>
                <c:pt idx="15335">
                  <c:v>5111.9399999999996</c:v>
                </c:pt>
                <c:pt idx="15336">
                  <c:v>4987.7</c:v>
                </c:pt>
                <c:pt idx="15337">
                  <c:v>4823.3500000000004</c:v>
                </c:pt>
                <c:pt idx="15338">
                  <c:v>4675.26</c:v>
                </c:pt>
                <c:pt idx="15339">
                  <c:v>4657.34</c:v>
                </c:pt>
                <c:pt idx="15340">
                  <c:v>4511.97</c:v>
                </c:pt>
                <c:pt idx="15341">
                  <c:v>4535.6400000000003</c:v>
                </c:pt>
                <c:pt idx="15342">
                  <c:v>4355.29</c:v>
                </c:pt>
                <c:pt idx="15343">
                  <c:v>4361.99</c:v>
                </c:pt>
                <c:pt idx="15344">
                  <c:v>5775.93</c:v>
                </c:pt>
                <c:pt idx="15345">
                  <c:v>5350.28</c:v>
                </c:pt>
                <c:pt idx="15346">
                  <c:v>5111.9399999999996</c:v>
                </c:pt>
                <c:pt idx="15347">
                  <c:v>4987.7</c:v>
                </c:pt>
                <c:pt idx="15348">
                  <c:v>4823.3500000000004</c:v>
                </c:pt>
                <c:pt idx="15349">
                  <c:v>4675.26</c:v>
                </c:pt>
                <c:pt idx="15350">
                  <c:v>4657.34</c:v>
                </c:pt>
                <c:pt idx="15351">
                  <c:v>4511.97</c:v>
                </c:pt>
                <c:pt idx="15352">
                  <c:v>4535.6400000000003</c:v>
                </c:pt>
                <c:pt idx="15353">
                  <c:v>4355.29</c:v>
                </c:pt>
                <c:pt idx="15354">
                  <c:v>4361.99</c:v>
                </c:pt>
                <c:pt idx="15355">
                  <c:v>5775.93</c:v>
                </c:pt>
                <c:pt idx="15356">
                  <c:v>5350.28</c:v>
                </c:pt>
                <c:pt idx="15357">
                  <c:v>5111.9399999999996</c:v>
                </c:pt>
                <c:pt idx="15358">
                  <c:v>4987.7</c:v>
                </c:pt>
                <c:pt idx="15359">
                  <c:v>4823.3500000000004</c:v>
                </c:pt>
                <c:pt idx="15360">
                  <c:v>4675.26</c:v>
                </c:pt>
                <c:pt idx="15361">
                  <c:v>4657.34</c:v>
                </c:pt>
                <c:pt idx="15362">
                  <c:v>4511.97</c:v>
                </c:pt>
                <c:pt idx="15363">
                  <c:v>4535.6400000000003</c:v>
                </c:pt>
                <c:pt idx="15364">
                  <c:v>4355.29</c:v>
                </c:pt>
                <c:pt idx="15365">
                  <c:v>4361.99</c:v>
                </c:pt>
                <c:pt idx="15366">
                  <c:v>5775.93</c:v>
                </c:pt>
                <c:pt idx="15367">
                  <c:v>5350.28</c:v>
                </c:pt>
                <c:pt idx="15368">
                  <c:v>5111.9399999999996</c:v>
                </c:pt>
                <c:pt idx="15369">
                  <c:v>4987.7</c:v>
                </c:pt>
                <c:pt idx="15370">
                  <c:v>4823.3500000000004</c:v>
                </c:pt>
                <c:pt idx="15371">
                  <c:v>4675.26</c:v>
                </c:pt>
                <c:pt idx="15372">
                  <c:v>4657.34</c:v>
                </c:pt>
                <c:pt idx="15373">
                  <c:v>4511.97</c:v>
                </c:pt>
                <c:pt idx="15374">
                  <c:v>4535.6400000000003</c:v>
                </c:pt>
                <c:pt idx="15375">
                  <c:v>4355.29</c:v>
                </c:pt>
                <c:pt idx="15376">
                  <c:v>4361.99</c:v>
                </c:pt>
                <c:pt idx="15377">
                  <c:v>5775.93</c:v>
                </c:pt>
                <c:pt idx="15378">
                  <c:v>5350.28</c:v>
                </c:pt>
                <c:pt idx="15379">
                  <c:v>5111.9399999999996</c:v>
                </c:pt>
                <c:pt idx="15380">
                  <c:v>4987.7</c:v>
                </c:pt>
                <c:pt idx="15381">
                  <c:v>4823.3500000000004</c:v>
                </c:pt>
                <c:pt idx="15382">
                  <c:v>4675.26</c:v>
                </c:pt>
                <c:pt idx="15383">
                  <c:v>4657.34</c:v>
                </c:pt>
                <c:pt idx="15384">
                  <c:v>4511.97</c:v>
                </c:pt>
                <c:pt idx="15385">
                  <c:v>4535.6400000000003</c:v>
                </c:pt>
                <c:pt idx="15386">
                  <c:v>4355.29</c:v>
                </c:pt>
                <c:pt idx="15387">
                  <c:v>4361.99</c:v>
                </c:pt>
                <c:pt idx="15388">
                  <c:v>5775.93</c:v>
                </c:pt>
                <c:pt idx="15389">
                  <c:v>5350.28</c:v>
                </c:pt>
                <c:pt idx="15390">
                  <c:v>5111.9399999999996</c:v>
                </c:pt>
                <c:pt idx="15391">
                  <c:v>4987.7</c:v>
                </c:pt>
                <c:pt idx="15392">
                  <c:v>4823.3500000000004</c:v>
                </c:pt>
                <c:pt idx="15393">
                  <c:v>4675.26</c:v>
                </c:pt>
                <c:pt idx="15394">
                  <c:v>4657.34</c:v>
                </c:pt>
                <c:pt idx="15395">
                  <c:v>4511.97</c:v>
                </c:pt>
                <c:pt idx="15396">
                  <c:v>4535.6400000000003</c:v>
                </c:pt>
                <c:pt idx="15397">
                  <c:v>4355.29</c:v>
                </c:pt>
                <c:pt idx="15398">
                  <c:v>4361.99</c:v>
                </c:pt>
                <c:pt idx="15399">
                  <c:v>5775.93</c:v>
                </c:pt>
                <c:pt idx="15400">
                  <c:v>5350.28</c:v>
                </c:pt>
                <c:pt idx="15401">
                  <c:v>5111.9399999999996</c:v>
                </c:pt>
                <c:pt idx="15402">
                  <c:v>4987.7</c:v>
                </c:pt>
                <c:pt idx="15403">
                  <c:v>4823.3500000000004</c:v>
                </c:pt>
                <c:pt idx="15404">
                  <c:v>4675.26</c:v>
                </c:pt>
                <c:pt idx="15405">
                  <c:v>4657.34</c:v>
                </c:pt>
                <c:pt idx="15406">
                  <c:v>4511.97</c:v>
                </c:pt>
                <c:pt idx="15407">
                  <c:v>4535.6400000000003</c:v>
                </c:pt>
                <c:pt idx="15408">
                  <c:v>4355.29</c:v>
                </c:pt>
                <c:pt idx="15409">
                  <c:v>4361.99</c:v>
                </c:pt>
                <c:pt idx="15410">
                  <c:v>5775.93</c:v>
                </c:pt>
                <c:pt idx="15411">
                  <c:v>5350.28</c:v>
                </c:pt>
                <c:pt idx="15412">
                  <c:v>5111.9399999999996</c:v>
                </c:pt>
                <c:pt idx="15413">
                  <c:v>4987.7</c:v>
                </c:pt>
                <c:pt idx="15414">
                  <c:v>4823.3500000000004</c:v>
                </c:pt>
                <c:pt idx="15415">
                  <c:v>4675.26</c:v>
                </c:pt>
                <c:pt idx="15416">
                  <c:v>4657.34</c:v>
                </c:pt>
                <c:pt idx="15417">
                  <c:v>4511.97</c:v>
                </c:pt>
                <c:pt idx="15418">
                  <c:v>4535.6400000000003</c:v>
                </c:pt>
                <c:pt idx="15419">
                  <c:v>4355.29</c:v>
                </c:pt>
                <c:pt idx="15420">
                  <c:v>4361.99</c:v>
                </c:pt>
                <c:pt idx="15421">
                  <c:v>5775.93</c:v>
                </c:pt>
                <c:pt idx="15422">
                  <c:v>5350.28</c:v>
                </c:pt>
                <c:pt idx="15423">
                  <c:v>5111.9399999999996</c:v>
                </c:pt>
                <c:pt idx="15424">
                  <c:v>4987.7</c:v>
                </c:pt>
                <c:pt idx="15425">
                  <c:v>4823.3500000000004</c:v>
                </c:pt>
                <c:pt idx="15426">
                  <c:v>4675.26</c:v>
                </c:pt>
                <c:pt idx="15427">
                  <c:v>4657.34</c:v>
                </c:pt>
                <c:pt idx="15428">
                  <c:v>4511.97</c:v>
                </c:pt>
                <c:pt idx="15429">
                  <c:v>4535.6400000000003</c:v>
                </c:pt>
                <c:pt idx="15430">
                  <c:v>4355.29</c:v>
                </c:pt>
                <c:pt idx="15431">
                  <c:v>4361.99</c:v>
                </c:pt>
                <c:pt idx="15432">
                  <c:v>5775.93</c:v>
                </c:pt>
                <c:pt idx="15433">
                  <c:v>5350.28</c:v>
                </c:pt>
                <c:pt idx="15434">
                  <c:v>5111.9399999999996</c:v>
                </c:pt>
                <c:pt idx="15435">
                  <c:v>4987.7</c:v>
                </c:pt>
                <c:pt idx="15436">
                  <c:v>4823.3500000000004</c:v>
                </c:pt>
                <c:pt idx="15437">
                  <c:v>4675.26</c:v>
                </c:pt>
                <c:pt idx="15438">
                  <c:v>4657.34</c:v>
                </c:pt>
                <c:pt idx="15439">
                  <c:v>4511.97</c:v>
                </c:pt>
                <c:pt idx="15440">
                  <c:v>4535.6400000000003</c:v>
                </c:pt>
                <c:pt idx="15441">
                  <c:v>4355.29</c:v>
                </c:pt>
                <c:pt idx="15442">
                  <c:v>4361.99</c:v>
                </c:pt>
                <c:pt idx="15443">
                  <c:v>5200.8500000000004</c:v>
                </c:pt>
                <c:pt idx="15444">
                  <c:v>4586.66</c:v>
                </c:pt>
                <c:pt idx="15445">
                  <c:v>4230.63</c:v>
                </c:pt>
                <c:pt idx="15446">
                  <c:v>3934.15</c:v>
                </c:pt>
                <c:pt idx="15447">
                  <c:v>3720.47</c:v>
                </c:pt>
                <c:pt idx="15448">
                  <c:v>3517.94</c:v>
                </c:pt>
                <c:pt idx="15449">
                  <c:v>3395.49</c:v>
                </c:pt>
                <c:pt idx="15450">
                  <c:v>3288.94</c:v>
                </c:pt>
                <c:pt idx="15451">
                  <c:v>3300.04</c:v>
                </c:pt>
                <c:pt idx="15452">
                  <c:v>3206.91</c:v>
                </c:pt>
                <c:pt idx="15453">
                  <c:v>3148.87</c:v>
                </c:pt>
                <c:pt idx="15454">
                  <c:v>5775.93</c:v>
                </c:pt>
                <c:pt idx="15455">
                  <c:v>5350.28</c:v>
                </c:pt>
                <c:pt idx="15456">
                  <c:v>5111.9399999999996</c:v>
                </c:pt>
                <c:pt idx="15457">
                  <c:v>4987.7</c:v>
                </c:pt>
                <c:pt idx="15458">
                  <c:v>4823.3500000000004</c:v>
                </c:pt>
                <c:pt idx="15459">
                  <c:v>4675.26</c:v>
                </c:pt>
                <c:pt idx="15460">
                  <c:v>4529.8</c:v>
                </c:pt>
                <c:pt idx="15461">
                  <c:v>4570.46</c:v>
                </c:pt>
                <c:pt idx="15462">
                  <c:v>4378.03</c:v>
                </c:pt>
                <c:pt idx="15463">
                  <c:v>4366.8900000000003</c:v>
                </c:pt>
                <c:pt idx="15464">
                  <c:v>4311.3900000000003</c:v>
                </c:pt>
                <c:pt idx="15465">
                  <c:v>5775.93</c:v>
                </c:pt>
                <c:pt idx="15466">
                  <c:v>5350.28</c:v>
                </c:pt>
                <c:pt idx="15467">
                  <c:v>5111.9399999999996</c:v>
                </c:pt>
                <c:pt idx="15468">
                  <c:v>4987.7</c:v>
                </c:pt>
                <c:pt idx="15469">
                  <c:v>4823.3500000000004</c:v>
                </c:pt>
                <c:pt idx="15470">
                  <c:v>4675.26</c:v>
                </c:pt>
                <c:pt idx="15471">
                  <c:v>4657.34</c:v>
                </c:pt>
                <c:pt idx="15472">
                  <c:v>4511.97</c:v>
                </c:pt>
                <c:pt idx="15473">
                  <c:v>4535.6400000000003</c:v>
                </c:pt>
                <c:pt idx="15474">
                  <c:v>4355.29</c:v>
                </c:pt>
                <c:pt idx="15475">
                  <c:v>4361.99</c:v>
                </c:pt>
                <c:pt idx="15476">
                  <c:v>5775.93</c:v>
                </c:pt>
                <c:pt idx="15477">
                  <c:v>5350.28</c:v>
                </c:pt>
                <c:pt idx="15478">
                  <c:v>5111.9399999999996</c:v>
                </c:pt>
                <c:pt idx="15479">
                  <c:v>4987.7</c:v>
                </c:pt>
                <c:pt idx="15480">
                  <c:v>4823.3500000000004</c:v>
                </c:pt>
                <c:pt idx="15481">
                  <c:v>4675.26</c:v>
                </c:pt>
                <c:pt idx="15482">
                  <c:v>4657.34</c:v>
                </c:pt>
                <c:pt idx="15483">
                  <c:v>4511.97</c:v>
                </c:pt>
                <c:pt idx="15484">
                  <c:v>4535.6400000000003</c:v>
                </c:pt>
                <c:pt idx="15485">
                  <c:v>4355.29</c:v>
                </c:pt>
                <c:pt idx="15486">
                  <c:v>4361.99</c:v>
                </c:pt>
                <c:pt idx="15487">
                  <c:v>5775.93</c:v>
                </c:pt>
                <c:pt idx="15488">
                  <c:v>5350.28</c:v>
                </c:pt>
                <c:pt idx="15489">
                  <c:v>5111.9399999999996</c:v>
                </c:pt>
                <c:pt idx="15490">
                  <c:v>4987.7</c:v>
                </c:pt>
                <c:pt idx="15491">
                  <c:v>4823.3500000000004</c:v>
                </c:pt>
                <c:pt idx="15492">
                  <c:v>4675.26</c:v>
                </c:pt>
                <c:pt idx="15493">
                  <c:v>4657.34</c:v>
                </c:pt>
                <c:pt idx="15494">
                  <c:v>4511.97</c:v>
                </c:pt>
                <c:pt idx="15495">
                  <c:v>4535.6400000000003</c:v>
                </c:pt>
                <c:pt idx="15496">
                  <c:v>4355.29</c:v>
                </c:pt>
                <c:pt idx="15497">
                  <c:v>4361.99</c:v>
                </c:pt>
                <c:pt idx="15498">
                  <c:v>5775.93</c:v>
                </c:pt>
                <c:pt idx="15499">
                  <c:v>5350.28</c:v>
                </c:pt>
                <c:pt idx="15500">
                  <c:v>5111.9399999999996</c:v>
                </c:pt>
                <c:pt idx="15501">
                  <c:v>4987.7</c:v>
                </c:pt>
                <c:pt idx="15502">
                  <c:v>4823.3500000000004</c:v>
                </c:pt>
                <c:pt idx="15503">
                  <c:v>4675.26</c:v>
                </c:pt>
                <c:pt idx="15504">
                  <c:v>4657.34</c:v>
                </c:pt>
                <c:pt idx="15505">
                  <c:v>4511.97</c:v>
                </c:pt>
                <c:pt idx="15506">
                  <c:v>4535.6400000000003</c:v>
                </c:pt>
                <c:pt idx="15507">
                  <c:v>4355.29</c:v>
                </c:pt>
                <c:pt idx="15508">
                  <c:v>4361.99</c:v>
                </c:pt>
                <c:pt idx="15509">
                  <c:v>5775.93</c:v>
                </c:pt>
                <c:pt idx="15510">
                  <c:v>5350.28</c:v>
                </c:pt>
                <c:pt idx="15511">
                  <c:v>5111.9399999999996</c:v>
                </c:pt>
                <c:pt idx="15512">
                  <c:v>4987.7</c:v>
                </c:pt>
                <c:pt idx="15513">
                  <c:v>4823.3500000000004</c:v>
                </c:pt>
                <c:pt idx="15514">
                  <c:v>4675.26</c:v>
                </c:pt>
                <c:pt idx="15515">
                  <c:v>4657.34</c:v>
                </c:pt>
                <c:pt idx="15516">
                  <c:v>4511.97</c:v>
                </c:pt>
                <c:pt idx="15517">
                  <c:v>4535.6400000000003</c:v>
                </c:pt>
                <c:pt idx="15518">
                  <c:v>4355.29</c:v>
                </c:pt>
                <c:pt idx="15519">
                  <c:v>4361.99</c:v>
                </c:pt>
                <c:pt idx="15520">
                  <c:v>5775.93</c:v>
                </c:pt>
                <c:pt idx="15521">
                  <c:v>5350.28</c:v>
                </c:pt>
                <c:pt idx="15522">
                  <c:v>5111.9399999999996</c:v>
                </c:pt>
                <c:pt idx="15523">
                  <c:v>4987.7</c:v>
                </c:pt>
                <c:pt idx="15524">
                  <c:v>4823.3500000000004</c:v>
                </c:pt>
                <c:pt idx="15525">
                  <c:v>4675.26</c:v>
                </c:pt>
                <c:pt idx="15526">
                  <c:v>4657.34</c:v>
                </c:pt>
                <c:pt idx="15527">
                  <c:v>4511.97</c:v>
                </c:pt>
                <c:pt idx="15528">
                  <c:v>4535.6400000000003</c:v>
                </c:pt>
                <c:pt idx="15529">
                  <c:v>4355.29</c:v>
                </c:pt>
                <c:pt idx="15530">
                  <c:v>4361.99</c:v>
                </c:pt>
                <c:pt idx="15531">
                  <c:v>5775.93</c:v>
                </c:pt>
                <c:pt idx="15532">
                  <c:v>5350.28</c:v>
                </c:pt>
                <c:pt idx="15533">
                  <c:v>5111.9399999999996</c:v>
                </c:pt>
                <c:pt idx="15534">
                  <c:v>4987.7</c:v>
                </c:pt>
                <c:pt idx="15535">
                  <c:v>4823.3500000000004</c:v>
                </c:pt>
                <c:pt idx="15536">
                  <c:v>4675.26</c:v>
                </c:pt>
                <c:pt idx="15537">
                  <c:v>4657.34</c:v>
                </c:pt>
                <c:pt idx="15538">
                  <c:v>4511.97</c:v>
                </c:pt>
                <c:pt idx="15539">
                  <c:v>4535.6400000000003</c:v>
                </c:pt>
                <c:pt idx="15540">
                  <c:v>4355.29</c:v>
                </c:pt>
                <c:pt idx="15541">
                  <c:v>4361.99</c:v>
                </c:pt>
                <c:pt idx="15542">
                  <c:v>5775.93</c:v>
                </c:pt>
                <c:pt idx="15543">
                  <c:v>5350.28</c:v>
                </c:pt>
                <c:pt idx="15544">
                  <c:v>5111.9399999999996</c:v>
                </c:pt>
                <c:pt idx="15545">
                  <c:v>4987.7</c:v>
                </c:pt>
                <c:pt idx="15546">
                  <c:v>4823.3500000000004</c:v>
                </c:pt>
                <c:pt idx="15547">
                  <c:v>4675.26</c:v>
                </c:pt>
                <c:pt idx="15548">
                  <c:v>4657.34</c:v>
                </c:pt>
                <c:pt idx="15549">
                  <c:v>4511.97</c:v>
                </c:pt>
                <c:pt idx="15550">
                  <c:v>4535.6400000000003</c:v>
                </c:pt>
                <c:pt idx="15551">
                  <c:v>4355.29</c:v>
                </c:pt>
                <c:pt idx="15552">
                  <c:v>4361.99</c:v>
                </c:pt>
                <c:pt idx="15553">
                  <c:v>5775.93</c:v>
                </c:pt>
                <c:pt idx="15554">
                  <c:v>5350.28</c:v>
                </c:pt>
                <c:pt idx="15555">
                  <c:v>5111.9399999999996</c:v>
                </c:pt>
                <c:pt idx="15556">
                  <c:v>4987.7</c:v>
                </c:pt>
                <c:pt idx="15557">
                  <c:v>4823.3500000000004</c:v>
                </c:pt>
                <c:pt idx="15558">
                  <c:v>4675.26</c:v>
                </c:pt>
                <c:pt idx="15559">
                  <c:v>4657.34</c:v>
                </c:pt>
                <c:pt idx="15560">
                  <c:v>4511.97</c:v>
                </c:pt>
                <c:pt idx="15561">
                  <c:v>4535.6400000000003</c:v>
                </c:pt>
                <c:pt idx="15562">
                  <c:v>4355.29</c:v>
                </c:pt>
                <c:pt idx="15563">
                  <c:v>4361.99</c:v>
                </c:pt>
                <c:pt idx="15564">
                  <c:v>5775.93</c:v>
                </c:pt>
                <c:pt idx="15565">
                  <c:v>5350.28</c:v>
                </c:pt>
                <c:pt idx="15566">
                  <c:v>5111.9399999999996</c:v>
                </c:pt>
                <c:pt idx="15567">
                  <c:v>4987.7</c:v>
                </c:pt>
                <c:pt idx="15568">
                  <c:v>4823.3500000000004</c:v>
                </c:pt>
                <c:pt idx="15569">
                  <c:v>4675.26</c:v>
                </c:pt>
                <c:pt idx="15570">
                  <c:v>4657.34</c:v>
                </c:pt>
                <c:pt idx="15571">
                  <c:v>4511.97</c:v>
                </c:pt>
                <c:pt idx="15572">
                  <c:v>4535.6400000000003</c:v>
                </c:pt>
                <c:pt idx="15573">
                  <c:v>4355.29</c:v>
                </c:pt>
                <c:pt idx="15574">
                  <c:v>4361.99</c:v>
                </c:pt>
                <c:pt idx="15575">
                  <c:v>5200.8500000000004</c:v>
                </c:pt>
                <c:pt idx="15576">
                  <c:v>4586.66</c:v>
                </c:pt>
                <c:pt idx="15577">
                  <c:v>4230.63</c:v>
                </c:pt>
                <c:pt idx="15578">
                  <c:v>3934.15</c:v>
                </c:pt>
                <c:pt idx="15579">
                  <c:v>3720.47</c:v>
                </c:pt>
                <c:pt idx="15580">
                  <c:v>3517.94</c:v>
                </c:pt>
                <c:pt idx="15581">
                  <c:v>3395.49</c:v>
                </c:pt>
                <c:pt idx="15582">
                  <c:v>3288.94</c:v>
                </c:pt>
                <c:pt idx="15583">
                  <c:v>3300.04</c:v>
                </c:pt>
                <c:pt idx="15584">
                  <c:v>3206.91</c:v>
                </c:pt>
                <c:pt idx="15585">
                  <c:v>3148.87</c:v>
                </c:pt>
                <c:pt idx="15586">
                  <c:v>5775.93</c:v>
                </c:pt>
                <c:pt idx="15587">
                  <c:v>5350.28</c:v>
                </c:pt>
                <c:pt idx="15588">
                  <c:v>5111.9399999999996</c:v>
                </c:pt>
                <c:pt idx="15589">
                  <c:v>4987.7</c:v>
                </c:pt>
                <c:pt idx="15590">
                  <c:v>4823.3500000000004</c:v>
                </c:pt>
                <c:pt idx="15591">
                  <c:v>4675.26</c:v>
                </c:pt>
                <c:pt idx="15592">
                  <c:v>4529.8</c:v>
                </c:pt>
                <c:pt idx="15593">
                  <c:v>4570.46</c:v>
                </c:pt>
                <c:pt idx="15594">
                  <c:v>4378.03</c:v>
                </c:pt>
                <c:pt idx="15595">
                  <c:v>4366.8900000000003</c:v>
                </c:pt>
                <c:pt idx="15596">
                  <c:v>4311.3900000000003</c:v>
                </c:pt>
                <c:pt idx="15597">
                  <c:v>5775.93</c:v>
                </c:pt>
                <c:pt idx="15598">
                  <c:v>5350.28</c:v>
                </c:pt>
                <c:pt idx="15599">
                  <c:v>5111.9399999999996</c:v>
                </c:pt>
                <c:pt idx="15600">
                  <c:v>4987.7</c:v>
                </c:pt>
                <c:pt idx="15601">
                  <c:v>4823.3500000000004</c:v>
                </c:pt>
                <c:pt idx="15602">
                  <c:v>4675.26</c:v>
                </c:pt>
                <c:pt idx="15603">
                  <c:v>4657.34</c:v>
                </c:pt>
                <c:pt idx="15604">
                  <c:v>4511.97</c:v>
                </c:pt>
                <c:pt idx="15605">
                  <c:v>4535.6400000000003</c:v>
                </c:pt>
                <c:pt idx="15606">
                  <c:v>4355.29</c:v>
                </c:pt>
                <c:pt idx="15607">
                  <c:v>4361.99</c:v>
                </c:pt>
                <c:pt idx="15608">
                  <c:v>5775.93</c:v>
                </c:pt>
                <c:pt idx="15609">
                  <c:v>5350.28</c:v>
                </c:pt>
                <c:pt idx="15610">
                  <c:v>5111.9399999999996</c:v>
                </c:pt>
                <c:pt idx="15611">
                  <c:v>4987.7</c:v>
                </c:pt>
                <c:pt idx="15612">
                  <c:v>4823.3500000000004</c:v>
                </c:pt>
                <c:pt idx="15613">
                  <c:v>4675.26</c:v>
                </c:pt>
                <c:pt idx="15614">
                  <c:v>4657.34</c:v>
                </c:pt>
                <c:pt idx="15615">
                  <c:v>4511.97</c:v>
                </c:pt>
                <c:pt idx="15616">
                  <c:v>4535.6400000000003</c:v>
                </c:pt>
                <c:pt idx="15617">
                  <c:v>4355.29</c:v>
                </c:pt>
                <c:pt idx="15618">
                  <c:v>4361.99</c:v>
                </c:pt>
                <c:pt idx="15619">
                  <c:v>5775.93</c:v>
                </c:pt>
                <c:pt idx="15620">
                  <c:v>5350.28</c:v>
                </c:pt>
                <c:pt idx="15621">
                  <c:v>5111.9399999999996</c:v>
                </c:pt>
                <c:pt idx="15622">
                  <c:v>4987.7</c:v>
                </c:pt>
                <c:pt idx="15623">
                  <c:v>4823.3500000000004</c:v>
                </c:pt>
                <c:pt idx="15624">
                  <c:v>4675.26</c:v>
                </c:pt>
                <c:pt idx="15625">
                  <c:v>4657.34</c:v>
                </c:pt>
                <c:pt idx="15626">
                  <c:v>4511.97</c:v>
                </c:pt>
                <c:pt idx="15627">
                  <c:v>4535.6400000000003</c:v>
                </c:pt>
                <c:pt idx="15628">
                  <c:v>4355.29</c:v>
                </c:pt>
                <c:pt idx="15629">
                  <c:v>4361.99</c:v>
                </c:pt>
                <c:pt idx="15630">
                  <c:v>5775.93</c:v>
                </c:pt>
                <c:pt idx="15631">
                  <c:v>5350.28</c:v>
                </c:pt>
                <c:pt idx="15632">
                  <c:v>5111.9399999999996</c:v>
                </c:pt>
                <c:pt idx="15633">
                  <c:v>4987.7</c:v>
                </c:pt>
                <c:pt idx="15634">
                  <c:v>4823.3500000000004</c:v>
                </c:pt>
                <c:pt idx="15635">
                  <c:v>4675.26</c:v>
                </c:pt>
                <c:pt idx="15636">
                  <c:v>4657.34</c:v>
                </c:pt>
                <c:pt idx="15637">
                  <c:v>4511.97</c:v>
                </c:pt>
                <c:pt idx="15638">
                  <c:v>4535.6400000000003</c:v>
                </c:pt>
                <c:pt idx="15639">
                  <c:v>4355.29</c:v>
                </c:pt>
                <c:pt idx="15640">
                  <c:v>4361.99</c:v>
                </c:pt>
                <c:pt idx="15641">
                  <c:v>5775.93</c:v>
                </c:pt>
                <c:pt idx="15642">
                  <c:v>5350.28</c:v>
                </c:pt>
                <c:pt idx="15643">
                  <c:v>5111.9399999999996</c:v>
                </c:pt>
                <c:pt idx="15644">
                  <c:v>4987.7</c:v>
                </c:pt>
                <c:pt idx="15645">
                  <c:v>4823.3500000000004</c:v>
                </c:pt>
                <c:pt idx="15646">
                  <c:v>4675.26</c:v>
                </c:pt>
                <c:pt idx="15647">
                  <c:v>4657.34</c:v>
                </c:pt>
                <c:pt idx="15648">
                  <c:v>4511.97</c:v>
                </c:pt>
                <c:pt idx="15649">
                  <c:v>4535.6400000000003</c:v>
                </c:pt>
                <c:pt idx="15650">
                  <c:v>4355.29</c:v>
                </c:pt>
                <c:pt idx="15651">
                  <c:v>4361.99</c:v>
                </c:pt>
                <c:pt idx="15652">
                  <c:v>5775.93</c:v>
                </c:pt>
                <c:pt idx="15653">
                  <c:v>5350.28</c:v>
                </c:pt>
                <c:pt idx="15654">
                  <c:v>5111.9399999999996</c:v>
                </c:pt>
                <c:pt idx="15655">
                  <c:v>4987.7</c:v>
                </c:pt>
                <c:pt idx="15656">
                  <c:v>4823.3500000000004</c:v>
                </c:pt>
                <c:pt idx="15657">
                  <c:v>4675.26</c:v>
                </c:pt>
                <c:pt idx="15658">
                  <c:v>4657.34</c:v>
                </c:pt>
                <c:pt idx="15659">
                  <c:v>4511.97</c:v>
                </c:pt>
                <c:pt idx="15660">
                  <c:v>4535.6400000000003</c:v>
                </c:pt>
                <c:pt idx="15661">
                  <c:v>4355.29</c:v>
                </c:pt>
                <c:pt idx="15662">
                  <c:v>4361.99</c:v>
                </c:pt>
                <c:pt idx="15663">
                  <c:v>5775.93</c:v>
                </c:pt>
                <c:pt idx="15664">
                  <c:v>5350.28</c:v>
                </c:pt>
                <c:pt idx="15665">
                  <c:v>5111.9399999999996</c:v>
                </c:pt>
                <c:pt idx="15666">
                  <c:v>4987.7</c:v>
                </c:pt>
                <c:pt idx="15667">
                  <c:v>4823.3500000000004</c:v>
                </c:pt>
                <c:pt idx="15668">
                  <c:v>4675.26</c:v>
                </c:pt>
                <c:pt idx="15669">
                  <c:v>4657.34</c:v>
                </c:pt>
                <c:pt idx="15670">
                  <c:v>4511.97</c:v>
                </c:pt>
                <c:pt idx="15671">
                  <c:v>4535.6400000000003</c:v>
                </c:pt>
                <c:pt idx="15672">
                  <c:v>4355.29</c:v>
                </c:pt>
                <c:pt idx="15673">
                  <c:v>4361.99</c:v>
                </c:pt>
                <c:pt idx="15674">
                  <c:v>5775.93</c:v>
                </c:pt>
                <c:pt idx="15675">
                  <c:v>5350.28</c:v>
                </c:pt>
                <c:pt idx="15676">
                  <c:v>5111.9399999999996</c:v>
                </c:pt>
                <c:pt idx="15677">
                  <c:v>4987.7</c:v>
                </c:pt>
                <c:pt idx="15678">
                  <c:v>4823.3500000000004</c:v>
                </c:pt>
                <c:pt idx="15679">
                  <c:v>4675.26</c:v>
                </c:pt>
                <c:pt idx="15680">
                  <c:v>4657.34</c:v>
                </c:pt>
                <c:pt idx="15681">
                  <c:v>4511.97</c:v>
                </c:pt>
                <c:pt idx="15682">
                  <c:v>4535.6400000000003</c:v>
                </c:pt>
                <c:pt idx="15683">
                  <c:v>4355.29</c:v>
                </c:pt>
                <c:pt idx="15684">
                  <c:v>4361.99</c:v>
                </c:pt>
                <c:pt idx="15685">
                  <c:v>5775.93</c:v>
                </c:pt>
                <c:pt idx="15686">
                  <c:v>5350.28</c:v>
                </c:pt>
                <c:pt idx="15687">
                  <c:v>5111.9399999999996</c:v>
                </c:pt>
                <c:pt idx="15688">
                  <c:v>4987.7</c:v>
                </c:pt>
                <c:pt idx="15689">
                  <c:v>4823.3500000000004</c:v>
                </c:pt>
                <c:pt idx="15690">
                  <c:v>4675.26</c:v>
                </c:pt>
                <c:pt idx="15691">
                  <c:v>4657.34</c:v>
                </c:pt>
                <c:pt idx="15692">
                  <c:v>4511.97</c:v>
                </c:pt>
                <c:pt idx="15693">
                  <c:v>4535.6400000000003</c:v>
                </c:pt>
                <c:pt idx="15694">
                  <c:v>4355.29</c:v>
                </c:pt>
                <c:pt idx="15695">
                  <c:v>4361.99</c:v>
                </c:pt>
                <c:pt idx="15696">
                  <c:v>5775.93</c:v>
                </c:pt>
                <c:pt idx="15697">
                  <c:v>5350.28</c:v>
                </c:pt>
                <c:pt idx="15698">
                  <c:v>5111.9399999999996</c:v>
                </c:pt>
                <c:pt idx="15699">
                  <c:v>4987.7</c:v>
                </c:pt>
                <c:pt idx="15700">
                  <c:v>4823.3500000000004</c:v>
                </c:pt>
                <c:pt idx="15701">
                  <c:v>4675.26</c:v>
                </c:pt>
                <c:pt idx="15702">
                  <c:v>4657.34</c:v>
                </c:pt>
                <c:pt idx="15703">
                  <c:v>4511.97</c:v>
                </c:pt>
                <c:pt idx="15704">
                  <c:v>4535.6400000000003</c:v>
                </c:pt>
                <c:pt idx="15705">
                  <c:v>4355.29</c:v>
                </c:pt>
                <c:pt idx="15706">
                  <c:v>4361.99</c:v>
                </c:pt>
                <c:pt idx="15707">
                  <c:v>5200.8500000000004</c:v>
                </c:pt>
                <c:pt idx="15708">
                  <c:v>4586.66</c:v>
                </c:pt>
                <c:pt idx="15709">
                  <c:v>4230.63</c:v>
                </c:pt>
                <c:pt idx="15710">
                  <c:v>3934.15</c:v>
                </c:pt>
                <c:pt idx="15711">
                  <c:v>3720.47</c:v>
                </c:pt>
                <c:pt idx="15712">
                  <c:v>3517.94</c:v>
                </c:pt>
                <c:pt idx="15713">
                  <c:v>3395.49</c:v>
                </c:pt>
                <c:pt idx="15714">
                  <c:v>3288.94</c:v>
                </c:pt>
                <c:pt idx="15715">
                  <c:v>3300.04</c:v>
                </c:pt>
                <c:pt idx="15716">
                  <c:v>3206.91</c:v>
                </c:pt>
                <c:pt idx="15717">
                  <c:v>3148.87</c:v>
                </c:pt>
                <c:pt idx="15718">
                  <c:v>5775.93</c:v>
                </c:pt>
                <c:pt idx="15719">
                  <c:v>5350.28</c:v>
                </c:pt>
                <c:pt idx="15720">
                  <c:v>5111.9399999999996</c:v>
                </c:pt>
                <c:pt idx="15721">
                  <c:v>4987.7</c:v>
                </c:pt>
                <c:pt idx="15722">
                  <c:v>4823.3500000000004</c:v>
                </c:pt>
                <c:pt idx="15723">
                  <c:v>4675.26</c:v>
                </c:pt>
                <c:pt idx="15724">
                  <c:v>4529.8</c:v>
                </c:pt>
                <c:pt idx="15725">
                  <c:v>4570.46</c:v>
                </c:pt>
                <c:pt idx="15726">
                  <c:v>4378.03</c:v>
                </c:pt>
                <c:pt idx="15727">
                  <c:v>4366.8900000000003</c:v>
                </c:pt>
                <c:pt idx="15728">
                  <c:v>4311.3900000000003</c:v>
                </c:pt>
                <c:pt idx="15729">
                  <c:v>5775.93</c:v>
                </c:pt>
                <c:pt idx="15730">
                  <c:v>5350.28</c:v>
                </c:pt>
                <c:pt idx="15731">
                  <c:v>5111.9399999999996</c:v>
                </c:pt>
                <c:pt idx="15732">
                  <c:v>4987.7</c:v>
                </c:pt>
                <c:pt idx="15733">
                  <c:v>4823.3500000000004</c:v>
                </c:pt>
                <c:pt idx="15734">
                  <c:v>4675.26</c:v>
                </c:pt>
                <c:pt idx="15735">
                  <c:v>4657.34</c:v>
                </c:pt>
                <c:pt idx="15736">
                  <c:v>4511.97</c:v>
                </c:pt>
                <c:pt idx="15737">
                  <c:v>4535.6400000000003</c:v>
                </c:pt>
                <c:pt idx="15738">
                  <c:v>4355.29</c:v>
                </c:pt>
                <c:pt idx="15739">
                  <c:v>4361.99</c:v>
                </c:pt>
                <c:pt idx="15740">
                  <c:v>5775.93</c:v>
                </c:pt>
                <c:pt idx="15741">
                  <c:v>5350.28</c:v>
                </c:pt>
                <c:pt idx="15742">
                  <c:v>5111.9399999999996</c:v>
                </c:pt>
                <c:pt idx="15743">
                  <c:v>4987.7</c:v>
                </c:pt>
                <c:pt idx="15744">
                  <c:v>4823.3500000000004</c:v>
                </c:pt>
                <c:pt idx="15745">
                  <c:v>4675.26</c:v>
                </c:pt>
                <c:pt idx="15746">
                  <c:v>4657.34</c:v>
                </c:pt>
                <c:pt idx="15747">
                  <c:v>4511.97</c:v>
                </c:pt>
                <c:pt idx="15748">
                  <c:v>4535.6400000000003</c:v>
                </c:pt>
                <c:pt idx="15749">
                  <c:v>4355.29</c:v>
                </c:pt>
                <c:pt idx="15750">
                  <c:v>4361.99</c:v>
                </c:pt>
                <c:pt idx="15751">
                  <c:v>5775.93</c:v>
                </c:pt>
                <c:pt idx="15752">
                  <c:v>5350.28</c:v>
                </c:pt>
                <c:pt idx="15753">
                  <c:v>5111.9399999999996</c:v>
                </c:pt>
                <c:pt idx="15754">
                  <c:v>4987.7</c:v>
                </c:pt>
                <c:pt idx="15755">
                  <c:v>4823.3500000000004</c:v>
                </c:pt>
                <c:pt idx="15756">
                  <c:v>4675.26</c:v>
                </c:pt>
                <c:pt idx="15757">
                  <c:v>4657.34</c:v>
                </c:pt>
                <c:pt idx="15758">
                  <c:v>4511.97</c:v>
                </c:pt>
                <c:pt idx="15759">
                  <c:v>4535.6400000000003</c:v>
                </c:pt>
                <c:pt idx="15760">
                  <c:v>4355.29</c:v>
                </c:pt>
                <c:pt idx="15761">
                  <c:v>4361.99</c:v>
                </c:pt>
                <c:pt idx="15762">
                  <c:v>5775.93</c:v>
                </c:pt>
                <c:pt idx="15763">
                  <c:v>5350.28</c:v>
                </c:pt>
                <c:pt idx="15764">
                  <c:v>5111.9399999999996</c:v>
                </c:pt>
                <c:pt idx="15765">
                  <c:v>4987.7</c:v>
                </c:pt>
                <c:pt idx="15766">
                  <c:v>4823.3500000000004</c:v>
                </c:pt>
                <c:pt idx="15767">
                  <c:v>4675.26</c:v>
                </c:pt>
                <c:pt idx="15768">
                  <c:v>4657.34</c:v>
                </c:pt>
                <c:pt idx="15769">
                  <c:v>4511.97</c:v>
                </c:pt>
                <c:pt idx="15770">
                  <c:v>4535.6400000000003</c:v>
                </c:pt>
                <c:pt idx="15771">
                  <c:v>4355.29</c:v>
                </c:pt>
                <c:pt idx="15772">
                  <c:v>4361.99</c:v>
                </c:pt>
                <c:pt idx="15773">
                  <c:v>5775.93</c:v>
                </c:pt>
                <c:pt idx="15774">
                  <c:v>5350.28</c:v>
                </c:pt>
                <c:pt idx="15775">
                  <c:v>5111.9399999999996</c:v>
                </c:pt>
                <c:pt idx="15776">
                  <c:v>4987.7</c:v>
                </c:pt>
                <c:pt idx="15777">
                  <c:v>4823.3500000000004</c:v>
                </c:pt>
                <c:pt idx="15778">
                  <c:v>4675.26</c:v>
                </c:pt>
                <c:pt idx="15779">
                  <c:v>4657.34</c:v>
                </c:pt>
                <c:pt idx="15780">
                  <c:v>4511.97</c:v>
                </c:pt>
                <c:pt idx="15781">
                  <c:v>4535.6400000000003</c:v>
                </c:pt>
                <c:pt idx="15782">
                  <c:v>4355.29</c:v>
                </c:pt>
                <c:pt idx="15783">
                  <c:v>4361.99</c:v>
                </c:pt>
                <c:pt idx="15784">
                  <c:v>5775.93</c:v>
                </c:pt>
                <c:pt idx="15785">
                  <c:v>5350.28</c:v>
                </c:pt>
                <c:pt idx="15786">
                  <c:v>5111.9399999999996</c:v>
                </c:pt>
                <c:pt idx="15787">
                  <c:v>4987.7</c:v>
                </c:pt>
                <c:pt idx="15788">
                  <c:v>4823.3500000000004</c:v>
                </c:pt>
                <c:pt idx="15789">
                  <c:v>4675.26</c:v>
                </c:pt>
                <c:pt idx="15790">
                  <c:v>4657.34</c:v>
                </c:pt>
                <c:pt idx="15791">
                  <c:v>4511.97</c:v>
                </c:pt>
                <c:pt idx="15792">
                  <c:v>4535.6400000000003</c:v>
                </c:pt>
                <c:pt idx="15793">
                  <c:v>4355.29</c:v>
                </c:pt>
                <c:pt idx="15794">
                  <c:v>4361.99</c:v>
                </c:pt>
                <c:pt idx="15795">
                  <c:v>5775.93</c:v>
                </c:pt>
                <c:pt idx="15796">
                  <c:v>5350.28</c:v>
                </c:pt>
                <c:pt idx="15797">
                  <c:v>5111.9399999999996</c:v>
                </c:pt>
                <c:pt idx="15798">
                  <c:v>4987.7</c:v>
                </c:pt>
                <c:pt idx="15799">
                  <c:v>4823.3500000000004</c:v>
                </c:pt>
                <c:pt idx="15800">
                  <c:v>4675.26</c:v>
                </c:pt>
                <c:pt idx="15801">
                  <c:v>4657.34</c:v>
                </c:pt>
                <c:pt idx="15802">
                  <c:v>4511.97</c:v>
                </c:pt>
                <c:pt idx="15803">
                  <c:v>4535.6400000000003</c:v>
                </c:pt>
                <c:pt idx="15804">
                  <c:v>4355.29</c:v>
                </c:pt>
                <c:pt idx="15805">
                  <c:v>4361.99</c:v>
                </c:pt>
                <c:pt idx="15806">
                  <c:v>5775.93</c:v>
                </c:pt>
                <c:pt idx="15807">
                  <c:v>5350.28</c:v>
                </c:pt>
                <c:pt idx="15808">
                  <c:v>5111.9399999999996</c:v>
                </c:pt>
                <c:pt idx="15809">
                  <c:v>4987.7</c:v>
                </c:pt>
                <c:pt idx="15810">
                  <c:v>4823.3500000000004</c:v>
                </c:pt>
                <c:pt idx="15811">
                  <c:v>4675.26</c:v>
                </c:pt>
                <c:pt idx="15812">
                  <c:v>4657.34</c:v>
                </c:pt>
                <c:pt idx="15813">
                  <c:v>4511.97</c:v>
                </c:pt>
                <c:pt idx="15814">
                  <c:v>4535.6400000000003</c:v>
                </c:pt>
                <c:pt idx="15815">
                  <c:v>4355.29</c:v>
                </c:pt>
                <c:pt idx="15816">
                  <c:v>4361.99</c:v>
                </c:pt>
                <c:pt idx="15817">
                  <c:v>5775.93</c:v>
                </c:pt>
                <c:pt idx="15818">
                  <c:v>5350.28</c:v>
                </c:pt>
                <c:pt idx="15819">
                  <c:v>5111.9399999999996</c:v>
                </c:pt>
                <c:pt idx="15820">
                  <c:v>4987.7</c:v>
                </c:pt>
                <c:pt idx="15821">
                  <c:v>4823.3500000000004</c:v>
                </c:pt>
                <c:pt idx="15822">
                  <c:v>4675.26</c:v>
                </c:pt>
                <c:pt idx="15823">
                  <c:v>4657.34</c:v>
                </c:pt>
                <c:pt idx="15824">
                  <c:v>4511.97</c:v>
                </c:pt>
                <c:pt idx="15825">
                  <c:v>4535.6400000000003</c:v>
                </c:pt>
                <c:pt idx="15826">
                  <c:v>4355.29</c:v>
                </c:pt>
                <c:pt idx="15827">
                  <c:v>4361.99</c:v>
                </c:pt>
                <c:pt idx="15828">
                  <c:v>5775.93</c:v>
                </c:pt>
                <c:pt idx="15829">
                  <c:v>5350.28</c:v>
                </c:pt>
                <c:pt idx="15830">
                  <c:v>5111.9399999999996</c:v>
                </c:pt>
                <c:pt idx="15831">
                  <c:v>4987.7</c:v>
                </c:pt>
                <c:pt idx="15832">
                  <c:v>4823.3500000000004</c:v>
                </c:pt>
                <c:pt idx="15833">
                  <c:v>4675.26</c:v>
                </c:pt>
                <c:pt idx="15834">
                  <c:v>4657.34</c:v>
                </c:pt>
                <c:pt idx="15835">
                  <c:v>4511.97</c:v>
                </c:pt>
                <c:pt idx="15836">
                  <c:v>4535.6400000000003</c:v>
                </c:pt>
                <c:pt idx="15837">
                  <c:v>4355.29</c:v>
                </c:pt>
                <c:pt idx="15838">
                  <c:v>4361.99</c:v>
                </c:pt>
                <c:pt idx="15839">
                  <c:v>4920.03</c:v>
                </c:pt>
                <c:pt idx="15840">
                  <c:v>4456.42</c:v>
                </c:pt>
                <c:pt idx="15841">
                  <c:v>4090.49</c:v>
                </c:pt>
                <c:pt idx="15842">
                  <c:v>3763.97</c:v>
                </c:pt>
                <c:pt idx="15843">
                  <c:v>3621.99</c:v>
                </c:pt>
                <c:pt idx="15844">
                  <c:v>3487.36</c:v>
                </c:pt>
                <c:pt idx="15845">
                  <c:v>3380.97</c:v>
                </c:pt>
                <c:pt idx="15846">
                  <c:v>3344.64</c:v>
                </c:pt>
                <c:pt idx="15847">
                  <c:v>3310.7</c:v>
                </c:pt>
                <c:pt idx="15848">
                  <c:v>3191.58</c:v>
                </c:pt>
                <c:pt idx="15849">
                  <c:v>3153.94</c:v>
                </c:pt>
                <c:pt idx="15850">
                  <c:v>4920.03</c:v>
                </c:pt>
                <c:pt idx="15851">
                  <c:v>4456.42</c:v>
                </c:pt>
                <c:pt idx="15852">
                  <c:v>4090.49</c:v>
                </c:pt>
                <c:pt idx="15853">
                  <c:v>3911.67</c:v>
                </c:pt>
                <c:pt idx="15854">
                  <c:v>3770.06</c:v>
                </c:pt>
                <c:pt idx="15855">
                  <c:v>3628.78</c:v>
                </c:pt>
                <c:pt idx="15856">
                  <c:v>3576.13</c:v>
                </c:pt>
                <c:pt idx="15857">
                  <c:v>3454.94</c:v>
                </c:pt>
                <c:pt idx="15858">
                  <c:v>3498.06</c:v>
                </c:pt>
                <c:pt idx="15859">
                  <c:v>3360.73</c:v>
                </c:pt>
                <c:pt idx="15860">
                  <c:v>3417.62</c:v>
                </c:pt>
                <c:pt idx="15861">
                  <c:v>4920.03</c:v>
                </c:pt>
                <c:pt idx="15862">
                  <c:v>4456.42</c:v>
                </c:pt>
                <c:pt idx="15863">
                  <c:v>4090.49</c:v>
                </c:pt>
                <c:pt idx="15864">
                  <c:v>3911.67</c:v>
                </c:pt>
                <c:pt idx="15865">
                  <c:v>3770.06</c:v>
                </c:pt>
                <c:pt idx="15866">
                  <c:v>3628.78</c:v>
                </c:pt>
                <c:pt idx="15867">
                  <c:v>3576.13</c:v>
                </c:pt>
                <c:pt idx="15868">
                  <c:v>3454.94</c:v>
                </c:pt>
                <c:pt idx="15869">
                  <c:v>3498.06</c:v>
                </c:pt>
                <c:pt idx="15870">
                  <c:v>3360.73</c:v>
                </c:pt>
                <c:pt idx="15871">
                  <c:v>3417.62</c:v>
                </c:pt>
                <c:pt idx="15872">
                  <c:v>4920.03</c:v>
                </c:pt>
                <c:pt idx="15873">
                  <c:v>4456.42</c:v>
                </c:pt>
                <c:pt idx="15874">
                  <c:v>4090.49</c:v>
                </c:pt>
                <c:pt idx="15875">
                  <c:v>3911.67</c:v>
                </c:pt>
                <c:pt idx="15876">
                  <c:v>3770.06</c:v>
                </c:pt>
                <c:pt idx="15877">
                  <c:v>3628.78</c:v>
                </c:pt>
                <c:pt idx="15878">
                  <c:v>3576.13</c:v>
                </c:pt>
                <c:pt idx="15879">
                  <c:v>3454.94</c:v>
                </c:pt>
                <c:pt idx="15880">
                  <c:v>3498.06</c:v>
                </c:pt>
                <c:pt idx="15881">
                  <c:v>3360.73</c:v>
                </c:pt>
                <c:pt idx="15882">
                  <c:v>3417.62</c:v>
                </c:pt>
                <c:pt idx="15883">
                  <c:v>4920.03</c:v>
                </c:pt>
                <c:pt idx="15884">
                  <c:v>4456.42</c:v>
                </c:pt>
                <c:pt idx="15885">
                  <c:v>4090.49</c:v>
                </c:pt>
                <c:pt idx="15886">
                  <c:v>3911.67</c:v>
                </c:pt>
                <c:pt idx="15887">
                  <c:v>3770.06</c:v>
                </c:pt>
                <c:pt idx="15888">
                  <c:v>3628.78</c:v>
                </c:pt>
                <c:pt idx="15889">
                  <c:v>3576.13</c:v>
                </c:pt>
                <c:pt idx="15890">
                  <c:v>3454.94</c:v>
                </c:pt>
                <c:pt idx="15891">
                  <c:v>3498.06</c:v>
                </c:pt>
                <c:pt idx="15892">
                  <c:v>3360.73</c:v>
                </c:pt>
                <c:pt idx="15893">
                  <c:v>3417.62</c:v>
                </c:pt>
                <c:pt idx="15894">
                  <c:v>4920.03</c:v>
                </c:pt>
                <c:pt idx="15895">
                  <c:v>4456.42</c:v>
                </c:pt>
                <c:pt idx="15896">
                  <c:v>4090.49</c:v>
                </c:pt>
                <c:pt idx="15897">
                  <c:v>3911.67</c:v>
                </c:pt>
                <c:pt idx="15898">
                  <c:v>3770.06</c:v>
                </c:pt>
                <c:pt idx="15899">
                  <c:v>3628.78</c:v>
                </c:pt>
                <c:pt idx="15900">
                  <c:v>3576.13</c:v>
                </c:pt>
                <c:pt idx="15901">
                  <c:v>3454.94</c:v>
                </c:pt>
                <c:pt idx="15902">
                  <c:v>3498.06</c:v>
                </c:pt>
                <c:pt idx="15903">
                  <c:v>3360.73</c:v>
                </c:pt>
                <c:pt idx="15904">
                  <c:v>3417.62</c:v>
                </c:pt>
                <c:pt idx="15905">
                  <c:v>4920.03</c:v>
                </c:pt>
                <c:pt idx="15906">
                  <c:v>4456.42</c:v>
                </c:pt>
                <c:pt idx="15907">
                  <c:v>4090.49</c:v>
                </c:pt>
                <c:pt idx="15908">
                  <c:v>3911.67</c:v>
                </c:pt>
                <c:pt idx="15909">
                  <c:v>3770.06</c:v>
                </c:pt>
                <c:pt idx="15910">
                  <c:v>3628.78</c:v>
                </c:pt>
                <c:pt idx="15911">
                  <c:v>3576.13</c:v>
                </c:pt>
                <c:pt idx="15912">
                  <c:v>3454.94</c:v>
                </c:pt>
                <c:pt idx="15913">
                  <c:v>3498.06</c:v>
                </c:pt>
                <c:pt idx="15914">
                  <c:v>3360.73</c:v>
                </c:pt>
                <c:pt idx="15915">
                  <c:v>3417.62</c:v>
                </c:pt>
                <c:pt idx="15916">
                  <c:v>4920.03</c:v>
                </c:pt>
                <c:pt idx="15917">
                  <c:v>4456.42</c:v>
                </c:pt>
                <c:pt idx="15918">
                  <c:v>4090.49</c:v>
                </c:pt>
                <c:pt idx="15919">
                  <c:v>3911.67</c:v>
                </c:pt>
                <c:pt idx="15920">
                  <c:v>3770.06</c:v>
                </c:pt>
                <c:pt idx="15921">
                  <c:v>3628.78</c:v>
                </c:pt>
                <c:pt idx="15922">
                  <c:v>3576.13</c:v>
                </c:pt>
                <c:pt idx="15923">
                  <c:v>3454.94</c:v>
                </c:pt>
                <c:pt idx="15924">
                  <c:v>3498.06</c:v>
                </c:pt>
                <c:pt idx="15925">
                  <c:v>3360.73</c:v>
                </c:pt>
                <c:pt idx="15926">
                  <c:v>3417.62</c:v>
                </c:pt>
                <c:pt idx="15927">
                  <c:v>4920.03</c:v>
                </c:pt>
                <c:pt idx="15928">
                  <c:v>4456.42</c:v>
                </c:pt>
                <c:pt idx="15929">
                  <c:v>4090.49</c:v>
                </c:pt>
                <c:pt idx="15930">
                  <c:v>3911.67</c:v>
                </c:pt>
                <c:pt idx="15931">
                  <c:v>3770.06</c:v>
                </c:pt>
                <c:pt idx="15932">
                  <c:v>3628.78</c:v>
                </c:pt>
                <c:pt idx="15933">
                  <c:v>3576.13</c:v>
                </c:pt>
                <c:pt idx="15934">
                  <c:v>3454.94</c:v>
                </c:pt>
                <c:pt idx="15935">
                  <c:v>3498.06</c:v>
                </c:pt>
                <c:pt idx="15936">
                  <c:v>3360.73</c:v>
                </c:pt>
                <c:pt idx="15937">
                  <c:v>3417.62</c:v>
                </c:pt>
                <c:pt idx="15938">
                  <c:v>4920.03</c:v>
                </c:pt>
                <c:pt idx="15939">
                  <c:v>4456.42</c:v>
                </c:pt>
                <c:pt idx="15940">
                  <c:v>4090.49</c:v>
                </c:pt>
                <c:pt idx="15941">
                  <c:v>3911.67</c:v>
                </c:pt>
                <c:pt idx="15942">
                  <c:v>3770.06</c:v>
                </c:pt>
                <c:pt idx="15943">
                  <c:v>3628.78</c:v>
                </c:pt>
                <c:pt idx="15944">
                  <c:v>3576.13</c:v>
                </c:pt>
                <c:pt idx="15945">
                  <c:v>3454.94</c:v>
                </c:pt>
                <c:pt idx="15946">
                  <c:v>3498.06</c:v>
                </c:pt>
                <c:pt idx="15947">
                  <c:v>3360.73</c:v>
                </c:pt>
                <c:pt idx="15948">
                  <c:v>3417.62</c:v>
                </c:pt>
                <c:pt idx="15949">
                  <c:v>4920.03</c:v>
                </c:pt>
                <c:pt idx="15950">
                  <c:v>4456.42</c:v>
                </c:pt>
                <c:pt idx="15951">
                  <c:v>4090.49</c:v>
                </c:pt>
                <c:pt idx="15952">
                  <c:v>3911.67</c:v>
                </c:pt>
                <c:pt idx="15953">
                  <c:v>3770.06</c:v>
                </c:pt>
                <c:pt idx="15954">
                  <c:v>3628.78</c:v>
                </c:pt>
                <c:pt idx="15955">
                  <c:v>3576.13</c:v>
                </c:pt>
                <c:pt idx="15956">
                  <c:v>3454.94</c:v>
                </c:pt>
                <c:pt idx="15957">
                  <c:v>3498.06</c:v>
                </c:pt>
                <c:pt idx="15958">
                  <c:v>3360.73</c:v>
                </c:pt>
                <c:pt idx="15959">
                  <c:v>3417.62</c:v>
                </c:pt>
                <c:pt idx="15960">
                  <c:v>4920.03</c:v>
                </c:pt>
                <c:pt idx="15961">
                  <c:v>4456.42</c:v>
                </c:pt>
                <c:pt idx="15962">
                  <c:v>4090.49</c:v>
                </c:pt>
                <c:pt idx="15963">
                  <c:v>3911.67</c:v>
                </c:pt>
                <c:pt idx="15964">
                  <c:v>3770.06</c:v>
                </c:pt>
                <c:pt idx="15965">
                  <c:v>3628.78</c:v>
                </c:pt>
                <c:pt idx="15966">
                  <c:v>3576.13</c:v>
                </c:pt>
                <c:pt idx="15967">
                  <c:v>3454.94</c:v>
                </c:pt>
                <c:pt idx="15968">
                  <c:v>3498.06</c:v>
                </c:pt>
                <c:pt idx="15969">
                  <c:v>3360.73</c:v>
                </c:pt>
                <c:pt idx="15970">
                  <c:v>3417.62</c:v>
                </c:pt>
                <c:pt idx="15971">
                  <c:v>4920.03</c:v>
                </c:pt>
                <c:pt idx="15972">
                  <c:v>4456.42</c:v>
                </c:pt>
                <c:pt idx="15973">
                  <c:v>4090.49</c:v>
                </c:pt>
                <c:pt idx="15974">
                  <c:v>3763.97</c:v>
                </c:pt>
                <c:pt idx="15975">
                  <c:v>3621.99</c:v>
                </c:pt>
                <c:pt idx="15976">
                  <c:v>3487.36</c:v>
                </c:pt>
                <c:pt idx="15977">
                  <c:v>3380.97</c:v>
                </c:pt>
                <c:pt idx="15978">
                  <c:v>3240.8</c:v>
                </c:pt>
                <c:pt idx="15979">
                  <c:v>3181.86</c:v>
                </c:pt>
                <c:pt idx="15980">
                  <c:v>3060.25</c:v>
                </c:pt>
                <c:pt idx="15981">
                  <c:v>3058</c:v>
                </c:pt>
                <c:pt idx="15982">
                  <c:v>4920.03</c:v>
                </c:pt>
                <c:pt idx="15983">
                  <c:v>4456.42</c:v>
                </c:pt>
                <c:pt idx="15984">
                  <c:v>4090.49</c:v>
                </c:pt>
                <c:pt idx="15985">
                  <c:v>3911.67</c:v>
                </c:pt>
                <c:pt idx="15986">
                  <c:v>3770.06</c:v>
                </c:pt>
                <c:pt idx="15987">
                  <c:v>3628.78</c:v>
                </c:pt>
                <c:pt idx="15988">
                  <c:v>3576.13</c:v>
                </c:pt>
                <c:pt idx="15989">
                  <c:v>3454.94</c:v>
                </c:pt>
                <c:pt idx="15990">
                  <c:v>3498.06</c:v>
                </c:pt>
                <c:pt idx="15991">
                  <c:v>3360.73</c:v>
                </c:pt>
                <c:pt idx="15992">
                  <c:v>3417.62</c:v>
                </c:pt>
                <c:pt idx="15993">
                  <c:v>4920.03</c:v>
                </c:pt>
                <c:pt idx="15994">
                  <c:v>4456.42</c:v>
                </c:pt>
                <c:pt idx="15995">
                  <c:v>4090.49</c:v>
                </c:pt>
                <c:pt idx="15996">
                  <c:v>3911.67</c:v>
                </c:pt>
                <c:pt idx="15997">
                  <c:v>3770.06</c:v>
                </c:pt>
                <c:pt idx="15998">
                  <c:v>3628.78</c:v>
                </c:pt>
                <c:pt idx="15999">
                  <c:v>3576.13</c:v>
                </c:pt>
                <c:pt idx="16000">
                  <c:v>3454.94</c:v>
                </c:pt>
                <c:pt idx="16001">
                  <c:v>3498.06</c:v>
                </c:pt>
                <c:pt idx="16002">
                  <c:v>3360.73</c:v>
                </c:pt>
                <c:pt idx="16003">
                  <c:v>3417.62</c:v>
                </c:pt>
                <c:pt idx="16004">
                  <c:v>4920.03</c:v>
                </c:pt>
                <c:pt idx="16005">
                  <c:v>4456.42</c:v>
                </c:pt>
                <c:pt idx="16006">
                  <c:v>4090.49</c:v>
                </c:pt>
                <c:pt idx="16007">
                  <c:v>3911.67</c:v>
                </c:pt>
                <c:pt idx="16008">
                  <c:v>3770.06</c:v>
                </c:pt>
                <c:pt idx="16009">
                  <c:v>3628.78</c:v>
                </c:pt>
                <c:pt idx="16010">
                  <c:v>3576.13</c:v>
                </c:pt>
                <c:pt idx="16011">
                  <c:v>3454.94</c:v>
                </c:pt>
                <c:pt idx="16012">
                  <c:v>3498.06</c:v>
                </c:pt>
                <c:pt idx="16013">
                  <c:v>3360.73</c:v>
                </c:pt>
                <c:pt idx="16014">
                  <c:v>3417.62</c:v>
                </c:pt>
                <c:pt idx="16015">
                  <c:v>4920.03</c:v>
                </c:pt>
                <c:pt idx="16016">
                  <c:v>4456.42</c:v>
                </c:pt>
                <c:pt idx="16017">
                  <c:v>4090.49</c:v>
                </c:pt>
                <c:pt idx="16018">
                  <c:v>3911.67</c:v>
                </c:pt>
                <c:pt idx="16019">
                  <c:v>3770.06</c:v>
                </c:pt>
                <c:pt idx="16020">
                  <c:v>3628.78</c:v>
                </c:pt>
                <c:pt idx="16021">
                  <c:v>3576.13</c:v>
                </c:pt>
                <c:pt idx="16022">
                  <c:v>3454.94</c:v>
                </c:pt>
                <c:pt idx="16023">
                  <c:v>3498.06</c:v>
                </c:pt>
                <c:pt idx="16024">
                  <c:v>3360.73</c:v>
                </c:pt>
                <c:pt idx="16025">
                  <c:v>3417.62</c:v>
                </c:pt>
                <c:pt idx="16026">
                  <c:v>4920.03</c:v>
                </c:pt>
                <c:pt idx="16027">
                  <c:v>4456.42</c:v>
                </c:pt>
                <c:pt idx="16028">
                  <c:v>4090.49</c:v>
                </c:pt>
                <c:pt idx="16029">
                  <c:v>3911.67</c:v>
                </c:pt>
                <c:pt idx="16030">
                  <c:v>3770.06</c:v>
                </c:pt>
                <c:pt idx="16031">
                  <c:v>3628.78</c:v>
                </c:pt>
                <c:pt idx="16032">
                  <c:v>3576.13</c:v>
                </c:pt>
                <c:pt idx="16033">
                  <c:v>3454.94</c:v>
                </c:pt>
                <c:pt idx="16034">
                  <c:v>3498.06</c:v>
                </c:pt>
                <c:pt idx="16035">
                  <c:v>3360.73</c:v>
                </c:pt>
                <c:pt idx="16036">
                  <c:v>3417.62</c:v>
                </c:pt>
                <c:pt idx="16037">
                  <c:v>4920.03</c:v>
                </c:pt>
                <c:pt idx="16038">
                  <c:v>4456.42</c:v>
                </c:pt>
                <c:pt idx="16039">
                  <c:v>4090.49</c:v>
                </c:pt>
                <c:pt idx="16040">
                  <c:v>3911.67</c:v>
                </c:pt>
                <c:pt idx="16041">
                  <c:v>3770.06</c:v>
                </c:pt>
                <c:pt idx="16042">
                  <c:v>3628.78</c:v>
                </c:pt>
                <c:pt idx="16043">
                  <c:v>3576.13</c:v>
                </c:pt>
                <c:pt idx="16044">
                  <c:v>3454.94</c:v>
                </c:pt>
                <c:pt idx="16045">
                  <c:v>3498.06</c:v>
                </c:pt>
                <c:pt idx="16046">
                  <c:v>3360.73</c:v>
                </c:pt>
                <c:pt idx="16047">
                  <c:v>3417.62</c:v>
                </c:pt>
                <c:pt idx="16048">
                  <c:v>4920.03</c:v>
                </c:pt>
                <c:pt idx="16049">
                  <c:v>4456.42</c:v>
                </c:pt>
                <c:pt idx="16050">
                  <c:v>4090.49</c:v>
                </c:pt>
                <c:pt idx="16051">
                  <c:v>3911.67</c:v>
                </c:pt>
                <c:pt idx="16052">
                  <c:v>3770.06</c:v>
                </c:pt>
                <c:pt idx="16053">
                  <c:v>3628.78</c:v>
                </c:pt>
                <c:pt idx="16054">
                  <c:v>3576.13</c:v>
                </c:pt>
                <c:pt idx="16055">
                  <c:v>3454.94</c:v>
                </c:pt>
                <c:pt idx="16056">
                  <c:v>3498.06</c:v>
                </c:pt>
                <c:pt idx="16057">
                  <c:v>3360.73</c:v>
                </c:pt>
                <c:pt idx="16058">
                  <c:v>3417.62</c:v>
                </c:pt>
                <c:pt idx="16059">
                  <c:v>4920.03</c:v>
                </c:pt>
                <c:pt idx="16060">
                  <c:v>4456.42</c:v>
                </c:pt>
                <c:pt idx="16061">
                  <c:v>4090.49</c:v>
                </c:pt>
                <c:pt idx="16062">
                  <c:v>3911.67</c:v>
                </c:pt>
                <c:pt idx="16063">
                  <c:v>3770.06</c:v>
                </c:pt>
                <c:pt idx="16064">
                  <c:v>3628.78</c:v>
                </c:pt>
                <c:pt idx="16065">
                  <c:v>3576.13</c:v>
                </c:pt>
                <c:pt idx="16066">
                  <c:v>3454.94</c:v>
                </c:pt>
                <c:pt idx="16067">
                  <c:v>3498.06</c:v>
                </c:pt>
                <c:pt idx="16068">
                  <c:v>3360.73</c:v>
                </c:pt>
                <c:pt idx="16069">
                  <c:v>3417.62</c:v>
                </c:pt>
                <c:pt idx="16070">
                  <c:v>4920.03</c:v>
                </c:pt>
                <c:pt idx="16071">
                  <c:v>4456.42</c:v>
                </c:pt>
                <c:pt idx="16072">
                  <c:v>4090.49</c:v>
                </c:pt>
                <c:pt idx="16073">
                  <c:v>3911.67</c:v>
                </c:pt>
                <c:pt idx="16074">
                  <c:v>3770.06</c:v>
                </c:pt>
                <c:pt idx="16075">
                  <c:v>3628.78</c:v>
                </c:pt>
                <c:pt idx="16076">
                  <c:v>3576.13</c:v>
                </c:pt>
                <c:pt idx="16077">
                  <c:v>3454.94</c:v>
                </c:pt>
                <c:pt idx="16078">
                  <c:v>3498.06</c:v>
                </c:pt>
                <c:pt idx="16079">
                  <c:v>3360.73</c:v>
                </c:pt>
                <c:pt idx="16080">
                  <c:v>3417.62</c:v>
                </c:pt>
                <c:pt idx="16081">
                  <c:v>4920.03</c:v>
                </c:pt>
                <c:pt idx="16082">
                  <c:v>4456.42</c:v>
                </c:pt>
                <c:pt idx="16083">
                  <c:v>4090.49</c:v>
                </c:pt>
                <c:pt idx="16084">
                  <c:v>3911.67</c:v>
                </c:pt>
                <c:pt idx="16085">
                  <c:v>3770.06</c:v>
                </c:pt>
                <c:pt idx="16086">
                  <c:v>3628.78</c:v>
                </c:pt>
                <c:pt idx="16087">
                  <c:v>3576.13</c:v>
                </c:pt>
                <c:pt idx="16088">
                  <c:v>3454.94</c:v>
                </c:pt>
                <c:pt idx="16089">
                  <c:v>3498.06</c:v>
                </c:pt>
                <c:pt idx="16090">
                  <c:v>3360.73</c:v>
                </c:pt>
                <c:pt idx="16091">
                  <c:v>3417.62</c:v>
                </c:pt>
                <c:pt idx="16092">
                  <c:v>4920.03</c:v>
                </c:pt>
                <c:pt idx="16093">
                  <c:v>4456.42</c:v>
                </c:pt>
                <c:pt idx="16094">
                  <c:v>4090.49</c:v>
                </c:pt>
                <c:pt idx="16095">
                  <c:v>3911.67</c:v>
                </c:pt>
                <c:pt idx="16096">
                  <c:v>3770.06</c:v>
                </c:pt>
                <c:pt idx="16097">
                  <c:v>3628.78</c:v>
                </c:pt>
                <c:pt idx="16098">
                  <c:v>3576.13</c:v>
                </c:pt>
                <c:pt idx="16099">
                  <c:v>3454.94</c:v>
                </c:pt>
                <c:pt idx="16100">
                  <c:v>3498.06</c:v>
                </c:pt>
                <c:pt idx="16101">
                  <c:v>3360.73</c:v>
                </c:pt>
                <c:pt idx="16102">
                  <c:v>3417.62</c:v>
                </c:pt>
                <c:pt idx="16103">
                  <c:v>4920.03</c:v>
                </c:pt>
                <c:pt idx="16104">
                  <c:v>4456.42</c:v>
                </c:pt>
                <c:pt idx="16105">
                  <c:v>4090.49</c:v>
                </c:pt>
                <c:pt idx="16106">
                  <c:v>3763.97</c:v>
                </c:pt>
                <c:pt idx="16107">
                  <c:v>3621.99</c:v>
                </c:pt>
                <c:pt idx="16108">
                  <c:v>3369.2</c:v>
                </c:pt>
                <c:pt idx="16109">
                  <c:v>3250.65</c:v>
                </c:pt>
                <c:pt idx="16110">
                  <c:v>3243.49</c:v>
                </c:pt>
                <c:pt idx="16111">
                  <c:v>3181.86</c:v>
                </c:pt>
                <c:pt idx="16112">
                  <c:v>3060.25</c:v>
                </c:pt>
                <c:pt idx="16113">
                  <c:v>3074.71</c:v>
                </c:pt>
                <c:pt idx="16114">
                  <c:v>4920.03</c:v>
                </c:pt>
                <c:pt idx="16115">
                  <c:v>4456.42</c:v>
                </c:pt>
                <c:pt idx="16116">
                  <c:v>4090.49</c:v>
                </c:pt>
                <c:pt idx="16117">
                  <c:v>3911.67</c:v>
                </c:pt>
                <c:pt idx="16118">
                  <c:v>3770.06</c:v>
                </c:pt>
                <c:pt idx="16119">
                  <c:v>3628.78</c:v>
                </c:pt>
                <c:pt idx="16120">
                  <c:v>3576.13</c:v>
                </c:pt>
                <c:pt idx="16121">
                  <c:v>3454.94</c:v>
                </c:pt>
                <c:pt idx="16122">
                  <c:v>3498.06</c:v>
                </c:pt>
                <c:pt idx="16123">
                  <c:v>3360.73</c:v>
                </c:pt>
                <c:pt idx="16124">
                  <c:v>3417.62</c:v>
                </c:pt>
                <c:pt idx="16125">
                  <c:v>4920.03</c:v>
                </c:pt>
                <c:pt idx="16126">
                  <c:v>4456.42</c:v>
                </c:pt>
                <c:pt idx="16127">
                  <c:v>4090.49</c:v>
                </c:pt>
                <c:pt idx="16128">
                  <c:v>3911.67</c:v>
                </c:pt>
                <c:pt idx="16129">
                  <c:v>3770.06</c:v>
                </c:pt>
                <c:pt idx="16130">
                  <c:v>3628.78</c:v>
                </c:pt>
                <c:pt idx="16131">
                  <c:v>3576.13</c:v>
                </c:pt>
                <c:pt idx="16132">
                  <c:v>3454.94</c:v>
                </c:pt>
                <c:pt idx="16133">
                  <c:v>3498.06</c:v>
                </c:pt>
                <c:pt idx="16134">
                  <c:v>3360.73</c:v>
                </c:pt>
                <c:pt idx="16135">
                  <c:v>3417.62</c:v>
                </c:pt>
                <c:pt idx="16136">
                  <c:v>4920.03</c:v>
                </c:pt>
                <c:pt idx="16137">
                  <c:v>4456.42</c:v>
                </c:pt>
                <c:pt idx="16138">
                  <c:v>4090.49</c:v>
                </c:pt>
                <c:pt idx="16139">
                  <c:v>3911.67</c:v>
                </c:pt>
                <c:pt idx="16140">
                  <c:v>3770.06</c:v>
                </c:pt>
                <c:pt idx="16141">
                  <c:v>3628.78</c:v>
                </c:pt>
                <c:pt idx="16142">
                  <c:v>3576.13</c:v>
                </c:pt>
                <c:pt idx="16143">
                  <c:v>3454.94</c:v>
                </c:pt>
                <c:pt idx="16144">
                  <c:v>3498.06</c:v>
                </c:pt>
                <c:pt idx="16145">
                  <c:v>3360.73</c:v>
                </c:pt>
                <c:pt idx="16146">
                  <c:v>3417.62</c:v>
                </c:pt>
                <c:pt idx="16147">
                  <c:v>4920.03</c:v>
                </c:pt>
                <c:pt idx="16148">
                  <c:v>4456.42</c:v>
                </c:pt>
                <c:pt idx="16149">
                  <c:v>4090.49</c:v>
                </c:pt>
                <c:pt idx="16150">
                  <c:v>3911.67</c:v>
                </c:pt>
                <c:pt idx="16151">
                  <c:v>3770.06</c:v>
                </c:pt>
                <c:pt idx="16152">
                  <c:v>3628.78</c:v>
                </c:pt>
                <c:pt idx="16153">
                  <c:v>3576.13</c:v>
                </c:pt>
                <c:pt idx="16154">
                  <c:v>3454.94</c:v>
                </c:pt>
                <c:pt idx="16155">
                  <c:v>3498.06</c:v>
                </c:pt>
                <c:pt idx="16156">
                  <c:v>3360.73</c:v>
                </c:pt>
                <c:pt idx="16157">
                  <c:v>3417.62</c:v>
                </c:pt>
                <c:pt idx="16158">
                  <c:v>4920.03</c:v>
                </c:pt>
                <c:pt idx="16159">
                  <c:v>4456.42</c:v>
                </c:pt>
                <c:pt idx="16160">
                  <c:v>4090.49</c:v>
                </c:pt>
                <c:pt idx="16161">
                  <c:v>3911.67</c:v>
                </c:pt>
                <c:pt idx="16162">
                  <c:v>3770.06</c:v>
                </c:pt>
                <c:pt idx="16163">
                  <c:v>3628.78</c:v>
                </c:pt>
                <c:pt idx="16164">
                  <c:v>3576.13</c:v>
                </c:pt>
                <c:pt idx="16165">
                  <c:v>3454.94</c:v>
                </c:pt>
                <c:pt idx="16166">
                  <c:v>3498.06</c:v>
                </c:pt>
                <c:pt idx="16167">
                  <c:v>3360.73</c:v>
                </c:pt>
                <c:pt idx="16168">
                  <c:v>3417.62</c:v>
                </c:pt>
                <c:pt idx="16169">
                  <c:v>4920.03</c:v>
                </c:pt>
                <c:pt idx="16170">
                  <c:v>4456.42</c:v>
                </c:pt>
                <c:pt idx="16171">
                  <c:v>4090.49</c:v>
                </c:pt>
                <c:pt idx="16172">
                  <c:v>3911.67</c:v>
                </c:pt>
                <c:pt idx="16173">
                  <c:v>3770.06</c:v>
                </c:pt>
                <c:pt idx="16174">
                  <c:v>3628.78</c:v>
                </c:pt>
                <c:pt idx="16175">
                  <c:v>3576.13</c:v>
                </c:pt>
                <c:pt idx="16176">
                  <c:v>3454.94</c:v>
                </c:pt>
                <c:pt idx="16177">
                  <c:v>3498.06</c:v>
                </c:pt>
                <c:pt idx="16178">
                  <c:v>3360.73</c:v>
                </c:pt>
                <c:pt idx="16179">
                  <c:v>3417.62</c:v>
                </c:pt>
                <c:pt idx="16180">
                  <c:v>4920.03</c:v>
                </c:pt>
                <c:pt idx="16181">
                  <c:v>4456.42</c:v>
                </c:pt>
                <c:pt idx="16182">
                  <c:v>4090.49</c:v>
                </c:pt>
                <c:pt idx="16183">
                  <c:v>3911.67</c:v>
                </c:pt>
                <c:pt idx="16184">
                  <c:v>3770.06</c:v>
                </c:pt>
                <c:pt idx="16185">
                  <c:v>3628.78</c:v>
                </c:pt>
                <c:pt idx="16186">
                  <c:v>3576.13</c:v>
                </c:pt>
                <c:pt idx="16187">
                  <c:v>3454.94</c:v>
                </c:pt>
                <c:pt idx="16188">
                  <c:v>3498.06</c:v>
                </c:pt>
                <c:pt idx="16189">
                  <c:v>3360.73</c:v>
                </c:pt>
                <c:pt idx="16190">
                  <c:v>3417.62</c:v>
                </c:pt>
                <c:pt idx="16191">
                  <c:v>4920.03</c:v>
                </c:pt>
                <c:pt idx="16192">
                  <c:v>4456.42</c:v>
                </c:pt>
                <c:pt idx="16193">
                  <c:v>4090.49</c:v>
                </c:pt>
                <c:pt idx="16194">
                  <c:v>3911.67</c:v>
                </c:pt>
                <c:pt idx="16195">
                  <c:v>3770.06</c:v>
                </c:pt>
                <c:pt idx="16196">
                  <c:v>3628.78</c:v>
                </c:pt>
                <c:pt idx="16197">
                  <c:v>3576.13</c:v>
                </c:pt>
                <c:pt idx="16198">
                  <c:v>3454.94</c:v>
                </c:pt>
                <c:pt idx="16199">
                  <c:v>3498.06</c:v>
                </c:pt>
                <c:pt idx="16200">
                  <c:v>3360.73</c:v>
                </c:pt>
                <c:pt idx="16201">
                  <c:v>3417.62</c:v>
                </c:pt>
                <c:pt idx="16202">
                  <c:v>4920.03</c:v>
                </c:pt>
                <c:pt idx="16203">
                  <c:v>4456.42</c:v>
                </c:pt>
                <c:pt idx="16204">
                  <c:v>4090.49</c:v>
                </c:pt>
                <c:pt idx="16205">
                  <c:v>3911.67</c:v>
                </c:pt>
                <c:pt idx="16206">
                  <c:v>3770.06</c:v>
                </c:pt>
                <c:pt idx="16207">
                  <c:v>3628.78</c:v>
                </c:pt>
                <c:pt idx="16208">
                  <c:v>3576.13</c:v>
                </c:pt>
                <c:pt idx="16209">
                  <c:v>3454.94</c:v>
                </c:pt>
                <c:pt idx="16210">
                  <c:v>3498.06</c:v>
                </c:pt>
                <c:pt idx="16211">
                  <c:v>3360.73</c:v>
                </c:pt>
                <c:pt idx="16212">
                  <c:v>3417.62</c:v>
                </c:pt>
                <c:pt idx="16213">
                  <c:v>4920.03</c:v>
                </c:pt>
                <c:pt idx="16214">
                  <c:v>4456.42</c:v>
                </c:pt>
                <c:pt idx="16215">
                  <c:v>4090.49</c:v>
                </c:pt>
                <c:pt idx="16216">
                  <c:v>3911.67</c:v>
                </c:pt>
                <c:pt idx="16217">
                  <c:v>3770.06</c:v>
                </c:pt>
                <c:pt idx="16218">
                  <c:v>3628.78</c:v>
                </c:pt>
                <c:pt idx="16219">
                  <c:v>3576.13</c:v>
                </c:pt>
                <c:pt idx="16220">
                  <c:v>3454.94</c:v>
                </c:pt>
                <c:pt idx="16221">
                  <c:v>3498.06</c:v>
                </c:pt>
                <c:pt idx="16222">
                  <c:v>3360.73</c:v>
                </c:pt>
                <c:pt idx="16223">
                  <c:v>3417.62</c:v>
                </c:pt>
                <c:pt idx="16224">
                  <c:v>4920.03</c:v>
                </c:pt>
                <c:pt idx="16225">
                  <c:v>4456.42</c:v>
                </c:pt>
                <c:pt idx="16226">
                  <c:v>4090.49</c:v>
                </c:pt>
                <c:pt idx="16227">
                  <c:v>3911.67</c:v>
                </c:pt>
                <c:pt idx="16228">
                  <c:v>3770.06</c:v>
                </c:pt>
                <c:pt idx="16229">
                  <c:v>3628.78</c:v>
                </c:pt>
                <c:pt idx="16230">
                  <c:v>3576.13</c:v>
                </c:pt>
                <c:pt idx="16231">
                  <c:v>3454.94</c:v>
                </c:pt>
                <c:pt idx="16232">
                  <c:v>3498.06</c:v>
                </c:pt>
                <c:pt idx="16233">
                  <c:v>3360.73</c:v>
                </c:pt>
                <c:pt idx="16234">
                  <c:v>3417.62</c:v>
                </c:pt>
                <c:pt idx="16235">
                  <c:v>4920.03</c:v>
                </c:pt>
                <c:pt idx="16236">
                  <c:v>4456.42</c:v>
                </c:pt>
                <c:pt idx="16237">
                  <c:v>4090.49</c:v>
                </c:pt>
                <c:pt idx="16238">
                  <c:v>3763.97</c:v>
                </c:pt>
                <c:pt idx="16239">
                  <c:v>3621.99</c:v>
                </c:pt>
                <c:pt idx="16240">
                  <c:v>3369.2</c:v>
                </c:pt>
                <c:pt idx="16241">
                  <c:v>3250.65</c:v>
                </c:pt>
                <c:pt idx="16242">
                  <c:v>3243.49</c:v>
                </c:pt>
                <c:pt idx="16243">
                  <c:v>3181.86</c:v>
                </c:pt>
                <c:pt idx="16244">
                  <c:v>3060.25</c:v>
                </c:pt>
                <c:pt idx="16245">
                  <c:v>2974.12</c:v>
                </c:pt>
                <c:pt idx="16246">
                  <c:v>4920.03</c:v>
                </c:pt>
                <c:pt idx="16247">
                  <c:v>4456.42</c:v>
                </c:pt>
                <c:pt idx="16248">
                  <c:v>4090.49</c:v>
                </c:pt>
                <c:pt idx="16249">
                  <c:v>3911.67</c:v>
                </c:pt>
                <c:pt idx="16250">
                  <c:v>3770.06</c:v>
                </c:pt>
                <c:pt idx="16251">
                  <c:v>3628.78</c:v>
                </c:pt>
                <c:pt idx="16252">
                  <c:v>3576.13</c:v>
                </c:pt>
                <c:pt idx="16253">
                  <c:v>3454.94</c:v>
                </c:pt>
                <c:pt idx="16254">
                  <c:v>3498.06</c:v>
                </c:pt>
                <c:pt idx="16255">
                  <c:v>3360.73</c:v>
                </c:pt>
                <c:pt idx="16256">
                  <c:v>3417.62</c:v>
                </c:pt>
                <c:pt idx="16257">
                  <c:v>4920.03</c:v>
                </c:pt>
                <c:pt idx="16258">
                  <c:v>4456.42</c:v>
                </c:pt>
                <c:pt idx="16259">
                  <c:v>4090.49</c:v>
                </c:pt>
                <c:pt idx="16260">
                  <c:v>3911.67</c:v>
                </c:pt>
                <c:pt idx="16261">
                  <c:v>3770.06</c:v>
                </c:pt>
                <c:pt idx="16262">
                  <c:v>3628.78</c:v>
                </c:pt>
                <c:pt idx="16263">
                  <c:v>3576.13</c:v>
                </c:pt>
                <c:pt idx="16264">
                  <c:v>3454.94</c:v>
                </c:pt>
                <c:pt idx="16265">
                  <c:v>3498.06</c:v>
                </c:pt>
                <c:pt idx="16266">
                  <c:v>3360.73</c:v>
                </c:pt>
                <c:pt idx="16267">
                  <c:v>3417.62</c:v>
                </c:pt>
                <c:pt idx="16268">
                  <c:v>4920.03</c:v>
                </c:pt>
                <c:pt idx="16269">
                  <c:v>4456.42</c:v>
                </c:pt>
                <c:pt idx="16270">
                  <c:v>4090.49</c:v>
                </c:pt>
                <c:pt idx="16271">
                  <c:v>3911.67</c:v>
                </c:pt>
                <c:pt idx="16272">
                  <c:v>3770.06</c:v>
                </c:pt>
                <c:pt idx="16273">
                  <c:v>3628.78</c:v>
                </c:pt>
                <c:pt idx="16274">
                  <c:v>3576.13</c:v>
                </c:pt>
                <c:pt idx="16275">
                  <c:v>3454.94</c:v>
                </c:pt>
                <c:pt idx="16276">
                  <c:v>3498.06</c:v>
                </c:pt>
                <c:pt idx="16277">
                  <c:v>3360.73</c:v>
                </c:pt>
                <c:pt idx="16278">
                  <c:v>3417.62</c:v>
                </c:pt>
                <c:pt idx="16279">
                  <c:v>4920.03</c:v>
                </c:pt>
                <c:pt idx="16280">
                  <c:v>4456.42</c:v>
                </c:pt>
                <c:pt idx="16281">
                  <c:v>4090.49</c:v>
                </c:pt>
                <c:pt idx="16282">
                  <c:v>3911.67</c:v>
                </c:pt>
                <c:pt idx="16283">
                  <c:v>3770.06</c:v>
                </c:pt>
                <c:pt idx="16284">
                  <c:v>3628.78</c:v>
                </c:pt>
                <c:pt idx="16285">
                  <c:v>3576.13</c:v>
                </c:pt>
                <c:pt idx="16286">
                  <c:v>3454.94</c:v>
                </c:pt>
                <c:pt idx="16287">
                  <c:v>3498.06</c:v>
                </c:pt>
                <c:pt idx="16288">
                  <c:v>3360.73</c:v>
                </c:pt>
                <c:pt idx="16289">
                  <c:v>3417.62</c:v>
                </c:pt>
                <c:pt idx="16290">
                  <c:v>4920.03</c:v>
                </c:pt>
                <c:pt idx="16291">
                  <c:v>4456.42</c:v>
                </c:pt>
                <c:pt idx="16292">
                  <c:v>4090.49</c:v>
                </c:pt>
                <c:pt idx="16293">
                  <c:v>3911.67</c:v>
                </c:pt>
                <c:pt idx="16294">
                  <c:v>3770.06</c:v>
                </c:pt>
                <c:pt idx="16295">
                  <c:v>3628.78</c:v>
                </c:pt>
                <c:pt idx="16296">
                  <c:v>3576.13</c:v>
                </c:pt>
                <c:pt idx="16297">
                  <c:v>3454.94</c:v>
                </c:pt>
                <c:pt idx="16298">
                  <c:v>3498.06</c:v>
                </c:pt>
                <c:pt idx="16299">
                  <c:v>3360.73</c:v>
                </c:pt>
                <c:pt idx="16300">
                  <c:v>3417.62</c:v>
                </c:pt>
                <c:pt idx="16301">
                  <c:v>4920.03</c:v>
                </c:pt>
                <c:pt idx="16302">
                  <c:v>4456.42</c:v>
                </c:pt>
                <c:pt idx="16303">
                  <c:v>4090.49</c:v>
                </c:pt>
                <c:pt idx="16304">
                  <c:v>3911.67</c:v>
                </c:pt>
                <c:pt idx="16305">
                  <c:v>3770.06</c:v>
                </c:pt>
                <c:pt idx="16306">
                  <c:v>3628.78</c:v>
                </c:pt>
                <c:pt idx="16307">
                  <c:v>3576.13</c:v>
                </c:pt>
                <c:pt idx="16308">
                  <c:v>3454.94</c:v>
                </c:pt>
                <c:pt idx="16309">
                  <c:v>3498.06</c:v>
                </c:pt>
                <c:pt idx="16310">
                  <c:v>3360.73</c:v>
                </c:pt>
                <c:pt idx="16311">
                  <c:v>3417.62</c:v>
                </c:pt>
                <c:pt idx="16312">
                  <c:v>4920.03</c:v>
                </c:pt>
                <c:pt idx="16313">
                  <c:v>4456.42</c:v>
                </c:pt>
                <c:pt idx="16314">
                  <c:v>4090.49</c:v>
                </c:pt>
                <c:pt idx="16315">
                  <c:v>3911.67</c:v>
                </c:pt>
                <c:pt idx="16316">
                  <c:v>3770.06</c:v>
                </c:pt>
                <c:pt idx="16317">
                  <c:v>3628.78</c:v>
                </c:pt>
                <c:pt idx="16318">
                  <c:v>3576.13</c:v>
                </c:pt>
                <c:pt idx="16319">
                  <c:v>3454.94</c:v>
                </c:pt>
                <c:pt idx="16320">
                  <c:v>3498.06</c:v>
                </c:pt>
                <c:pt idx="16321">
                  <c:v>3360.73</c:v>
                </c:pt>
                <c:pt idx="16322">
                  <c:v>3417.62</c:v>
                </c:pt>
                <c:pt idx="16323">
                  <c:v>4920.03</c:v>
                </c:pt>
                <c:pt idx="16324">
                  <c:v>4456.42</c:v>
                </c:pt>
                <c:pt idx="16325">
                  <c:v>4090.49</c:v>
                </c:pt>
                <c:pt idx="16326">
                  <c:v>3911.67</c:v>
                </c:pt>
                <c:pt idx="16327">
                  <c:v>3770.06</c:v>
                </c:pt>
                <c:pt idx="16328">
                  <c:v>3628.78</c:v>
                </c:pt>
                <c:pt idx="16329">
                  <c:v>3576.13</c:v>
                </c:pt>
                <c:pt idx="16330">
                  <c:v>3454.94</c:v>
                </c:pt>
                <c:pt idx="16331">
                  <c:v>3498.06</c:v>
                </c:pt>
                <c:pt idx="16332">
                  <c:v>3360.73</c:v>
                </c:pt>
                <c:pt idx="16333">
                  <c:v>3417.62</c:v>
                </c:pt>
                <c:pt idx="16334">
                  <c:v>4920.03</c:v>
                </c:pt>
                <c:pt idx="16335">
                  <c:v>4456.42</c:v>
                </c:pt>
                <c:pt idx="16336">
                  <c:v>4090.49</c:v>
                </c:pt>
                <c:pt idx="16337">
                  <c:v>3911.67</c:v>
                </c:pt>
                <c:pt idx="16338">
                  <c:v>3770.06</c:v>
                </c:pt>
                <c:pt idx="16339">
                  <c:v>3628.78</c:v>
                </c:pt>
                <c:pt idx="16340">
                  <c:v>3576.13</c:v>
                </c:pt>
                <c:pt idx="16341">
                  <c:v>3454.94</c:v>
                </c:pt>
                <c:pt idx="16342">
                  <c:v>3498.06</c:v>
                </c:pt>
                <c:pt idx="16343">
                  <c:v>3360.73</c:v>
                </c:pt>
                <c:pt idx="16344">
                  <c:v>3417.62</c:v>
                </c:pt>
                <c:pt idx="16345">
                  <c:v>4920.03</c:v>
                </c:pt>
                <c:pt idx="16346">
                  <c:v>4456.42</c:v>
                </c:pt>
                <c:pt idx="16347">
                  <c:v>4090.49</c:v>
                </c:pt>
                <c:pt idx="16348">
                  <c:v>3911.67</c:v>
                </c:pt>
                <c:pt idx="16349">
                  <c:v>3770.06</c:v>
                </c:pt>
                <c:pt idx="16350">
                  <c:v>3628.78</c:v>
                </c:pt>
                <c:pt idx="16351">
                  <c:v>3576.13</c:v>
                </c:pt>
                <c:pt idx="16352">
                  <c:v>3454.94</c:v>
                </c:pt>
                <c:pt idx="16353">
                  <c:v>3498.06</c:v>
                </c:pt>
                <c:pt idx="16354">
                  <c:v>3360.73</c:v>
                </c:pt>
                <c:pt idx="16355">
                  <c:v>3417.62</c:v>
                </c:pt>
                <c:pt idx="16356">
                  <c:v>4920.03</c:v>
                </c:pt>
                <c:pt idx="16357">
                  <c:v>4456.42</c:v>
                </c:pt>
                <c:pt idx="16358">
                  <c:v>4090.49</c:v>
                </c:pt>
                <c:pt idx="16359">
                  <c:v>3911.67</c:v>
                </c:pt>
                <c:pt idx="16360">
                  <c:v>3770.06</c:v>
                </c:pt>
                <c:pt idx="16361">
                  <c:v>3628.78</c:v>
                </c:pt>
                <c:pt idx="16362">
                  <c:v>3576.13</c:v>
                </c:pt>
                <c:pt idx="16363">
                  <c:v>3454.94</c:v>
                </c:pt>
                <c:pt idx="16364">
                  <c:v>3498.06</c:v>
                </c:pt>
                <c:pt idx="16365">
                  <c:v>3360.73</c:v>
                </c:pt>
                <c:pt idx="16366">
                  <c:v>3417.62</c:v>
                </c:pt>
                <c:pt idx="16367">
                  <c:v>4920.03</c:v>
                </c:pt>
                <c:pt idx="16368">
                  <c:v>4456.42</c:v>
                </c:pt>
                <c:pt idx="16369">
                  <c:v>4090.49</c:v>
                </c:pt>
                <c:pt idx="16370">
                  <c:v>3763.97</c:v>
                </c:pt>
                <c:pt idx="16371">
                  <c:v>3621.99</c:v>
                </c:pt>
                <c:pt idx="16372">
                  <c:v>3369.2</c:v>
                </c:pt>
                <c:pt idx="16373">
                  <c:v>3250.65</c:v>
                </c:pt>
                <c:pt idx="16374">
                  <c:v>3243.49</c:v>
                </c:pt>
                <c:pt idx="16375">
                  <c:v>3181.86</c:v>
                </c:pt>
                <c:pt idx="16376">
                  <c:v>3060.25</c:v>
                </c:pt>
                <c:pt idx="16377">
                  <c:v>2974.12</c:v>
                </c:pt>
                <c:pt idx="16378">
                  <c:v>4920.03</c:v>
                </c:pt>
                <c:pt idx="16379">
                  <c:v>4456.42</c:v>
                </c:pt>
                <c:pt idx="16380">
                  <c:v>4090.49</c:v>
                </c:pt>
                <c:pt idx="16381">
                  <c:v>3911.67</c:v>
                </c:pt>
                <c:pt idx="16382">
                  <c:v>3770.06</c:v>
                </c:pt>
                <c:pt idx="16383">
                  <c:v>3628.78</c:v>
                </c:pt>
                <c:pt idx="16384">
                  <c:v>3576.13</c:v>
                </c:pt>
                <c:pt idx="16385">
                  <c:v>3454.94</c:v>
                </c:pt>
                <c:pt idx="16386">
                  <c:v>3498.06</c:v>
                </c:pt>
                <c:pt idx="16387">
                  <c:v>3360.73</c:v>
                </c:pt>
                <c:pt idx="16388">
                  <c:v>3417.62</c:v>
                </c:pt>
                <c:pt idx="16389">
                  <c:v>4920.03</c:v>
                </c:pt>
                <c:pt idx="16390">
                  <c:v>4456.42</c:v>
                </c:pt>
                <c:pt idx="16391">
                  <c:v>4090.49</c:v>
                </c:pt>
                <c:pt idx="16392">
                  <c:v>3911.67</c:v>
                </c:pt>
                <c:pt idx="16393">
                  <c:v>3770.06</c:v>
                </c:pt>
                <c:pt idx="16394">
                  <c:v>3628.78</c:v>
                </c:pt>
                <c:pt idx="16395">
                  <c:v>3576.13</c:v>
                </c:pt>
                <c:pt idx="16396">
                  <c:v>3454.94</c:v>
                </c:pt>
                <c:pt idx="16397">
                  <c:v>3498.06</c:v>
                </c:pt>
                <c:pt idx="16398">
                  <c:v>3360.73</c:v>
                </c:pt>
                <c:pt idx="16399">
                  <c:v>3417.62</c:v>
                </c:pt>
                <c:pt idx="16400">
                  <c:v>4920.03</c:v>
                </c:pt>
                <c:pt idx="16401">
                  <c:v>4456.42</c:v>
                </c:pt>
                <c:pt idx="16402">
                  <c:v>4090.49</c:v>
                </c:pt>
                <c:pt idx="16403">
                  <c:v>3911.67</c:v>
                </c:pt>
                <c:pt idx="16404">
                  <c:v>3770.06</c:v>
                </c:pt>
                <c:pt idx="16405">
                  <c:v>3628.78</c:v>
                </c:pt>
                <c:pt idx="16406">
                  <c:v>3576.13</c:v>
                </c:pt>
                <c:pt idx="16407">
                  <c:v>3454.94</c:v>
                </c:pt>
                <c:pt idx="16408">
                  <c:v>3498.06</c:v>
                </c:pt>
                <c:pt idx="16409">
                  <c:v>3360.73</c:v>
                </c:pt>
                <c:pt idx="16410">
                  <c:v>3417.62</c:v>
                </c:pt>
                <c:pt idx="16411">
                  <c:v>4920.03</c:v>
                </c:pt>
                <c:pt idx="16412">
                  <c:v>4456.42</c:v>
                </c:pt>
                <c:pt idx="16413">
                  <c:v>4090.49</c:v>
                </c:pt>
                <c:pt idx="16414">
                  <c:v>3911.67</c:v>
                </c:pt>
                <c:pt idx="16415">
                  <c:v>3770.06</c:v>
                </c:pt>
                <c:pt idx="16416">
                  <c:v>3628.78</c:v>
                </c:pt>
                <c:pt idx="16417">
                  <c:v>3576.13</c:v>
                </c:pt>
                <c:pt idx="16418">
                  <c:v>3454.94</c:v>
                </c:pt>
                <c:pt idx="16419">
                  <c:v>3498.06</c:v>
                </c:pt>
                <c:pt idx="16420">
                  <c:v>3360.73</c:v>
                </c:pt>
                <c:pt idx="16421">
                  <c:v>3417.62</c:v>
                </c:pt>
                <c:pt idx="16422">
                  <c:v>4920.03</c:v>
                </c:pt>
                <c:pt idx="16423">
                  <c:v>4456.42</c:v>
                </c:pt>
                <c:pt idx="16424">
                  <c:v>4090.49</c:v>
                </c:pt>
                <c:pt idx="16425">
                  <c:v>3911.67</c:v>
                </c:pt>
                <c:pt idx="16426">
                  <c:v>3770.06</c:v>
                </c:pt>
                <c:pt idx="16427">
                  <c:v>3628.78</c:v>
                </c:pt>
                <c:pt idx="16428">
                  <c:v>3576.13</c:v>
                </c:pt>
                <c:pt idx="16429">
                  <c:v>3454.94</c:v>
                </c:pt>
                <c:pt idx="16430">
                  <c:v>3498.06</c:v>
                </c:pt>
                <c:pt idx="16431">
                  <c:v>3360.73</c:v>
                </c:pt>
                <c:pt idx="16432">
                  <c:v>3417.62</c:v>
                </c:pt>
                <c:pt idx="16433">
                  <c:v>4920.03</c:v>
                </c:pt>
                <c:pt idx="16434">
                  <c:v>4456.42</c:v>
                </c:pt>
                <c:pt idx="16435">
                  <c:v>4090.49</c:v>
                </c:pt>
                <c:pt idx="16436">
                  <c:v>3911.67</c:v>
                </c:pt>
                <c:pt idx="16437">
                  <c:v>3770.06</c:v>
                </c:pt>
                <c:pt idx="16438">
                  <c:v>3628.78</c:v>
                </c:pt>
                <c:pt idx="16439">
                  <c:v>3576.13</c:v>
                </c:pt>
                <c:pt idx="16440">
                  <c:v>3454.94</c:v>
                </c:pt>
                <c:pt idx="16441">
                  <c:v>3498.06</c:v>
                </c:pt>
                <c:pt idx="16442">
                  <c:v>3360.73</c:v>
                </c:pt>
                <c:pt idx="16443">
                  <c:v>3417.62</c:v>
                </c:pt>
                <c:pt idx="16444">
                  <c:v>4920.03</c:v>
                </c:pt>
                <c:pt idx="16445">
                  <c:v>4456.42</c:v>
                </c:pt>
                <c:pt idx="16446">
                  <c:v>4090.49</c:v>
                </c:pt>
                <c:pt idx="16447">
                  <c:v>3911.67</c:v>
                </c:pt>
                <c:pt idx="16448">
                  <c:v>3770.06</c:v>
                </c:pt>
                <c:pt idx="16449">
                  <c:v>3628.78</c:v>
                </c:pt>
                <c:pt idx="16450">
                  <c:v>3576.13</c:v>
                </c:pt>
                <c:pt idx="16451">
                  <c:v>3454.94</c:v>
                </c:pt>
                <c:pt idx="16452">
                  <c:v>3498.06</c:v>
                </c:pt>
                <c:pt idx="16453">
                  <c:v>3360.73</c:v>
                </c:pt>
                <c:pt idx="16454">
                  <c:v>3417.62</c:v>
                </c:pt>
                <c:pt idx="16455">
                  <c:v>4920.03</c:v>
                </c:pt>
                <c:pt idx="16456">
                  <c:v>4456.42</c:v>
                </c:pt>
                <c:pt idx="16457">
                  <c:v>4090.49</c:v>
                </c:pt>
                <c:pt idx="16458">
                  <c:v>3911.67</c:v>
                </c:pt>
                <c:pt idx="16459">
                  <c:v>3770.06</c:v>
                </c:pt>
                <c:pt idx="16460">
                  <c:v>3628.78</c:v>
                </c:pt>
                <c:pt idx="16461">
                  <c:v>3576.13</c:v>
                </c:pt>
                <c:pt idx="16462">
                  <c:v>3454.94</c:v>
                </c:pt>
                <c:pt idx="16463">
                  <c:v>3498.06</c:v>
                </c:pt>
                <c:pt idx="16464">
                  <c:v>3360.73</c:v>
                </c:pt>
                <c:pt idx="16465">
                  <c:v>3417.62</c:v>
                </c:pt>
                <c:pt idx="16466">
                  <c:v>4920.03</c:v>
                </c:pt>
                <c:pt idx="16467">
                  <c:v>4456.42</c:v>
                </c:pt>
                <c:pt idx="16468">
                  <c:v>4090.49</c:v>
                </c:pt>
                <c:pt idx="16469">
                  <c:v>3911.67</c:v>
                </c:pt>
                <c:pt idx="16470">
                  <c:v>3770.06</c:v>
                </c:pt>
                <c:pt idx="16471">
                  <c:v>3628.78</c:v>
                </c:pt>
                <c:pt idx="16472">
                  <c:v>3576.13</c:v>
                </c:pt>
                <c:pt idx="16473">
                  <c:v>3454.94</c:v>
                </c:pt>
                <c:pt idx="16474">
                  <c:v>3498.06</c:v>
                </c:pt>
                <c:pt idx="16475">
                  <c:v>3360.73</c:v>
                </c:pt>
                <c:pt idx="16476">
                  <c:v>3417.62</c:v>
                </c:pt>
                <c:pt idx="16477">
                  <c:v>4920.03</c:v>
                </c:pt>
                <c:pt idx="16478">
                  <c:v>4456.42</c:v>
                </c:pt>
                <c:pt idx="16479">
                  <c:v>4090.49</c:v>
                </c:pt>
                <c:pt idx="16480">
                  <c:v>3911.67</c:v>
                </c:pt>
                <c:pt idx="16481">
                  <c:v>3770.06</c:v>
                </c:pt>
                <c:pt idx="16482">
                  <c:v>3628.78</c:v>
                </c:pt>
                <c:pt idx="16483">
                  <c:v>3576.13</c:v>
                </c:pt>
                <c:pt idx="16484">
                  <c:v>3454.94</c:v>
                </c:pt>
                <c:pt idx="16485">
                  <c:v>3498.06</c:v>
                </c:pt>
                <c:pt idx="16486">
                  <c:v>3360.73</c:v>
                </c:pt>
                <c:pt idx="16487">
                  <c:v>3417.62</c:v>
                </c:pt>
                <c:pt idx="16488">
                  <c:v>4920.03</c:v>
                </c:pt>
                <c:pt idx="16489">
                  <c:v>4456.42</c:v>
                </c:pt>
                <c:pt idx="16490">
                  <c:v>4090.49</c:v>
                </c:pt>
                <c:pt idx="16491">
                  <c:v>3911.67</c:v>
                </c:pt>
                <c:pt idx="16492">
                  <c:v>3770.06</c:v>
                </c:pt>
                <c:pt idx="16493">
                  <c:v>3628.78</c:v>
                </c:pt>
                <c:pt idx="16494">
                  <c:v>3576.13</c:v>
                </c:pt>
                <c:pt idx="16495">
                  <c:v>3454.94</c:v>
                </c:pt>
                <c:pt idx="16496">
                  <c:v>3498.06</c:v>
                </c:pt>
                <c:pt idx="16497">
                  <c:v>3360.73</c:v>
                </c:pt>
                <c:pt idx="16498">
                  <c:v>3417.62</c:v>
                </c:pt>
                <c:pt idx="16499">
                  <c:v>4920.03</c:v>
                </c:pt>
                <c:pt idx="16500">
                  <c:v>4456.42</c:v>
                </c:pt>
                <c:pt idx="16501">
                  <c:v>4090.49</c:v>
                </c:pt>
                <c:pt idx="16502">
                  <c:v>3763.97</c:v>
                </c:pt>
                <c:pt idx="16503">
                  <c:v>3621.99</c:v>
                </c:pt>
                <c:pt idx="16504">
                  <c:v>3369.2</c:v>
                </c:pt>
                <c:pt idx="16505">
                  <c:v>3250.65</c:v>
                </c:pt>
                <c:pt idx="16506">
                  <c:v>3243.49</c:v>
                </c:pt>
                <c:pt idx="16507">
                  <c:v>3181.86</c:v>
                </c:pt>
                <c:pt idx="16508">
                  <c:v>3060.25</c:v>
                </c:pt>
                <c:pt idx="16509">
                  <c:v>2974.12</c:v>
                </c:pt>
                <c:pt idx="16510">
                  <c:v>4920.03</c:v>
                </c:pt>
                <c:pt idx="16511">
                  <c:v>4456.42</c:v>
                </c:pt>
                <c:pt idx="16512">
                  <c:v>4090.49</c:v>
                </c:pt>
                <c:pt idx="16513">
                  <c:v>3911.67</c:v>
                </c:pt>
                <c:pt idx="16514">
                  <c:v>3770.06</c:v>
                </c:pt>
                <c:pt idx="16515">
                  <c:v>3628.78</c:v>
                </c:pt>
                <c:pt idx="16516">
                  <c:v>3576.13</c:v>
                </c:pt>
                <c:pt idx="16517">
                  <c:v>3454.94</c:v>
                </c:pt>
                <c:pt idx="16518">
                  <c:v>3498.06</c:v>
                </c:pt>
                <c:pt idx="16519">
                  <c:v>3360.73</c:v>
                </c:pt>
                <c:pt idx="16520">
                  <c:v>3417.62</c:v>
                </c:pt>
                <c:pt idx="16521">
                  <c:v>4920.03</c:v>
                </c:pt>
                <c:pt idx="16522">
                  <c:v>4456.42</c:v>
                </c:pt>
                <c:pt idx="16523">
                  <c:v>4090.49</c:v>
                </c:pt>
                <c:pt idx="16524">
                  <c:v>3911.67</c:v>
                </c:pt>
                <c:pt idx="16525">
                  <c:v>3770.06</c:v>
                </c:pt>
                <c:pt idx="16526">
                  <c:v>3628.78</c:v>
                </c:pt>
                <c:pt idx="16527">
                  <c:v>3576.13</c:v>
                </c:pt>
                <c:pt idx="16528">
                  <c:v>3454.94</c:v>
                </c:pt>
                <c:pt idx="16529">
                  <c:v>3498.06</c:v>
                </c:pt>
                <c:pt idx="16530">
                  <c:v>3360.73</c:v>
                </c:pt>
                <c:pt idx="16531">
                  <c:v>3417.62</c:v>
                </c:pt>
                <c:pt idx="16532">
                  <c:v>4920.03</c:v>
                </c:pt>
                <c:pt idx="16533">
                  <c:v>4456.42</c:v>
                </c:pt>
                <c:pt idx="16534">
                  <c:v>4090.49</c:v>
                </c:pt>
                <c:pt idx="16535">
                  <c:v>3911.67</c:v>
                </c:pt>
                <c:pt idx="16536">
                  <c:v>3770.06</c:v>
                </c:pt>
                <c:pt idx="16537">
                  <c:v>3628.78</c:v>
                </c:pt>
                <c:pt idx="16538">
                  <c:v>3576.13</c:v>
                </c:pt>
                <c:pt idx="16539">
                  <c:v>3454.94</c:v>
                </c:pt>
                <c:pt idx="16540">
                  <c:v>3498.06</c:v>
                </c:pt>
                <c:pt idx="16541">
                  <c:v>3360.73</c:v>
                </c:pt>
                <c:pt idx="16542">
                  <c:v>3417.62</c:v>
                </c:pt>
                <c:pt idx="16543">
                  <c:v>4920.03</c:v>
                </c:pt>
                <c:pt idx="16544">
                  <c:v>4456.42</c:v>
                </c:pt>
                <c:pt idx="16545">
                  <c:v>4090.49</c:v>
                </c:pt>
                <c:pt idx="16546">
                  <c:v>3911.67</c:v>
                </c:pt>
                <c:pt idx="16547">
                  <c:v>3770.06</c:v>
                </c:pt>
                <c:pt idx="16548">
                  <c:v>3628.78</c:v>
                </c:pt>
                <c:pt idx="16549">
                  <c:v>3576.13</c:v>
                </c:pt>
                <c:pt idx="16550">
                  <c:v>3454.94</c:v>
                </c:pt>
                <c:pt idx="16551">
                  <c:v>3498.06</c:v>
                </c:pt>
                <c:pt idx="16552">
                  <c:v>3360.73</c:v>
                </c:pt>
                <c:pt idx="16553">
                  <c:v>3417.62</c:v>
                </c:pt>
                <c:pt idx="16554">
                  <c:v>4920.03</c:v>
                </c:pt>
                <c:pt idx="16555">
                  <c:v>4456.42</c:v>
                </c:pt>
                <c:pt idx="16556">
                  <c:v>4090.49</c:v>
                </c:pt>
                <c:pt idx="16557">
                  <c:v>3911.67</c:v>
                </c:pt>
                <c:pt idx="16558">
                  <c:v>3770.06</c:v>
                </c:pt>
                <c:pt idx="16559">
                  <c:v>3628.78</c:v>
                </c:pt>
                <c:pt idx="16560">
                  <c:v>3576.13</c:v>
                </c:pt>
                <c:pt idx="16561">
                  <c:v>3454.94</c:v>
                </c:pt>
                <c:pt idx="16562">
                  <c:v>3498.06</c:v>
                </c:pt>
                <c:pt idx="16563">
                  <c:v>3360.73</c:v>
                </c:pt>
                <c:pt idx="16564">
                  <c:v>3417.62</c:v>
                </c:pt>
                <c:pt idx="16565">
                  <c:v>4920.03</c:v>
                </c:pt>
                <c:pt idx="16566">
                  <c:v>4456.42</c:v>
                </c:pt>
                <c:pt idx="16567">
                  <c:v>4090.49</c:v>
                </c:pt>
                <c:pt idx="16568">
                  <c:v>3911.67</c:v>
                </c:pt>
                <c:pt idx="16569">
                  <c:v>3770.06</c:v>
                </c:pt>
                <c:pt idx="16570">
                  <c:v>3628.78</c:v>
                </c:pt>
                <c:pt idx="16571">
                  <c:v>3576.13</c:v>
                </c:pt>
                <c:pt idx="16572">
                  <c:v>3454.94</c:v>
                </c:pt>
                <c:pt idx="16573">
                  <c:v>3498.06</c:v>
                </c:pt>
                <c:pt idx="16574">
                  <c:v>3360.73</c:v>
                </c:pt>
                <c:pt idx="16575">
                  <c:v>3417.62</c:v>
                </c:pt>
                <c:pt idx="16576">
                  <c:v>4920.03</c:v>
                </c:pt>
                <c:pt idx="16577">
                  <c:v>4456.42</c:v>
                </c:pt>
                <c:pt idx="16578">
                  <c:v>4090.49</c:v>
                </c:pt>
                <c:pt idx="16579">
                  <c:v>3911.67</c:v>
                </c:pt>
                <c:pt idx="16580">
                  <c:v>3770.06</c:v>
                </c:pt>
                <c:pt idx="16581">
                  <c:v>3628.78</c:v>
                </c:pt>
                <c:pt idx="16582">
                  <c:v>3576.13</c:v>
                </c:pt>
                <c:pt idx="16583">
                  <c:v>3454.94</c:v>
                </c:pt>
                <c:pt idx="16584">
                  <c:v>3498.06</c:v>
                </c:pt>
                <c:pt idx="16585">
                  <c:v>3360.73</c:v>
                </c:pt>
                <c:pt idx="16586">
                  <c:v>3417.62</c:v>
                </c:pt>
                <c:pt idx="16587">
                  <c:v>4920.03</c:v>
                </c:pt>
                <c:pt idx="16588">
                  <c:v>4456.42</c:v>
                </c:pt>
                <c:pt idx="16589">
                  <c:v>4090.49</c:v>
                </c:pt>
                <c:pt idx="16590">
                  <c:v>3911.67</c:v>
                </c:pt>
                <c:pt idx="16591">
                  <c:v>3770.06</c:v>
                </c:pt>
                <c:pt idx="16592">
                  <c:v>3628.78</c:v>
                </c:pt>
                <c:pt idx="16593">
                  <c:v>3576.13</c:v>
                </c:pt>
                <c:pt idx="16594">
                  <c:v>3454.94</c:v>
                </c:pt>
                <c:pt idx="16595">
                  <c:v>3498.06</c:v>
                </c:pt>
                <c:pt idx="16596">
                  <c:v>3360.73</c:v>
                </c:pt>
                <c:pt idx="16597">
                  <c:v>3417.62</c:v>
                </c:pt>
                <c:pt idx="16598">
                  <c:v>4920.03</c:v>
                </c:pt>
                <c:pt idx="16599">
                  <c:v>4456.42</c:v>
                </c:pt>
                <c:pt idx="16600">
                  <c:v>4090.49</c:v>
                </c:pt>
                <c:pt idx="16601">
                  <c:v>3911.67</c:v>
                </c:pt>
                <c:pt idx="16602">
                  <c:v>3770.06</c:v>
                </c:pt>
                <c:pt idx="16603">
                  <c:v>3628.78</c:v>
                </c:pt>
                <c:pt idx="16604">
                  <c:v>3576.13</c:v>
                </c:pt>
                <c:pt idx="16605">
                  <c:v>3454.94</c:v>
                </c:pt>
                <c:pt idx="16606">
                  <c:v>3498.06</c:v>
                </c:pt>
                <c:pt idx="16607">
                  <c:v>3360.73</c:v>
                </c:pt>
                <c:pt idx="16608">
                  <c:v>3417.62</c:v>
                </c:pt>
                <c:pt idx="16609">
                  <c:v>4920.03</c:v>
                </c:pt>
                <c:pt idx="16610">
                  <c:v>4456.42</c:v>
                </c:pt>
                <c:pt idx="16611">
                  <c:v>4090.49</c:v>
                </c:pt>
                <c:pt idx="16612">
                  <c:v>3911.67</c:v>
                </c:pt>
                <c:pt idx="16613">
                  <c:v>3770.06</c:v>
                </c:pt>
                <c:pt idx="16614">
                  <c:v>3628.78</c:v>
                </c:pt>
                <c:pt idx="16615">
                  <c:v>3576.13</c:v>
                </c:pt>
                <c:pt idx="16616">
                  <c:v>3454.94</c:v>
                </c:pt>
                <c:pt idx="16617">
                  <c:v>3498.06</c:v>
                </c:pt>
                <c:pt idx="16618">
                  <c:v>3360.73</c:v>
                </c:pt>
                <c:pt idx="16619">
                  <c:v>3417.62</c:v>
                </c:pt>
                <c:pt idx="16620">
                  <c:v>4920.03</c:v>
                </c:pt>
                <c:pt idx="16621">
                  <c:v>4456.42</c:v>
                </c:pt>
                <c:pt idx="16622">
                  <c:v>4090.49</c:v>
                </c:pt>
                <c:pt idx="16623">
                  <c:v>3911.67</c:v>
                </c:pt>
                <c:pt idx="16624">
                  <c:v>3770.06</c:v>
                </c:pt>
                <c:pt idx="16625">
                  <c:v>3628.78</c:v>
                </c:pt>
                <c:pt idx="16626">
                  <c:v>3576.13</c:v>
                </c:pt>
                <c:pt idx="16627">
                  <c:v>3454.94</c:v>
                </c:pt>
                <c:pt idx="16628">
                  <c:v>3498.06</c:v>
                </c:pt>
                <c:pt idx="16629">
                  <c:v>3360.73</c:v>
                </c:pt>
                <c:pt idx="16630">
                  <c:v>3417.62</c:v>
                </c:pt>
                <c:pt idx="16631">
                  <c:v>4920.03</c:v>
                </c:pt>
                <c:pt idx="16632">
                  <c:v>4456.42</c:v>
                </c:pt>
                <c:pt idx="16633">
                  <c:v>4090.49</c:v>
                </c:pt>
                <c:pt idx="16634">
                  <c:v>3763.97</c:v>
                </c:pt>
                <c:pt idx="16635">
                  <c:v>3621.99</c:v>
                </c:pt>
                <c:pt idx="16636">
                  <c:v>3369.2</c:v>
                </c:pt>
                <c:pt idx="16637">
                  <c:v>3250.65</c:v>
                </c:pt>
                <c:pt idx="16638">
                  <c:v>3243.49</c:v>
                </c:pt>
                <c:pt idx="16639">
                  <c:v>3181.86</c:v>
                </c:pt>
                <c:pt idx="16640">
                  <c:v>3060.25</c:v>
                </c:pt>
                <c:pt idx="16641">
                  <c:v>2974.12</c:v>
                </c:pt>
                <c:pt idx="16642">
                  <c:v>4920.03</c:v>
                </c:pt>
                <c:pt idx="16643">
                  <c:v>4456.42</c:v>
                </c:pt>
                <c:pt idx="16644">
                  <c:v>4090.49</c:v>
                </c:pt>
                <c:pt idx="16645">
                  <c:v>3911.67</c:v>
                </c:pt>
                <c:pt idx="16646">
                  <c:v>3770.06</c:v>
                </c:pt>
                <c:pt idx="16647">
                  <c:v>3628.78</c:v>
                </c:pt>
                <c:pt idx="16648">
                  <c:v>3576.13</c:v>
                </c:pt>
                <c:pt idx="16649">
                  <c:v>3454.94</c:v>
                </c:pt>
                <c:pt idx="16650">
                  <c:v>3498.06</c:v>
                </c:pt>
                <c:pt idx="16651">
                  <c:v>3360.73</c:v>
                </c:pt>
                <c:pt idx="16652">
                  <c:v>3417.62</c:v>
                </c:pt>
                <c:pt idx="16653">
                  <c:v>4920.03</c:v>
                </c:pt>
                <c:pt idx="16654">
                  <c:v>4456.42</c:v>
                </c:pt>
                <c:pt idx="16655">
                  <c:v>4090.49</c:v>
                </c:pt>
                <c:pt idx="16656">
                  <c:v>3911.67</c:v>
                </c:pt>
                <c:pt idx="16657">
                  <c:v>3770.06</c:v>
                </c:pt>
                <c:pt idx="16658">
                  <c:v>3628.78</c:v>
                </c:pt>
                <c:pt idx="16659">
                  <c:v>3576.13</c:v>
                </c:pt>
                <c:pt idx="16660">
                  <c:v>3454.94</c:v>
                </c:pt>
                <c:pt idx="16661">
                  <c:v>3498.06</c:v>
                </c:pt>
                <c:pt idx="16662">
                  <c:v>3360.73</c:v>
                </c:pt>
                <c:pt idx="16663">
                  <c:v>3417.62</c:v>
                </c:pt>
                <c:pt idx="16664">
                  <c:v>4920.03</c:v>
                </c:pt>
                <c:pt idx="16665">
                  <c:v>4456.42</c:v>
                </c:pt>
                <c:pt idx="16666">
                  <c:v>4090.49</c:v>
                </c:pt>
                <c:pt idx="16667">
                  <c:v>3911.67</c:v>
                </c:pt>
                <c:pt idx="16668">
                  <c:v>3770.06</c:v>
                </c:pt>
                <c:pt idx="16669">
                  <c:v>3628.78</c:v>
                </c:pt>
                <c:pt idx="16670">
                  <c:v>3576.13</c:v>
                </c:pt>
                <c:pt idx="16671">
                  <c:v>3454.94</c:v>
                </c:pt>
                <c:pt idx="16672">
                  <c:v>3498.06</c:v>
                </c:pt>
                <c:pt idx="16673">
                  <c:v>3360.73</c:v>
                </c:pt>
                <c:pt idx="16674">
                  <c:v>3417.62</c:v>
                </c:pt>
                <c:pt idx="16675">
                  <c:v>4920.03</c:v>
                </c:pt>
                <c:pt idx="16676">
                  <c:v>4456.42</c:v>
                </c:pt>
                <c:pt idx="16677">
                  <c:v>4090.49</c:v>
                </c:pt>
                <c:pt idx="16678">
                  <c:v>3911.67</c:v>
                </c:pt>
                <c:pt idx="16679">
                  <c:v>3770.06</c:v>
                </c:pt>
                <c:pt idx="16680">
                  <c:v>3628.78</c:v>
                </c:pt>
                <c:pt idx="16681">
                  <c:v>3576.13</c:v>
                </c:pt>
                <c:pt idx="16682">
                  <c:v>3454.94</c:v>
                </c:pt>
                <c:pt idx="16683">
                  <c:v>3498.06</c:v>
                </c:pt>
                <c:pt idx="16684">
                  <c:v>3360.73</c:v>
                </c:pt>
                <c:pt idx="16685">
                  <c:v>3417.62</c:v>
                </c:pt>
                <c:pt idx="16686">
                  <c:v>4920.03</c:v>
                </c:pt>
                <c:pt idx="16687">
                  <c:v>4456.42</c:v>
                </c:pt>
                <c:pt idx="16688">
                  <c:v>4090.49</c:v>
                </c:pt>
                <c:pt idx="16689">
                  <c:v>3911.67</c:v>
                </c:pt>
                <c:pt idx="16690">
                  <c:v>3770.06</c:v>
                </c:pt>
                <c:pt idx="16691">
                  <c:v>3628.78</c:v>
                </c:pt>
                <c:pt idx="16692">
                  <c:v>3576.13</c:v>
                </c:pt>
                <c:pt idx="16693">
                  <c:v>3454.94</c:v>
                </c:pt>
                <c:pt idx="16694">
                  <c:v>3498.06</c:v>
                </c:pt>
                <c:pt idx="16695">
                  <c:v>3360.73</c:v>
                </c:pt>
                <c:pt idx="16696">
                  <c:v>3417.62</c:v>
                </c:pt>
                <c:pt idx="16697">
                  <c:v>4920.03</c:v>
                </c:pt>
                <c:pt idx="16698">
                  <c:v>4456.42</c:v>
                </c:pt>
                <c:pt idx="16699">
                  <c:v>4090.49</c:v>
                </c:pt>
                <c:pt idx="16700">
                  <c:v>3911.67</c:v>
                </c:pt>
                <c:pt idx="16701">
                  <c:v>3770.06</c:v>
                </c:pt>
                <c:pt idx="16702">
                  <c:v>3628.78</c:v>
                </c:pt>
                <c:pt idx="16703">
                  <c:v>3576.13</c:v>
                </c:pt>
                <c:pt idx="16704">
                  <c:v>3454.94</c:v>
                </c:pt>
                <c:pt idx="16705">
                  <c:v>3498.06</c:v>
                </c:pt>
                <c:pt idx="16706">
                  <c:v>3360.73</c:v>
                </c:pt>
                <c:pt idx="16707">
                  <c:v>3417.62</c:v>
                </c:pt>
                <c:pt idx="16708">
                  <c:v>4920.03</c:v>
                </c:pt>
                <c:pt idx="16709">
                  <c:v>4456.42</c:v>
                </c:pt>
                <c:pt idx="16710">
                  <c:v>4090.49</c:v>
                </c:pt>
                <c:pt idx="16711">
                  <c:v>3911.67</c:v>
                </c:pt>
                <c:pt idx="16712">
                  <c:v>3770.06</c:v>
                </c:pt>
                <c:pt idx="16713">
                  <c:v>3628.78</c:v>
                </c:pt>
                <c:pt idx="16714">
                  <c:v>3576.13</c:v>
                </c:pt>
                <c:pt idx="16715">
                  <c:v>3454.94</c:v>
                </c:pt>
                <c:pt idx="16716">
                  <c:v>3498.06</c:v>
                </c:pt>
                <c:pt idx="16717">
                  <c:v>3360.73</c:v>
                </c:pt>
                <c:pt idx="16718">
                  <c:v>3417.62</c:v>
                </c:pt>
                <c:pt idx="16719">
                  <c:v>4920.03</c:v>
                </c:pt>
                <c:pt idx="16720">
                  <c:v>4456.42</c:v>
                </c:pt>
                <c:pt idx="16721">
                  <c:v>4090.49</c:v>
                </c:pt>
                <c:pt idx="16722">
                  <c:v>3911.67</c:v>
                </c:pt>
                <c:pt idx="16723">
                  <c:v>3770.06</c:v>
                </c:pt>
                <c:pt idx="16724">
                  <c:v>3628.78</c:v>
                </c:pt>
                <c:pt idx="16725">
                  <c:v>3576.13</c:v>
                </c:pt>
                <c:pt idx="16726">
                  <c:v>3454.94</c:v>
                </c:pt>
                <c:pt idx="16727">
                  <c:v>3498.06</c:v>
                </c:pt>
                <c:pt idx="16728">
                  <c:v>3360.73</c:v>
                </c:pt>
                <c:pt idx="16729">
                  <c:v>3417.62</c:v>
                </c:pt>
                <c:pt idx="16730">
                  <c:v>4920.03</c:v>
                </c:pt>
                <c:pt idx="16731">
                  <c:v>4456.42</c:v>
                </c:pt>
                <c:pt idx="16732">
                  <c:v>4090.49</c:v>
                </c:pt>
                <c:pt idx="16733">
                  <c:v>3911.67</c:v>
                </c:pt>
                <c:pt idx="16734">
                  <c:v>3770.06</c:v>
                </c:pt>
                <c:pt idx="16735">
                  <c:v>3628.78</c:v>
                </c:pt>
                <c:pt idx="16736">
                  <c:v>3576.13</c:v>
                </c:pt>
                <c:pt idx="16737">
                  <c:v>3454.94</c:v>
                </c:pt>
                <c:pt idx="16738">
                  <c:v>3498.06</c:v>
                </c:pt>
                <c:pt idx="16739">
                  <c:v>3360.73</c:v>
                </c:pt>
                <c:pt idx="16740">
                  <c:v>3417.62</c:v>
                </c:pt>
                <c:pt idx="16741">
                  <c:v>4920.03</c:v>
                </c:pt>
                <c:pt idx="16742">
                  <c:v>4456.42</c:v>
                </c:pt>
                <c:pt idx="16743">
                  <c:v>4090.49</c:v>
                </c:pt>
                <c:pt idx="16744">
                  <c:v>3911.67</c:v>
                </c:pt>
                <c:pt idx="16745">
                  <c:v>3770.06</c:v>
                </c:pt>
                <c:pt idx="16746">
                  <c:v>3628.78</c:v>
                </c:pt>
                <c:pt idx="16747">
                  <c:v>3576.13</c:v>
                </c:pt>
                <c:pt idx="16748">
                  <c:v>3454.94</c:v>
                </c:pt>
                <c:pt idx="16749">
                  <c:v>3498.06</c:v>
                </c:pt>
                <c:pt idx="16750">
                  <c:v>3360.73</c:v>
                </c:pt>
                <c:pt idx="16751">
                  <c:v>3417.62</c:v>
                </c:pt>
                <c:pt idx="16752">
                  <c:v>4920.03</c:v>
                </c:pt>
                <c:pt idx="16753">
                  <c:v>4456.42</c:v>
                </c:pt>
                <c:pt idx="16754">
                  <c:v>4090.49</c:v>
                </c:pt>
                <c:pt idx="16755">
                  <c:v>3911.67</c:v>
                </c:pt>
                <c:pt idx="16756">
                  <c:v>3770.06</c:v>
                </c:pt>
                <c:pt idx="16757">
                  <c:v>3628.78</c:v>
                </c:pt>
                <c:pt idx="16758">
                  <c:v>3576.13</c:v>
                </c:pt>
                <c:pt idx="16759">
                  <c:v>3454.94</c:v>
                </c:pt>
                <c:pt idx="16760">
                  <c:v>3498.06</c:v>
                </c:pt>
                <c:pt idx="16761">
                  <c:v>3360.73</c:v>
                </c:pt>
                <c:pt idx="16762">
                  <c:v>3417.62</c:v>
                </c:pt>
                <c:pt idx="16763">
                  <c:v>4920.03</c:v>
                </c:pt>
                <c:pt idx="16764">
                  <c:v>4456.42</c:v>
                </c:pt>
                <c:pt idx="16765">
                  <c:v>4090.49</c:v>
                </c:pt>
                <c:pt idx="16766">
                  <c:v>3763.97</c:v>
                </c:pt>
                <c:pt idx="16767">
                  <c:v>3621.99</c:v>
                </c:pt>
                <c:pt idx="16768">
                  <c:v>3369.2</c:v>
                </c:pt>
                <c:pt idx="16769">
                  <c:v>3250.65</c:v>
                </c:pt>
                <c:pt idx="16770">
                  <c:v>3243.49</c:v>
                </c:pt>
                <c:pt idx="16771">
                  <c:v>3181.86</c:v>
                </c:pt>
                <c:pt idx="16772">
                  <c:v>3060.25</c:v>
                </c:pt>
                <c:pt idx="16773">
                  <c:v>2974.12</c:v>
                </c:pt>
                <c:pt idx="16774">
                  <c:v>4920.03</c:v>
                </c:pt>
                <c:pt idx="16775">
                  <c:v>4456.42</c:v>
                </c:pt>
                <c:pt idx="16776">
                  <c:v>4090.49</c:v>
                </c:pt>
                <c:pt idx="16777">
                  <c:v>3911.67</c:v>
                </c:pt>
                <c:pt idx="16778">
                  <c:v>3770.06</c:v>
                </c:pt>
                <c:pt idx="16779">
                  <c:v>3628.78</c:v>
                </c:pt>
                <c:pt idx="16780">
                  <c:v>3576.13</c:v>
                </c:pt>
                <c:pt idx="16781">
                  <c:v>3454.94</c:v>
                </c:pt>
                <c:pt idx="16782">
                  <c:v>3498.06</c:v>
                </c:pt>
                <c:pt idx="16783">
                  <c:v>3360.73</c:v>
                </c:pt>
                <c:pt idx="16784">
                  <c:v>3417.62</c:v>
                </c:pt>
                <c:pt idx="16785">
                  <c:v>4920.03</c:v>
                </c:pt>
                <c:pt idx="16786">
                  <c:v>4456.42</c:v>
                </c:pt>
                <c:pt idx="16787">
                  <c:v>4090.49</c:v>
                </c:pt>
                <c:pt idx="16788">
                  <c:v>3911.67</c:v>
                </c:pt>
                <c:pt idx="16789">
                  <c:v>3770.06</c:v>
                </c:pt>
                <c:pt idx="16790">
                  <c:v>3628.78</c:v>
                </c:pt>
                <c:pt idx="16791">
                  <c:v>3576.13</c:v>
                </c:pt>
                <c:pt idx="16792">
                  <c:v>3454.94</c:v>
                </c:pt>
                <c:pt idx="16793">
                  <c:v>3498.06</c:v>
                </c:pt>
                <c:pt idx="16794">
                  <c:v>3360.73</c:v>
                </c:pt>
                <c:pt idx="16795">
                  <c:v>3417.62</c:v>
                </c:pt>
                <c:pt idx="16796">
                  <c:v>4920.03</c:v>
                </c:pt>
                <c:pt idx="16797">
                  <c:v>4456.42</c:v>
                </c:pt>
                <c:pt idx="16798">
                  <c:v>4090.49</c:v>
                </c:pt>
                <c:pt idx="16799">
                  <c:v>3911.67</c:v>
                </c:pt>
                <c:pt idx="16800">
                  <c:v>3770.06</c:v>
                </c:pt>
                <c:pt idx="16801">
                  <c:v>3628.78</c:v>
                </c:pt>
                <c:pt idx="16802">
                  <c:v>3576.13</c:v>
                </c:pt>
                <c:pt idx="16803">
                  <c:v>3454.94</c:v>
                </c:pt>
                <c:pt idx="16804">
                  <c:v>3498.06</c:v>
                </c:pt>
                <c:pt idx="16805">
                  <c:v>3360.73</c:v>
                </c:pt>
                <c:pt idx="16806">
                  <c:v>3417.62</c:v>
                </c:pt>
                <c:pt idx="16807">
                  <c:v>4920.03</c:v>
                </c:pt>
                <c:pt idx="16808">
                  <c:v>4456.42</c:v>
                </c:pt>
                <c:pt idx="16809">
                  <c:v>4090.49</c:v>
                </c:pt>
                <c:pt idx="16810">
                  <c:v>3911.67</c:v>
                </c:pt>
                <c:pt idx="16811">
                  <c:v>3770.06</c:v>
                </c:pt>
                <c:pt idx="16812">
                  <c:v>3628.78</c:v>
                </c:pt>
                <c:pt idx="16813">
                  <c:v>3576.13</c:v>
                </c:pt>
                <c:pt idx="16814">
                  <c:v>3454.94</c:v>
                </c:pt>
                <c:pt idx="16815">
                  <c:v>3498.06</c:v>
                </c:pt>
                <c:pt idx="16816">
                  <c:v>3360.73</c:v>
                </c:pt>
                <c:pt idx="16817">
                  <c:v>3417.62</c:v>
                </c:pt>
                <c:pt idx="16818">
                  <c:v>4920.03</c:v>
                </c:pt>
                <c:pt idx="16819">
                  <c:v>4456.42</c:v>
                </c:pt>
                <c:pt idx="16820">
                  <c:v>4090.49</c:v>
                </c:pt>
                <c:pt idx="16821">
                  <c:v>3911.67</c:v>
                </c:pt>
                <c:pt idx="16822">
                  <c:v>3770.06</c:v>
                </c:pt>
                <c:pt idx="16823">
                  <c:v>3628.78</c:v>
                </c:pt>
                <c:pt idx="16824">
                  <c:v>3576.13</c:v>
                </c:pt>
                <c:pt idx="16825">
                  <c:v>3454.94</c:v>
                </c:pt>
                <c:pt idx="16826">
                  <c:v>3498.06</c:v>
                </c:pt>
                <c:pt idx="16827">
                  <c:v>3360.73</c:v>
                </c:pt>
                <c:pt idx="16828">
                  <c:v>3417.62</c:v>
                </c:pt>
                <c:pt idx="16829">
                  <c:v>4920.03</c:v>
                </c:pt>
                <c:pt idx="16830">
                  <c:v>4456.42</c:v>
                </c:pt>
                <c:pt idx="16831">
                  <c:v>4090.49</c:v>
                </c:pt>
                <c:pt idx="16832">
                  <c:v>3911.67</c:v>
                </c:pt>
                <c:pt idx="16833">
                  <c:v>3770.06</c:v>
                </c:pt>
                <c:pt idx="16834">
                  <c:v>3628.78</c:v>
                </c:pt>
                <c:pt idx="16835">
                  <c:v>3576.13</c:v>
                </c:pt>
                <c:pt idx="16836">
                  <c:v>3454.94</c:v>
                </c:pt>
                <c:pt idx="16837">
                  <c:v>3498.06</c:v>
                </c:pt>
                <c:pt idx="16838">
                  <c:v>3360.73</c:v>
                </c:pt>
                <c:pt idx="16839">
                  <c:v>3417.62</c:v>
                </c:pt>
                <c:pt idx="16840">
                  <c:v>4920.03</c:v>
                </c:pt>
                <c:pt idx="16841">
                  <c:v>4456.42</c:v>
                </c:pt>
                <c:pt idx="16842">
                  <c:v>4090.49</c:v>
                </c:pt>
                <c:pt idx="16843">
                  <c:v>3911.67</c:v>
                </c:pt>
                <c:pt idx="16844">
                  <c:v>3770.06</c:v>
                </c:pt>
                <c:pt idx="16845">
                  <c:v>3628.78</c:v>
                </c:pt>
                <c:pt idx="16846">
                  <c:v>3576.13</c:v>
                </c:pt>
                <c:pt idx="16847">
                  <c:v>3454.94</c:v>
                </c:pt>
                <c:pt idx="16848">
                  <c:v>3498.06</c:v>
                </c:pt>
                <c:pt idx="16849">
                  <c:v>3360.73</c:v>
                </c:pt>
                <c:pt idx="16850">
                  <c:v>3417.62</c:v>
                </c:pt>
                <c:pt idx="16851">
                  <c:v>4920.03</c:v>
                </c:pt>
                <c:pt idx="16852">
                  <c:v>4456.42</c:v>
                </c:pt>
                <c:pt idx="16853">
                  <c:v>4090.49</c:v>
                </c:pt>
                <c:pt idx="16854">
                  <c:v>3911.67</c:v>
                </c:pt>
                <c:pt idx="16855">
                  <c:v>3770.06</c:v>
                </c:pt>
                <c:pt idx="16856">
                  <c:v>3628.78</c:v>
                </c:pt>
                <c:pt idx="16857">
                  <c:v>3576.13</c:v>
                </c:pt>
                <c:pt idx="16858">
                  <c:v>3454.94</c:v>
                </c:pt>
                <c:pt idx="16859">
                  <c:v>3498.06</c:v>
                </c:pt>
                <c:pt idx="16860">
                  <c:v>3360.73</c:v>
                </c:pt>
                <c:pt idx="16861">
                  <c:v>3417.62</c:v>
                </c:pt>
                <c:pt idx="16862">
                  <c:v>4920.03</c:v>
                </c:pt>
                <c:pt idx="16863">
                  <c:v>4456.42</c:v>
                </c:pt>
                <c:pt idx="16864">
                  <c:v>4090.49</c:v>
                </c:pt>
                <c:pt idx="16865">
                  <c:v>3911.67</c:v>
                </c:pt>
                <c:pt idx="16866">
                  <c:v>3770.06</c:v>
                </c:pt>
                <c:pt idx="16867">
                  <c:v>3628.78</c:v>
                </c:pt>
                <c:pt idx="16868">
                  <c:v>3576.13</c:v>
                </c:pt>
                <c:pt idx="16869">
                  <c:v>3454.94</c:v>
                </c:pt>
                <c:pt idx="16870">
                  <c:v>3498.06</c:v>
                </c:pt>
                <c:pt idx="16871">
                  <c:v>3360.73</c:v>
                </c:pt>
                <c:pt idx="16872">
                  <c:v>3417.62</c:v>
                </c:pt>
                <c:pt idx="16873">
                  <c:v>4920.03</c:v>
                </c:pt>
                <c:pt idx="16874">
                  <c:v>4456.42</c:v>
                </c:pt>
                <c:pt idx="16875">
                  <c:v>4090.49</c:v>
                </c:pt>
                <c:pt idx="16876">
                  <c:v>3911.67</c:v>
                </c:pt>
                <c:pt idx="16877">
                  <c:v>3770.06</c:v>
                </c:pt>
                <c:pt idx="16878">
                  <c:v>3628.78</c:v>
                </c:pt>
                <c:pt idx="16879">
                  <c:v>3576.13</c:v>
                </c:pt>
                <c:pt idx="16880">
                  <c:v>3454.94</c:v>
                </c:pt>
                <c:pt idx="16881">
                  <c:v>3498.06</c:v>
                </c:pt>
                <c:pt idx="16882">
                  <c:v>3360.73</c:v>
                </c:pt>
                <c:pt idx="16883">
                  <c:v>3417.62</c:v>
                </c:pt>
                <c:pt idx="16884">
                  <c:v>4920.03</c:v>
                </c:pt>
                <c:pt idx="16885">
                  <c:v>4456.42</c:v>
                </c:pt>
                <c:pt idx="16886">
                  <c:v>4090.49</c:v>
                </c:pt>
                <c:pt idx="16887">
                  <c:v>3911.67</c:v>
                </c:pt>
                <c:pt idx="16888">
                  <c:v>3770.06</c:v>
                </c:pt>
                <c:pt idx="16889">
                  <c:v>3628.78</c:v>
                </c:pt>
                <c:pt idx="16890">
                  <c:v>3576.13</c:v>
                </c:pt>
                <c:pt idx="16891">
                  <c:v>3454.94</c:v>
                </c:pt>
                <c:pt idx="16892">
                  <c:v>3498.06</c:v>
                </c:pt>
                <c:pt idx="16893">
                  <c:v>3360.73</c:v>
                </c:pt>
                <c:pt idx="16894">
                  <c:v>3417.62</c:v>
                </c:pt>
                <c:pt idx="16895">
                  <c:v>4920.03</c:v>
                </c:pt>
                <c:pt idx="16896">
                  <c:v>4456.42</c:v>
                </c:pt>
                <c:pt idx="16897">
                  <c:v>4090.49</c:v>
                </c:pt>
                <c:pt idx="16898">
                  <c:v>3763.97</c:v>
                </c:pt>
                <c:pt idx="16899">
                  <c:v>3621.99</c:v>
                </c:pt>
                <c:pt idx="16900">
                  <c:v>3369.2</c:v>
                </c:pt>
                <c:pt idx="16901">
                  <c:v>3250.65</c:v>
                </c:pt>
                <c:pt idx="16902">
                  <c:v>3243.49</c:v>
                </c:pt>
                <c:pt idx="16903">
                  <c:v>3181.86</c:v>
                </c:pt>
                <c:pt idx="16904">
                  <c:v>3060.25</c:v>
                </c:pt>
                <c:pt idx="16905">
                  <c:v>2974.12</c:v>
                </c:pt>
                <c:pt idx="16906">
                  <c:v>4920.03</c:v>
                </c:pt>
                <c:pt idx="16907">
                  <c:v>4456.42</c:v>
                </c:pt>
                <c:pt idx="16908">
                  <c:v>4090.49</c:v>
                </c:pt>
                <c:pt idx="16909">
                  <c:v>3911.67</c:v>
                </c:pt>
                <c:pt idx="16910">
                  <c:v>3770.06</c:v>
                </c:pt>
                <c:pt idx="16911">
                  <c:v>3628.78</c:v>
                </c:pt>
                <c:pt idx="16912">
                  <c:v>3576.13</c:v>
                </c:pt>
                <c:pt idx="16913">
                  <c:v>3454.94</c:v>
                </c:pt>
                <c:pt idx="16914">
                  <c:v>3498.06</c:v>
                </c:pt>
                <c:pt idx="16915">
                  <c:v>3360.73</c:v>
                </c:pt>
                <c:pt idx="16916">
                  <c:v>3417.62</c:v>
                </c:pt>
                <c:pt idx="16917">
                  <c:v>4920.03</c:v>
                </c:pt>
                <c:pt idx="16918">
                  <c:v>4456.42</c:v>
                </c:pt>
                <c:pt idx="16919">
                  <c:v>4090.49</c:v>
                </c:pt>
                <c:pt idx="16920">
                  <c:v>3911.67</c:v>
                </c:pt>
                <c:pt idx="16921">
                  <c:v>3770.06</c:v>
                </c:pt>
                <c:pt idx="16922">
                  <c:v>3628.78</c:v>
                </c:pt>
                <c:pt idx="16923">
                  <c:v>3576.13</c:v>
                </c:pt>
                <c:pt idx="16924">
                  <c:v>3454.94</c:v>
                </c:pt>
                <c:pt idx="16925">
                  <c:v>3498.06</c:v>
                </c:pt>
                <c:pt idx="16926">
                  <c:v>3360.73</c:v>
                </c:pt>
                <c:pt idx="16927">
                  <c:v>3417.62</c:v>
                </c:pt>
                <c:pt idx="16928">
                  <c:v>4920.03</c:v>
                </c:pt>
                <c:pt idx="16929">
                  <c:v>4456.42</c:v>
                </c:pt>
                <c:pt idx="16930">
                  <c:v>4090.49</c:v>
                </c:pt>
                <c:pt idx="16931">
                  <c:v>3911.67</c:v>
                </c:pt>
                <c:pt idx="16932">
                  <c:v>3770.06</c:v>
                </c:pt>
                <c:pt idx="16933">
                  <c:v>3628.78</c:v>
                </c:pt>
                <c:pt idx="16934">
                  <c:v>3576.13</c:v>
                </c:pt>
                <c:pt idx="16935">
                  <c:v>3454.94</c:v>
                </c:pt>
                <c:pt idx="16936">
                  <c:v>3498.06</c:v>
                </c:pt>
                <c:pt idx="16937">
                  <c:v>3360.73</c:v>
                </c:pt>
                <c:pt idx="16938">
                  <c:v>3417.62</c:v>
                </c:pt>
                <c:pt idx="16939">
                  <c:v>4920.03</c:v>
                </c:pt>
                <c:pt idx="16940">
                  <c:v>4456.42</c:v>
                </c:pt>
                <c:pt idx="16941">
                  <c:v>4090.49</c:v>
                </c:pt>
                <c:pt idx="16942">
                  <c:v>3911.67</c:v>
                </c:pt>
                <c:pt idx="16943">
                  <c:v>3770.06</c:v>
                </c:pt>
                <c:pt idx="16944">
                  <c:v>3628.78</c:v>
                </c:pt>
                <c:pt idx="16945">
                  <c:v>3576.13</c:v>
                </c:pt>
                <c:pt idx="16946">
                  <c:v>3454.94</c:v>
                </c:pt>
                <c:pt idx="16947">
                  <c:v>3498.06</c:v>
                </c:pt>
                <c:pt idx="16948">
                  <c:v>3360.73</c:v>
                </c:pt>
                <c:pt idx="16949">
                  <c:v>3417.62</c:v>
                </c:pt>
                <c:pt idx="16950">
                  <c:v>4920.03</c:v>
                </c:pt>
                <c:pt idx="16951">
                  <c:v>4456.42</c:v>
                </c:pt>
                <c:pt idx="16952">
                  <c:v>4090.49</c:v>
                </c:pt>
                <c:pt idx="16953">
                  <c:v>3911.67</c:v>
                </c:pt>
                <c:pt idx="16954">
                  <c:v>3770.06</c:v>
                </c:pt>
                <c:pt idx="16955">
                  <c:v>3628.78</c:v>
                </c:pt>
                <c:pt idx="16956">
                  <c:v>3576.13</c:v>
                </c:pt>
                <c:pt idx="16957">
                  <c:v>3454.94</c:v>
                </c:pt>
                <c:pt idx="16958">
                  <c:v>3498.06</c:v>
                </c:pt>
                <c:pt idx="16959">
                  <c:v>3360.73</c:v>
                </c:pt>
                <c:pt idx="16960">
                  <c:v>3417.62</c:v>
                </c:pt>
                <c:pt idx="16961">
                  <c:v>4920.03</c:v>
                </c:pt>
                <c:pt idx="16962">
                  <c:v>4456.42</c:v>
                </c:pt>
                <c:pt idx="16963">
                  <c:v>4090.49</c:v>
                </c:pt>
                <c:pt idx="16964">
                  <c:v>3911.67</c:v>
                </c:pt>
                <c:pt idx="16965">
                  <c:v>3770.06</c:v>
                </c:pt>
                <c:pt idx="16966">
                  <c:v>3628.78</c:v>
                </c:pt>
                <c:pt idx="16967">
                  <c:v>3576.13</c:v>
                </c:pt>
                <c:pt idx="16968">
                  <c:v>3454.94</c:v>
                </c:pt>
                <c:pt idx="16969">
                  <c:v>3498.06</c:v>
                </c:pt>
                <c:pt idx="16970">
                  <c:v>3360.73</c:v>
                </c:pt>
                <c:pt idx="16971">
                  <c:v>3417.62</c:v>
                </c:pt>
                <c:pt idx="16972">
                  <c:v>4920.03</c:v>
                </c:pt>
                <c:pt idx="16973">
                  <c:v>4456.42</c:v>
                </c:pt>
                <c:pt idx="16974">
                  <c:v>4090.49</c:v>
                </c:pt>
                <c:pt idx="16975">
                  <c:v>3911.67</c:v>
                </c:pt>
                <c:pt idx="16976">
                  <c:v>3770.06</c:v>
                </c:pt>
                <c:pt idx="16977">
                  <c:v>3628.78</c:v>
                </c:pt>
                <c:pt idx="16978">
                  <c:v>3576.13</c:v>
                </c:pt>
                <c:pt idx="16979">
                  <c:v>3454.94</c:v>
                </c:pt>
                <c:pt idx="16980">
                  <c:v>3498.06</c:v>
                </c:pt>
                <c:pt idx="16981">
                  <c:v>3360.73</c:v>
                </c:pt>
                <c:pt idx="16982">
                  <c:v>3417.62</c:v>
                </c:pt>
                <c:pt idx="16983">
                  <c:v>4920.03</c:v>
                </c:pt>
                <c:pt idx="16984">
                  <c:v>4456.42</c:v>
                </c:pt>
                <c:pt idx="16985">
                  <c:v>4090.49</c:v>
                </c:pt>
                <c:pt idx="16986">
                  <c:v>3911.67</c:v>
                </c:pt>
                <c:pt idx="16987">
                  <c:v>3770.06</c:v>
                </c:pt>
                <c:pt idx="16988">
                  <c:v>3628.78</c:v>
                </c:pt>
                <c:pt idx="16989">
                  <c:v>3576.13</c:v>
                </c:pt>
                <c:pt idx="16990">
                  <c:v>3454.94</c:v>
                </c:pt>
                <c:pt idx="16991">
                  <c:v>3498.06</c:v>
                </c:pt>
                <c:pt idx="16992">
                  <c:v>3360.73</c:v>
                </c:pt>
                <c:pt idx="16993">
                  <c:v>3417.62</c:v>
                </c:pt>
                <c:pt idx="16994">
                  <c:v>4920.03</c:v>
                </c:pt>
                <c:pt idx="16995">
                  <c:v>4456.42</c:v>
                </c:pt>
                <c:pt idx="16996">
                  <c:v>4090.49</c:v>
                </c:pt>
                <c:pt idx="16997">
                  <c:v>3911.67</c:v>
                </c:pt>
                <c:pt idx="16998">
                  <c:v>3770.06</c:v>
                </c:pt>
                <c:pt idx="16999">
                  <c:v>3628.78</c:v>
                </c:pt>
                <c:pt idx="17000">
                  <c:v>3576.13</c:v>
                </c:pt>
                <c:pt idx="17001">
                  <c:v>3454.94</c:v>
                </c:pt>
                <c:pt idx="17002">
                  <c:v>3498.06</c:v>
                </c:pt>
                <c:pt idx="17003">
                  <c:v>3360.73</c:v>
                </c:pt>
                <c:pt idx="17004">
                  <c:v>3417.62</c:v>
                </c:pt>
                <c:pt idx="17005">
                  <c:v>4920.03</c:v>
                </c:pt>
                <c:pt idx="17006">
                  <c:v>4456.42</c:v>
                </c:pt>
                <c:pt idx="17007">
                  <c:v>4090.49</c:v>
                </c:pt>
                <c:pt idx="17008">
                  <c:v>3911.67</c:v>
                </c:pt>
                <c:pt idx="17009">
                  <c:v>3770.06</c:v>
                </c:pt>
                <c:pt idx="17010">
                  <c:v>3628.78</c:v>
                </c:pt>
                <c:pt idx="17011">
                  <c:v>3576.13</c:v>
                </c:pt>
                <c:pt idx="17012">
                  <c:v>3454.94</c:v>
                </c:pt>
                <c:pt idx="17013">
                  <c:v>3498.06</c:v>
                </c:pt>
                <c:pt idx="17014">
                  <c:v>3360.73</c:v>
                </c:pt>
                <c:pt idx="17015">
                  <c:v>3417.62</c:v>
                </c:pt>
                <c:pt idx="17016">
                  <c:v>4920.03</c:v>
                </c:pt>
                <c:pt idx="17017">
                  <c:v>4456.42</c:v>
                </c:pt>
                <c:pt idx="17018">
                  <c:v>4090.49</c:v>
                </c:pt>
                <c:pt idx="17019">
                  <c:v>3911.67</c:v>
                </c:pt>
                <c:pt idx="17020">
                  <c:v>3770.06</c:v>
                </c:pt>
                <c:pt idx="17021">
                  <c:v>3628.78</c:v>
                </c:pt>
                <c:pt idx="17022">
                  <c:v>3576.13</c:v>
                </c:pt>
                <c:pt idx="17023">
                  <c:v>3454.94</c:v>
                </c:pt>
                <c:pt idx="17024">
                  <c:v>3498.06</c:v>
                </c:pt>
                <c:pt idx="17025">
                  <c:v>3360.73</c:v>
                </c:pt>
                <c:pt idx="17026">
                  <c:v>3417.62</c:v>
                </c:pt>
                <c:pt idx="17027">
                  <c:v>4920.03</c:v>
                </c:pt>
                <c:pt idx="17028">
                  <c:v>4456.42</c:v>
                </c:pt>
                <c:pt idx="17029">
                  <c:v>4090.49</c:v>
                </c:pt>
                <c:pt idx="17030">
                  <c:v>3763.97</c:v>
                </c:pt>
                <c:pt idx="17031">
                  <c:v>3621.99</c:v>
                </c:pt>
                <c:pt idx="17032">
                  <c:v>3369.2</c:v>
                </c:pt>
                <c:pt idx="17033">
                  <c:v>3250.65</c:v>
                </c:pt>
                <c:pt idx="17034">
                  <c:v>3243.49</c:v>
                </c:pt>
                <c:pt idx="17035">
                  <c:v>3181.86</c:v>
                </c:pt>
                <c:pt idx="17036">
                  <c:v>3060.25</c:v>
                </c:pt>
                <c:pt idx="17037">
                  <c:v>2974.12</c:v>
                </c:pt>
                <c:pt idx="17038">
                  <c:v>4920.03</c:v>
                </c:pt>
                <c:pt idx="17039">
                  <c:v>4456.42</c:v>
                </c:pt>
                <c:pt idx="17040">
                  <c:v>4090.49</c:v>
                </c:pt>
                <c:pt idx="17041">
                  <c:v>3911.67</c:v>
                </c:pt>
                <c:pt idx="17042">
                  <c:v>3770.06</c:v>
                </c:pt>
                <c:pt idx="17043">
                  <c:v>3628.78</c:v>
                </c:pt>
                <c:pt idx="17044">
                  <c:v>3576.13</c:v>
                </c:pt>
                <c:pt idx="17045">
                  <c:v>3454.94</c:v>
                </c:pt>
                <c:pt idx="17046">
                  <c:v>3498.06</c:v>
                </c:pt>
                <c:pt idx="17047">
                  <c:v>3360.73</c:v>
                </c:pt>
                <c:pt idx="17048">
                  <c:v>3417.62</c:v>
                </c:pt>
                <c:pt idx="17049">
                  <c:v>4920.03</c:v>
                </c:pt>
                <c:pt idx="17050">
                  <c:v>4456.42</c:v>
                </c:pt>
                <c:pt idx="17051">
                  <c:v>4090.49</c:v>
                </c:pt>
                <c:pt idx="17052">
                  <c:v>3911.67</c:v>
                </c:pt>
                <c:pt idx="17053">
                  <c:v>3770.06</c:v>
                </c:pt>
                <c:pt idx="17054">
                  <c:v>3628.78</c:v>
                </c:pt>
                <c:pt idx="17055">
                  <c:v>3576.13</c:v>
                </c:pt>
                <c:pt idx="17056">
                  <c:v>3454.94</c:v>
                </c:pt>
                <c:pt idx="17057">
                  <c:v>3498.06</c:v>
                </c:pt>
                <c:pt idx="17058">
                  <c:v>3360.73</c:v>
                </c:pt>
                <c:pt idx="17059">
                  <c:v>3417.62</c:v>
                </c:pt>
                <c:pt idx="17060">
                  <c:v>4920.03</c:v>
                </c:pt>
                <c:pt idx="17061">
                  <c:v>4456.42</c:v>
                </c:pt>
                <c:pt idx="17062">
                  <c:v>4090.49</c:v>
                </c:pt>
                <c:pt idx="17063">
                  <c:v>3911.67</c:v>
                </c:pt>
                <c:pt idx="17064">
                  <c:v>3770.06</c:v>
                </c:pt>
                <c:pt idx="17065">
                  <c:v>3628.78</c:v>
                </c:pt>
                <c:pt idx="17066">
                  <c:v>3576.13</c:v>
                </c:pt>
                <c:pt idx="17067">
                  <c:v>3454.94</c:v>
                </c:pt>
                <c:pt idx="17068">
                  <c:v>3498.06</c:v>
                </c:pt>
                <c:pt idx="17069">
                  <c:v>3360.73</c:v>
                </c:pt>
                <c:pt idx="17070">
                  <c:v>3417.62</c:v>
                </c:pt>
                <c:pt idx="17071">
                  <c:v>4920.03</c:v>
                </c:pt>
                <c:pt idx="17072">
                  <c:v>4456.42</c:v>
                </c:pt>
                <c:pt idx="17073">
                  <c:v>4090.49</c:v>
                </c:pt>
                <c:pt idx="17074">
                  <c:v>3911.67</c:v>
                </c:pt>
                <c:pt idx="17075">
                  <c:v>3770.06</c:v>
                </c:pt>
                <c:pt idx="17076">
                  <c:v>3628.78</c:v>
                </c:pt>
                <c:pt idx="17077">
                  <c:v>3576.13</c:v>
                </c:pt>
                <c:pt idx="17078">
                  <c:v>3454.94</c:v>
                </c:pt>
                <c:pt idx="17079">
                  <c:v>3498.06</c:v>
                </c:pt>
                <c:pt idx="17080">
                  <c:v>3360.73</c:v>
                </c:pt>
                <c:pt idx="17081">
                  <c:v>3417.62</c:v>
                </c:pt>
                <c:pt idx="17082">
                  <c:v>4920.03</c:v>
                </c:pt>
                <c:pt idx="17083">
                  <c:v>4456.42</c:v>
                </c:pt>
                <c:pt idx="17084">
                  <c:v>4090.49</c:v>
                </c:pt>
                <c:pt idx="17085">
                  <c:v>3911.67</c:v>
                </c:pt>
                <c:pt idx="17086">
                  <c:v>3770.06</c:v>
                </c:pt>
                <c:pt idx="17087">
                  <c:v>3628.78</c:v>
                </c:pt>
                <c:pt idx="17088">
                  <c:v>3576.13</c:v>
                </c:pt>
                <c:pt idx="17089">
                  <c:v>3454.94</c:v>
                </c:pt>
                <c:pt idx="17090">
                  <c:v>3498.06</c:v>
                </c:pt>
                <c:pt idx="17091">
                  <c:v>3360.73</c:v>
                </c:pt>
                <c:pt idx="17092">
                  <c:v>3417.62</c:v>
                </c:pt>
                <c:pt idx="17093">
                  <c:v>4920.03</c:v>
                </c:pt>
                <c:pt idx="17094">
                  <c:v>4456.42</c:v>
                </c:pt>
                <c:pt idx="17095">
                  <c:v>4090.49</c:v>
                </c:pt>
                <c:pt idx="17096">
                  <c:v>3911.67</c:v>
                </c:pt>
                <c:pt idx="17097">
                  <c:v>3770.06</c:v>
                </c:pt>
                <c:pt idx="17098">
                  <c:v>3628.78</c:v>
                </c:pt>
                <c:pt idx="17099">
                  <c:v>3576.13</c:v>
                </c:pt>
                <c:pt idx="17100">
                  <c:v>3454.94</c:v>
                </c:pt>
                <c:pt idx="17101">
                  <c:v>3498.06</c:v>
                </c:pt>
                <c:pt idx="17102">
                  <c:v>3360.73</c:v>
                </c:pt>
                <c:pt idx="17103">
                  <c:v>3417.62</c:v>
                </c:pt>
                <c:pt idx="17104">
                  <c:v>4920.03</c:v>
                </c:pt>
                <c:pt idx="17105">
                  <c:v>4456.42</c:v>
                </c:pt>
                <c:pt idx="17106">
                  <c:v>4090.49</c:v>
                </c:pt>
                <c:pt idx="17107">
                  <c:v>3911.67</c:v>
                </c:pt>
                <c:pt idx="17108">
                  <c:v>3770.06</c:v>
                </c:pt>
                <c:pt idx="17109">
                  <c:v>3628.78</c:v>
                </c:pt>
                <c:pt idx="17110">
                  <c:v>3576.13</c:v>
                </c:pt>
                <c:pt idx="17111">
                  <c:v>3454.94</c:v>
                </c:pt>
                <c:pt idx="17112">
                  <c:v>3498.06</c:v>
                </c:pt>
                <c:pt idx="17113">
                  <c:v>3360.73</c:v>
                </c:pt>
                <c:pt idx="17114">
                  <c:v>3417.62</c:v>
                </c:pt>
                <c:pt idx="17115">
                  <c:v>4920.03</c:v>
                </c:pt>
                <c:pt idx="17116">
                  <c:v>4456.42</c:v>
                </c:pt>
                <c:pt idx="17117">
                  <c:v>4090.49</c:v>
                </c:pt>
                <c:pt idx="17118">
                  <c:v>3911.67</c:v>
                </c:pt>
                <c:pt idx="17119">
                  <c:v>3770.06</c:v>
                </c:pt>
                <c:pt idx="17120">
                  <c:v>3628.78</c:v>
                </c:pt>
                <c:pt idx="17121">
                  <c:v>3576.13</c:v>
                </c:pt>
                <c:pt idx="17122">
                  <c:v>3454.94</c:v>
                </c:pt>
                <c:pt idx="17123">
                  <c:v>3498.06</c:v>
                </c:pt>
                <c:pt idx="17124">
                  <c:v>3360.73</c:v>
                </c:pt>
                <c:pt idx="17125">
                  <c:v>3417.62</c:v>
                </c:pt>
                <c:pt idx="17126">
                  <c:v>4920.03</c:v>
                </c:pt>
                <c:pt idx="17127">
                  <c:v>4456.42</c:v>
                </c:pt>
                <c:pt idx="17128">
                  <c:v>4090.49</c:v>
                </c:pt>
                <c:pt idx="17129">
                  <c:v>3911.67</c:v>
                </c:pt>
                <c:pt idx="17130">
                  <c:v>3770.06</c:v>
                </c:pt>
                <c:pt idx="17131">
                  <c:v>3628.78</c:v>
                </c:pt>
                <c:pt idx="17132">
                  <c:v>3576.13</c:v>
                </c:pt>
                <c:pt idx="17133">
                  <c:v>3454.94</c:v>
                </c:pt>
                <c:pt idx="17134">
                  <c:v>3498.06</c:v>
                </c:pt>
                <c:pt idx="17135">
                  <c:v>3360.73</c:v>
                </c:pt>
                <c:pt idx="17136">
                  <c:v>3417.62</c:v>
                </c:pt>
                <c:pt idx="17137">
                  <c:v>4920.03</c:v>
                </c:pt>
                <c:pt idx="17138">
                  <c:v>4456.42</c:v>
                </c:pt>
                <c:pt idx="17139">
                  <c:v>4090.49</c:v>
                </c:pt>
                <c:pt idx="17140">
                  <c:v>3911.67</c:v>
                </c:pt>
                <c:pt idx="17141">
                  <c:v>3770.06</c:v>
                </c:pt>
                <c:pt idx="17142">
                  <c:v>3628.78</c:v>
                </c:pt>
                <c:pt idx="17143">
                  <c:v>3576.13</c:v>
                </c:pt>
                <c:pt idx="17144">
                  <c:v>3454.94</c:v>
                </c:pt>
                <c:pt idx="17145">
                  <c:v>3498.06</c:v>
                </c:pt>
                <c:pt idx="17146">
                  <c:v>3360.73</c:v>
                </c:pt>
                <c:pt idx="17147">
                  <c:v>3417.62</c:v>
                </c:pt>
                <c:pt idx="17148">
                  <c:v>4920.03</c:v>
                </c:pt>
                <c:pt idx="17149">
                  <c:v>4456.42</c:v>
                </c:pt>
                <c:pt idx="17150">
                  <c:v>4090.49</c:v>
                </c:pt>
                <c:pt idx="17151">
                  <c:v>3911.67</c:v>
                </c:pt>
                <c:pt idx="17152">
                  <c:v>3770.06</c:v>
                </c:pt>
                <c:pt idx="17153">
                  <c:v>3628.78</c:v>
                </c:pt>
                <c:pt idx="17154">
                  <c:v>3576.13</c:v>
                </c:pt>
                <c:pt idx="17155">
                  <c:v>3454.94</c:v>
                </c:pt>
                <c:pt idx="17156">
                  <c:v>3498.06</c:v>
                </c:pt>
                <c:pt idx="17157">
                  <c:v>3360.73</c:v>
                </c:pt>
                <c:pt idx="17158">
                  <c:v>3417.62</c:v>
                </c:pt>
                <c:pt idx="17159">
                  <c:v>4920.03</c:v>
                </c:pt>
                <c:pt idx="17160">
                  <c:v>4456.42</c:v>
                </c:pt>
                <c:pt idx="17161">
                  <c:v>4090.49</c:v>
                </c:pt>
                <c:pt idx="17162">
                  <c:v>3763.97</c:v>
                </c:pt>
                <c:pt idx="17163">
                  <c:v>3621.99</c:v>
                </c:pt>
                <c:pt idx="17164">
                  <c:v>3369.2</c:v>
                </c:pt>
                <c:pt idx="17165">
                  <c:v>3250.65</c:v>
                </c:pt>
                <c:pt idx="17166">
                  <c:v>3243.49</c:v>
                </c:pt>
                <c:pt idx="17167">
                  <c:v>3181.86</c:v>
                </c:pt>
                <c:pt idx="17168">
                  <c:v>3060.25</c:v>
                </c:pt>
                <c:pt idx="17169">
                  <c:v>2974.12</c:v>
                </c:pt>
                <c:pt idx="17170">
                  <c:v>4920.03</c:v>
                </c:pt>
                <c:pt idx="17171">
                  <c:v>4456.42</c:v>
                </c:pt>
                <c:pt idx="17172">
                  <c:v>4090.49</c:v>
                </c:pt>
                <c:pt idx="17173">
                  <c:v>3911.67</c:v>
                </c:pt>
                <c:pt idx="17174">
                  <c:v>3770.06</c:v>
                </c:pt>
                <c:pt idx="17175">
                  <c:v>3628.78</c:v>
                </c:pt>
                <c:pt idx="17176">
                  <c:v>3576.13</c:v>
                </c:pt>
                <c:pt idx="17177">
                  <c:v>3454.94</c:v>
                </c:pt>
                <c:pt idx="17178">
                  <c:v>3498.06</c:v>
                </c:pt>
                <c:pt idx="17179">
                  <c:v>3360.73</c:v>
                </c:pt>
                <c:pt idx="17180">
                  <c:v>3417.62</c:v>
                </c:pt>
                <c:pt idx="17181">
                  <c:v>4920.03</c:v>
                </c:pt>
                <c:pt idx="17182">
                  <c:v>4456.42</c:v>
                </c:pt>
                <c:pt idx="17183">
                  <c:v>4090.49</c:v>
                </c:pt>
                <c:pt idx="17184">
                  <c:v>3911.67</c:v>
                </c:pt>
                <c:pt idx="17185">
                  <c:v>3770.06</c:v>
                </c:pt>
                <c:pt idx="17186">
                  <c:v>3628.78</c:v>
                </c:pt>
                <c:pt idx="17187">
                  <c:v>3576.13</c:v>
                </c:pt>
                <c:pt idx="17188">
                  <c:v>3454.94</c:v>
                </c:pt>
                <c:pt idx="17189">
                  <c:v>3498.06</c:v>
                </c:pt>
                <c:pt idx="17190">
                  <c:v>3360.73</c:v>
                </c:pt>
                <c:pt idx="17191">
                  <c:v>3417.62</c:v>
                </c:pt>
                <c:pt idx="17192">
                  <c:v>4920.03</c:v>
                </c:pt>
                <c:pt idx="17193">
                  <c:v>4456.42</c:v>
                </c:pt>
                <c:pt idx="17194">
                  <c:v>4090.49</c:v>
                </c:pt>
                <c:pt idx="17195">
                  <c:v>3911.67</c:v>
                </c:pt>
                <c:pt idx="17196">
                  <c:v>3770.06</c:v>
                </c:pt>
                <c:pt idx="17197">
                  <c:v>3628.78</c:v>
                </c:pt>
                <c:pt idx="17198">
                  <c:v>3576.13</c:v>
                </c:pt>
                <c:pt idx="17199">
                  <c:v>3454.94</c:v>
                </c:pt>
                <c:pt idx="17200">
                  <c:v>3498.06</c:v>
                </c:pt>
                <c:pt idx="17201">
                  <c:v>3360.73</c:v>
                </c:pt>
                <c:pt idx="17202">
                  <c:v>3417.62</c:v>
                </c:pt>
                <c:pt idx="17203">
                  <c:v>4920.03</c:v>
                </c:pt>
                <c:pt idx="17204">
                  <c:v>4456.42</c:v>
                </c:pt>
                <c:pt idx="17205">
                  <c:v>4090.49</c:v>
                </c:pt>
                <c:pt idx="17206">
                  <c:v>3911.67</c:v>
                </c:pt>
                <c:pt idx="17207">
                  <c:v>3770.06</c:v>
                </c:pt>
                <c:pt idx="17208">
                  <c:v>3628.78</c:v>
                </c:pt>
                <c:pt idx="17209">
                  <c:v>3576.13</c:v>
                </c:pt>
                <c:pt idx="17210">
                  <c:v>3454.94</c:v>
                </c:pt>
                <c:pt idx="17211">
                  <c:v>3498.06</c:v>
                </c:pt>
                <c:pt idx="17212">
                  <c:v>3360.73</c:v>
                </c:pt>
                <c:pt idx="17213">
                  <c:v>3417.62</c:v>
                </c:pt>
                <c:pt idx="17214">
                  <c:v>4920.03</c:v>
                </c:pt>
                <c:pt idx="17215">
                  <c:v>4456.42</c:v>
                </c:pt>
                <c:pt idx="17216">
                  <c:v>4090.49</c:v>
                </c:pt>
                <c:pt idx="17217">
                  <c:v>3911.67</c:v>
                </c:pt>
                <c:pt idx="17218">
                  <c:v>3770.06</c:v>
                </c:pt>
                <c:pt idx="17219">
                  <c:v>3628.78</c:v>
                </c:pt>
                <c:pt idx="17220">
                  <c:v>3576.13</c:v>
                </c:pt>
                <c:pt idx="17221">
                  <c:v>3454.94</c:v>
                </c:pt>
                <c:pt idx="17222">
                  <c:v>3498.06</c:v>
                </c:pt>
                <c:pt idx="17223">
                  <c:v>3360.73</c:v>
                </c:pt>
                <c:pt idx="17224">
                  <c:v>3417.62</c:v>
                </c:pt>
                <c:pt idx="17225">
                  <c:v>4920.03</c:v>
                </c:pt>
                <c:pt idx="17226">
                  <c:v>4456.42</c:v>
                </c:pt>
                <c:pt idx="17227">
                  <c:v>4090.49</c:v>
                </c:pt>
                <c:pt idx="17228">
                  <c:v>3911.67</c:v>
                </c:pt>
                <c:pt idx="17229">
                  <c:v>3770.06</c:v>
                </c:pt>
                <c:pt idx="17230">
                  <c:v>3628.78</c:v>
                </c:pt>
                <c:pt idx="17231">
                  <c:v>3576.13</c:v>
                </c:pt>
                <c:pt idx="17232">
                  <c:v>3454.94</c:v>
                </c:pt>
                <c:pt idx="17233">
                  <c:v>3498.06</c:v>
                </c:pt>
                <c:pt idx="17234">
                  <c:v>3360.73</c:v>
                </c:pt>
                <c:pt idx="17235">
                  <c:v>3417.62</c:v>
                </c:pt>
                <c:pt idx="17236">
                  <c:v>4920.03</c:v>
                </c:pt>
                <c:pt idx="17237">
                  <c:v>4456.42</c:v>
                </c:pt>
                <c:pt idx="17238">
                  <c:v>4090.49</c:v>
                </c:pt>
                <c:pt idx="17239">
                  <c:v>3911.67</c:v>
                </c:pt>
                <c:pt idx="17240">
                  <c:v>3770.06</c:v>
                </c:pt>
                <c:pt idx="17241">
                  <c:v>3628.78</c:v>
                </c:pt>
                <c:pt idx="17242">
                  <c:v>3576.13</c:v>
                </c:pt>
                <c:pt idx="17243">
                  <c:v>3454.94</c:v>
                </c:pt>
                <c:pt idx="17244">
                  <c:v>3498.06</c:v>
                </c:pt>
                <c:pt idx="17245">
                  <c:v>3360.73</c:v>
                </c:pt>
                <c:pt idx="17246">
                  <c:v>3417.62</c:v>
                </c:pt>
                <c:pt idx="17247">
                  <c:v>4920.03</c:v>
                </c:pt>
                <c:pt idx="17248">
                  <c:v>4456.42</c:v>
                </c:pt>
                <c:pt idx="17249">
                  <c:v>4090.49</c:v>
                </c:pt>
                <c:pt idx="17250">
                  <c:v>3911.67</c:v>
                </c:pt>
                <c:pt idx="17251">
                  <c:v>3770.06</c:v>
                </c:pt>
                <c:pt idx="17252">
                  <c:v>3628.78</c:v>
                </c:pt>
                <c:pt idx="17253">
                  <c:v>3576.13</c:v>
                </c:pt>
                <c:pt idx="17254">
                  <c:v>3454.94</c:v>
                </c:pt>
                <c:pt idx="17255">
                  <c:v>3498.06</c:v>
                </c:pt>
                <c:pt idx="17256">
                  <c:v>3360.73</c:v>
                </c:pt>
                <c:pt idx="17257">
                  <c:v>3417.62</c:v>
                </c:pt>
                <c:pt idx="17258">
                  <c:v>4920.03</c:v>
                </c:pt>
                <c:pt idx="17259">
                  <c:v>4456.42</c:v>
                </c:pt>
                <c:pt idx="17260">
                  <c:v>4090.49</c:v>
                </c:pt>
                <c:pt idx="17261">
                  <c:v>3911.67</c:v>
                </c:pt>
                <c:pt idx="17262">
                  <c:v>3770.06</c:v>
                </c:pt>
                <c:pt idx="17263">
                  <c:v>3628.78</c:v>
                </c:pt>
                <c:pt idx="17264">
                  <c:v>3576.13</c:v>
                </c:pt>
                <c:pt idx="17265">
                  <c:v>3454.94</c:v>
                </c:pt>
                <c:pt idx="17266">
                  <c:v>3498.06</c:v>
                </c:pt>
                <c:pt idx="17267">
                  <c:v>3360.73</c:v>
                </c:pt>
                <c:pt idx="17268">
                  <c:v>3417.62</c:v>
                </c:pt>
                <c:pt idx="17269">
                  <c:v>4920.03</c:v>
                </c:pt>
                <c:pt idx="17270">
                  <c:v>4456.42</c:v>
                </c:pt>
                <c:pt idx="17271">
                  <c:v>4090.49</c:v>
                </c:pt>
                <c:pt idx="17272">
                  <c:v>3911.67</c:v>
                </c:pt>
                <c:pt idx="17273">
                  <c:v>3770.06</c:v>
                </c:pt>
                <c:pt idx="17274">
                  <c:v>3628.78</c:v>
                </c:pt>
                <c:pt idx="17275">
                  <c:v>3576.13</c:v>
                </c:pt>
                <c:pt idx="17276">
                  <c:v>3454.94</c:v>
                </c:pt>
                <c:pt idx="17277">
                  <c:v>3498.06</c:v>
                </c:pt>
                <c:pt idx="17278">
                  <c:v>3360.73</c:v>
                </c:pt>
                <c:pt idx="17279">
                  <c:v>3417.62</c:v>
                </c:pt>
                <c:pt idx="17280">
                  <c:v>4920.03</c:v>
                </c:pt>
                <c:pt idx="17281">
                  <c:v>4456.42</c:v>
                </c:pt>
                <c:pt idx="17282">
                  <c:v>4090.49</c:v>
                </c:pt>
                <c:pt idx="17283">
                  <c:v>3911.67</c:v>
                </c:pt>
                <c:pt idx="17284">
                  <c:v>3770.06</c:v>
                </c:pt>
                <c:pt idx="17285">
                  <c:v>3628.78</c:v>
                </c:pt>
                <c:pt idx="17286">
                  <c:v>3576.13</c:v>
                </c:pt>
                <c:pt idx="17287">
                  <c:v>3454.94</c:v>
                </c:pt>
                <c:pt idx="17288">
                  <c:v>3498.06</c:v>
                </c:pt>
                <c:pt idx="17289">
                  <c:v>3360.73</c:v>
                </c:pt>
                <c:pt idx="17290">
                  <c:v>3417.62</c:v>
                </c:pt>
                <c:pt idx="17291">
                  <c:v>4920.03</c:v>
                </c:pt>
                <c:pt idx="17292">
                  <c:v>4456.42</c:v>
                </c:pt>
                <c:pt idx="17293">
                  <c:v>4090.49</c:v>
                </c:pt>
                <c:pt idx="17294">
                  <c:v>3763.97</c:v>
                </c:pt>
                <c:pt idx="17295">
                  <c:v>3621.99</c:v>
                </c:pt>
                <c:pt idx="17296">
                  <c:v>3369.2</c:v>
                </c:pt>
                <c:pt idx="17297">
                  <c:v>3250.65</c:v>
                </c:pt>
                <c:pt idx="17298">
                  <c:v>3243.49</c:v>
                </c:pt>
                <c:pt idx="17299">
                  <c:v>3181.86</c:v>
                </c:pt>
                <c:pt idx="17300">
                  <c:v>3060.25</c:v>
                </c:pt>
                <c:pt idx="17301">
                  <c:v>2974.12</c:v>
                </c:pt>
                <c:pt idx="17302">
                  <c:v>4920.03</c:v>
                </c:pt>
                <c:pt idx="17303">
                  <c:v>4456.42</c:v>
                </c:pt>
                <c:pt idx="17304">
                  <c:v>4090.49</c:v>
                </c:pt>
                <c:pt idx="17305">
                  <c:v>3911.67</c:v>
                </c:pt>
                <c:pt idx="17306">
                  <c:v>3770.06</c:v>
                </c:pt>
                <c:pt idx="17307">
                  <c:v>3628.78</c:v>
                </c:pt>
                <c:pt idx="17308">
                  <c:v>3576.13</c:v>
                </c:pt>
                <c:pt idx="17309">
                  <c:v>3454.94</c:v>
                </c:pt>
                <c:pt idx="17310">
                  <c:v>3498.06</c:v>
                </c:pt>
                <c:pt idx="17311">
                  <c:v>3360.73</c:v>
                </c:pt>
                <c:pt idx="17312">
                  <c:v>3417.62</c:v>
                </c:pt>
                <c:pt idx="17313">
                  <c:v>4920.03</c:v>
                </c:pt>
                <c:pt idx="17314">
                  <c:v>4456.42</c:v>
                </c:pt>
                <c:pt idx="17315">
                  <c:v>4090.49</c:v>
                </c:pt>
                <c:pt idx="17316">
                  <c:v>3911.67</c:v>
                </c:pt>
                <c:pt idx="17317">
                  <c:v>3770.06</c:v>
                </c:pt>
                <c:pt idx="17318">
                  <c:v>3628.78</c:v>
                </c:pt>
                <c:pt idx="17319">
                  <c:v>3576.13</c:v>
                </c:pt>
                <c:pt idx="17320">
                  <c:v>3454.94</c:v>
                </c:pt>
                <c:pt idx="17321">
                  <c:v>3498.06</c:v>
                </c:pt>
                <c:pt idx="17322">
                  <c:v>3360.73</c:v>
                </c:pt>
                <c:pt idx="17323">
                  <c:v>3417.62</c:v>
                </c:pt>
                <c:pt idx="17324">
                  <c:v>4920.03</c:v>
                </c:pt>
                <c:pt idx="17325">
                  <c:v>4456.42</c:v>
                </c:pt>
                <c:pt idx="17326">
                  <c:v>4090.49</c:v>
                </c:pt>
                <c:pt idx="17327">
                  <c:v>3911.67</c:v>
                </c:pt>
                <c:pt idx="17328">
                  <c:v>3770.06</c:v>
                </c:pt>
                <c:pt idx="17329">
                  <c:v>3628.78</c:v>
                </c:pt>
                <c:pt idx="17330">
                  <c:v>3576.13</c:v>
                </c:pt>
                <c:pt idx="17331">
                  <c:v>3454.94</c:v>
                </c:pt>
                <c:pt idx="17332">
                  <c:v>3498.06</c:v>
                </c:pt>
                <c:pt idx="17333">
                  <c:v>3360.73</c:v>
                </c:pt>
                <c:pt idx="17334">
                  <c:v>3417.62</c:v>
                </c:pt>
                <c:pt idx="17335">
                  <c:v>4920.03</c:v>
                </c:pt>
                <c:pt idx="17336">
                  <c:v>4456.42</c:v>
                </c:pt>
                <c:pt idx="17337">
                  <c:v>4090.49</c:v>
                </c:pt>
                <c:pt idx="17338">
                  <c:v>3911.67</c:v>
                </c:pt>
                <c:pt idx="17339">
                  <c:v>3770.06</c:v>
                </c:pt>
                <c:pt idx="17340">
                  <c:v>3628.78</c:v>
                </c:pt>
                <c:pt idx="17341">
                  <c:v>3576.13</c:v>
                </c:pt>
                <c:pt idx="17342">
                  <c:v>3454.94</c:v>
                </c:pt>
                <c:pt idx="17343">
                  <c:v>3498.06</c:v>
                </c:pt>
                <c:pt idx="17344">
                  <c:v>3360.73</c:v>
                </c:pt>
                <c:pt idx="17345">
                  <c:v>3417.62</c:v>
                </c:pt>
                <c:pt idx="17346">
                  <c:v>4920.03</c:v>
                </c:pt>
                <c:pt idx="17347">
                  <c:v>4456.42</c:v>
                </c:pt>
                <c:pt idx="17348">
                  <c:v>4090.49</c:v>
                </c:pt>
                <c:pt idx="17349">
                  <c:v>3911.67</c:v>
                </c:pt>
                <c:pt idx="17350">
                  <c:v>3770.06</c:v>
                </c:pt>
                <c:pt idx="17351">
                  <c:v>3628.78</c:v>
                </c:pt>
                <c:pt idx="17352">
                  <c:v>3576.13</c:v>
                </c:pt>
                <c:pt idx="17353">
                  <c:v>3454.94</c:v>
                </c:pt>
                <c:pt idx="17354">
                  <c:v>3498.06</c:v>
                </c:pt>
                <c:pt idx="17355">
                  <c:v>3360.73</c:v>
                </c:pt>
                <c:pt idx="17356">
                  <c:v>3417.62</c:v>
                </c:pt>
                <c:pt idx="17357">
                  <c:v>4920.03</c:v>
                </c:pt>
                <c:pt idx="17358">
                  <c:v>4456.42</c:v>
                </c:pt>
                <c:pt idx="17359">
                  <c:v>4090.49</c:v>
                </c:pt>
                <c:pt idx="17360">
                  <c:v>3911.67</c:v>
                </c:pt>
                <c:pt idx="17361">
                  <c:v>3770.06</c:v>
                </c:pt>
                <c:pt idx="17362">
                  <c:v>3628.78</c:v>
                </c:pt>
                <c:pt idx="17363">
                  <c:v>3576.13</c:v>
                </c:pt>
                <c:pt idx="17364">
                  <c:v>3454.94</c:v>
                </c:pt>
                <c:pt idx="17365">
                  <c:v>3498.06</c:v>
                </c:pt>
                <c:pt idx="17366">
                  <c:v>3360.73</c:v>
                </c:pt>
                <c:pt idx="17367">
                  <c:v>3417.62</c:v>
                </c:pt>
                <c:pt idx="17368">
                  <c:v>4920.03</c:v>
                </c:pt>
                <c:pt idx="17369">
                  <c:v>4456.42</c:v>
                </c:pt>
                <c:pt idx="17370">
                  <c:v>4090.49</c:v>
                </c:pt>
                <c:pt idx="17371">
                  <c:v>3911.67</c:v>
                </c:pt>
                <c:pt idx="17372">
                  <c:v>3770.06</c:v>
                </c:pt>
                <c:pt idx="17373">
                  <c:v>3628.78</c:v>
                </c:pt>
                <c:pt idx="17374">
                  <c:v>3576.13</c:v>
                </c:pt>
                <c:pt idx="17375">
                  <c:v>3454.94</c:v>
                </c:pt>
                <c:pt idx="17376">
                  <c:v>3498.06</c:v>
                </c:pt>
                <c:pt idx="17377">
                  <c:v>3360.73</c:v>
                </c:pt>
                <c:pt idx="17378">
                  <c:v>3417.62</c:v>
                </c:pt>
                <c:pt idx="17379">
                  <c:v>4920.03</c:v>
                </c:pt>
                <c:pt idx="17380">
                  <c:v>4456.42</c:v>
                </c:pt>
                <c:pt idx="17381">
                  <c:v>4090.49</c:v>
                </c:pt>
                <c:pt idx="17382">
                  <c:v>3911.67</c:v>
                </c:pt>
                <c:pt idx="17383">
                  <c:v>3770.06</c:v>
                </c:pt>
                <c:pt idx="17384">
                  <c:v>3628.78</c:v>
                </c:pt>
                <c:pt idx="17385">
                  <c:v>3576.13</c:v>
                </c:pt>
                <c:pt idx="17386">
                  <c:v>3454.94</c:v>
                </c:pt>
                <c:pt idx="17387">
                  <c:v>3498.06</c:v>
                </c:pt>
                <c:pt idx="17388">
                  <c:v>3360.73</c:v>
                </c:pt>
                <c:pt idx="17389">
                  <c:v>3417.62</c:v>
                </c:pt>
                <c:pt idx="17390">
                  <c:v>4920.03</c:v>
                </c:pt>
                <c:pt idx="17391">
                  <c:v>4456.42</c:v>
                </c:pt>
                <c:pt idx="17392">
                  <c:v>4090.49</c:v>
                </c:pt>
                <c:pt idx="17393">
                  <c:v>3911.67</c:v>
                </c:pt>
                <c:pt idx="17394">
                  <c:v>3770.06</c:v>
                </c:pt>
                <c:pt idx="17395">
                  <c:v>3628.78</c:v>
                </c:pt>
                <c:pt idx="17396">
                  <c:v>3576.13</c:v>
                </c:pt>
                <c:pt idx="17397">
                  <c:v>3454.94</c:v>
                </c:pt>
                <c:pt idx="17398">
                  <c:v>3498.06</c:v>
                </c:pt>
                <c:pt idx="17399">
                  <c:v>3360.73</c:v>
                </c:pt>
                <c:pt idx="17400">
                  <c:v>3417.62</c:v>
                </c:pt>
                <c:pt idx="17401">
                  <c:v>4920.03</c:v>
                </c:pt>
                <c:pt idx="17402">
                  <c:v>4456.42</c:v>
                </c:pt>
                <c:pt idx="17403">
                  <c:v>4090.49</c:v>
                </c:pt>
                <c:pt idx="17404">
                  <c:v>3911.67</c:v>
                </c:pt>
                <c:pt idx="17405">
                  <c:v>3770.06</c:v>
                </c:pt>
                <c:pt idx="17406">
                  <c:v>3628.78</c:v>
                </c:pt>
                <c:pt idx="17407">
                  <c:v>3576.13</c:v>
                </c:pt>
                <c:pt idx="17408">
                  <c:v>3454.94</c:v>
                </c:pt>
                <c:pt idx="17409">
                  <c:v>3498.06</c:v>
                </c:pt>
                <c:pt idx="17410">
                  <c:v>3360.73</c:v>
                </c:pt>
                <c:pt idx="17411">
                  <c:v>3417.62</c:v>
                </c:pt>
                <c:pt idx="17412">
                  <c:v>4920.03</c:v>
                </c:pt>
                <c:pt idx="17413">
                  <c:v>4456.42</c:v>
                </c:pt>
                <c:pt idx="17414">
                  <c:v>4090.49</c:v>
                </c:pt>
                <c:pt idx="17415">
                  <c:v>3911.67</c:v>
                </c:pt>
                <c:pt idx="17416">
                  <c:v>3770.06</c:v>
                </c:pt>
                <c:pt idx="17417">
                  <c:v>3628.78</c:v>
                </c:pt>
                <c:pt idx="17418">
                  <c:v>3576.13</c:v>
                </c:pt>
                <c:pt idx="17419">
                  <c:v>3454.94</c:v>
                </c:pt>
                <c:pt idx="17420">
                  <c:v>3498.06</c:v>
                </c:pt>
                <c:pt idx="17421">
                  <c:v>3360.73</c:v>
                </c:pt>
                <c:pt idx="17422">
                  <c:v>3417.62</c:v>
                </c:pt>
                <c:pt idx="17423">
                  <c:v>4406.0200000000004</c:v>
                </c:pt>
                <c:pt idx="17424">
                  <c:v>4014.98</c:v>
                </c:pt>
                <c:pt idx="17425">
                  <c:v>3674.36</c:v>
                </c:pt>
                <c:pt idx="17426">
                  <c:v>3534.24</c:v>
                </c:pt>
                <c:pt idx="17427">
                  <c:v>3330.59</c:v>
                </c:pt>
                <c:pt idx="17428">
                  <c:v>3298.13</c:v>
                </c:pt>
                <c:pt idx="17429">
                  <c:v>3094.25</c:v>
                </c:pt>
                <c:pt idx="17430">
                  <c:v>3068.3</c:v>
                </c:pt>
                <c:pt idx="17431">
                  <c:v>2970.39</c:v>
                </c:pt>
                <c:pt idx="17432">
                  <c:v>2999.05</c:v>
                </c:pt>
                <c:pt idx="17433">
                  <c:v>2931.47</c:v>
                </c:pt>
                <c:pt idx="17434">
                  <c:v>4406.0200000000004</c:v>
                </c:pt>
                <c:pt idx="17435">
                  <c:v>4014.98</c:v>
                </c:pt>
                <c:pt idx="17436">
                  <c:v>3674.36</c:v>
                </c:pt>
                <c:pt idx="17437">
                  <c:v>3534.24</c:v>
                </c:pt>
                <c:pt idx="17438">
                  <c:v>3330.59</c:v>
                </c:pt>
                <c:pt idx="17439">
                  <c:v>3298.13</c:v>
                </c:pt>
                <c:pt idx="17440">
                  <c:v>3094.25</c:v>
                </c:pt>
                <c:pt idx="17441">
                  <c:v>3068.3</c:v>
                </c:pt>
                <c:pt idx="17442">
                  <c:v>2970.39</c:v>
                </c:pt>
                <c:pt idx="17443">
                  <c:v>2999.05</c:v>
                </c:pt>
                <c:pt idx="17444">
                  <c:v>2931.47</c:v>
                </c:pt>
                <c:pt idx="17445">
                  <c:v>4406.0200000000004</c:v>
                </c:pt>
                <c:pt idx="17446">
                  <c:v>4014.98</c:v>
                </c:pt>
                <c:pt idx="17447">
                  <c:v>3674.36</c:v>
                </c:pt>
                <c:pt idx="17448">
                  <c:v>3534.24</c:v>
                </c:pt>
                <c:pt idx="17449">
                  <c:v>3330.59</c:v>
                </c:pt>
                <c:pt idx="17450">
                  <c:v>3298.13</c:v>
                </c:pt>
                <c:pt idx="17451">
                  <c:v>3094.25</c:v>
                </c:pt>
                <c:pt idx="17452">
                  <c:v>3068.3</c:v>
                </c:pt>
                <c:pt idx="17453">
                  <c:v>2970.39</c:v>
                </c:pt>
                <c:pt idx="17454">
                  <c:v>2999.05</c:v>
                </c:pt>
                <c:pt idx="17455">
                  <c:v>2931.47</c:v>
                </c:pt>
                <c:pt idx="17456">
                  <c:v>4406.0200000000004</c:v>
                </c:pt>
                <c:pt idx="17457">
                  <c:v>4014.98</c:v>
                </c:pt>
                <c:pt idx="17458">
                  <c:v>3674.36</c:v>
                </c:pt>
                <c:pt idx="17459">
                  <c:v>3534.24</c:v>
                </c:pt>
                <c:pt idx="17460">
                  <c:v>3330.59</c:v>
                </c:pt>
                <c:pt idx="17461">
                  <c:v>3298.13</c:v>
                </c:pt>
                <c:pt idx="17462">
                  <c:v>3094.25</c:v>
                </c:pt>
                <c:pt idx="17463">
                  <c:v>3068.3</c:v>
                </c:pt>
                <c:pt idx="17464">
                  <c:v>2970.39</c:v>
                </c:pt>
                <c:pt idx="17465">
                  <c:v>2999.05</c:v>
                </c:pt>
                <c:pt idx="17466">
                  <c:v>2931.47</c:v>
                </c:pt>
                <c:pt idx="17467">
                  <c:v>4406.0200000000004</c:v>
                </c:pt>
                <c:pt idx="17468">
                  <c:v>4014.98</c:v>
                </c:pt>
                <c:pt idx="17469">
                  <c:v>3674.36</c:v>
                </c:pt>
                <c:pt idx="17470">
                  <c:v>3534.24</c:v>
                </c:pt>
                <c:pt idx="17471">
                  <c:v>3330.59</c:v>
                </c:pt>
                <c:pt idx="17472">
                  <c:v>3298.13</c:v>
                </c:pt>
                <c:pt idx="17473">
                  <c:v>3094.25</c:v>
                </c:pt>
                <c:pt idx="17474">
                  <c:v>3068.3</c:v>
                </c:pt>
                <c:pt idx="17475">
                  <c:v>2970.39</c:v>
                </c:pt>
                <c:pt idx="17476">
                  <c:v>2999.05</c:v>
                </c:pt>
                <c:pt idx="17477">
                  <c:v>2931.47</c:v>
                </c:pt>
                <c:pt idx="17478">
                  <c:v>4406.0200000000004</c:v>
                </c:pt>
                <c:pt idx="17479">
                  <c:v>4014.98</c:v>
                </c:pt>
                <c:pt idx="17480">
                  <c:v>3674.36</c:v>
                </c:pt>
                <c:pt idx="17481">
                  <c:v>3534.24</c:v>
                </c:pt>
                <c:pt idx="17482">
                  <c:v>3330.59</c:v>
                </c:pt>
                <c:pt idx="17483">
                  <c:v>3298.13</c:v>
                </c:pt>
                <c:pt idx="17484">
                  <c:v>3094.25</c:v>
                </c:pt>
                <c:pt idx="17485">
                  <c:v>3068.3</c:v>
                </c:pt>
                <c:pt idx="17486">
                  <c:v>2970.39</c:v>
                </c:pt>
                <c:pt idx="17487">
                  <c:v>2999.05</c:v>
                </c:pt>
                <c:pt idx="17488">
                  <c:v>2931.47</c:v>
                </c:pt>
                <c:pt idx="17489">
                  <c:v>4406.0200000000004</c:v>
                </c:pt>
                <c:pt idx="17490">
                  <c:v>4014.98</c:v>
                </c:pt>
                <c:pt idx="17491">
                  <c:v>3674.36</c:v>
                </c:pt>
                <c:pt idx="17492">
                  <c:v>3534.24</c:v>
                </c:pt>
                <c:pt idx="17493">
                  <c:v>3330.59</c:v>
                </c:pt>
                <c:pt idx="17494">
                  <c:v>3298.13</c:v>
                </c:pt>
                <c:pt idx="17495">
                  <c:v>3094.25</c:v>
                </c:pt>
                <c:pt idx="17496">
                  <c:v>3068.3</c:v>
                </c:pt>
                <c:pt idx="17497">
                  <c:v>2970.39</c:v>
                </c:pt>
                <c:pt idx="17498">
                  <c:v>2999.05</c:v>
                </c:pt>
                <c:pt idx="17499">
                  <c:v>2931.47</c:v>
                </c:pt>
                <c:pt idx="17500">
                  <c:v>4406.0200000000004</c:v>
                </c:pt>
                <c:pt idx="17501">
                  <c:v>4014.98</c:v>
                </c:pt>
                <c:pt idx="17502">
                  <c:v>3674.36</c:v>
                </c:pt>
                <c:pt idx="17503">
                  <c:v>3534.24</c:v>
                </c:pt>
                <c:pt idx="17504">
                  <c:v>3330.59</c:v>
                </c:pt>
                <c:pt idx="17505">
                  <c:v>3298.13</c:v>
                </c:pt>
                <c:pt idx="17506">
                  <c:v>3094.25</c:v>
                </c:pt>
                <c:pt idx="17507">
                  <c:v>3068.3</c:v>
                </c:pt>
                <c:pt idx="17508">
                  <c:v>2970.39</c:v>
                </c:pt>
                <c:pt idx="17509">
                  <c:v>2999.05</c:v>
                </c:pt>
                <c:pt idx="17510">
                  <c:v>2931.47</c:v>
                </c:pt>
                <c:pt idx="17511">
                  <c:v>4406.0200000000004</c:v>
                </c:pt>
                <c:pt idx="17512">
                  <c:v>4014.98</c:v>
                </c:pt>
                <c:pt idx="17513">
                  <c:v>3674.36</c:v>
                </c:pt>
                <c:pt idx="17514">
                  <c:v>3534.24</c:v>
                </c:pt>
                <c:pt idx="17515">
                  <c:v>3330.59</c:v>
                </c:pt>
                <c:pt idx="17516">
                  <c:v>3298.13</c:v>
                </c:pt>
                <c:pt idx="17517">
                  <c:v>3094.25</c:v>
                </c:pt>
                <c:pt idx="17518">
                  <c:v>3068.3</c:v>
                </c:pt>
                <c:pt idx="17519">
                  <c:v>2970.39</c:v>
                </c:pt>
                <c:pt idx="17520">
                  <c:v>2999.05</c:v>
                </c:pt>
                <c:pt idx="17521">
                  <c:v>2931.47</c:v>
                </c:pt>
                <c:pt idx="17522">
                  <c:v>4406.0200000000004</c:v>
                </c:pt>
                <c:pt idx="17523">
                  <c:v>4014.98</c:v>
                </c:pt>
                <c:pt idx="17524">
                  <c:v>3674.36</c:v>
                </c:pt>
                <c:pt idx="17525">
                  <c:v>3534.24</c:v>
                </c:pt>
                <c:pt idx="17526">
                  <c:v>3330.59</c:v>
                </c:pt>
                <c:pt idx="17527">
                  <c:v>3298.13</c:v>
                </c:pt>
                <c:pt idx="17528">
                  <c:v>3094.25</c:v>
                </c:pt>
                <c:pt idx="17529">
                  <c:v>3068.3</c:v>
                </c:pt>
                <c:pt idx="17530">
                  <c:v>2970.39</c:v>
                </c:pt>
                <c:pt idx="17531">
                  <c:v>2999.05</c:v>
                </c:pt>
                <c:pt idx="17532">
                  <c:v>2931.47</c:v>
                </c:pt>
                <c:pt idx="17533">
                  <c:v>4406.0200000000004</c:v>
                </c:pt>
                <c:pt idx="17534">
                  <c:v>4014.98</c:v>
                </c:pt>
                <c:pt idx="17535">
                  <c:v>3674.36</c:v>
                </c:pt>
                <c:pt idx="17536">
                  <c:v>3534.24</c:v>
                </c:pt>
                <c:pt idx="17537">
                  <c:v>3330.59</c:v>
                </c:pt>
                <c:pt idx="17538">
                  <c:v>3298.13</c:v>
                </c:pt>
                <c:pt idx="17539">
                  <c:v>3094.25</c:v>
                </c:pt>
                <c:pt idx="17540">
                  <c:v>3068.3</c:v>
                </c:pt>
                <c:pt idx="17541">
                  <c:v>2970.39</c:v>
                </c:pt>
                <c:pt idx="17542">
                  <c:v>2999.05</c:v>
                </c:pt>
                <c:pt idx="17543">
                  <c:v>2931.47</c:v>
                </c:pt>
                <c:pt idx="17544">
                  <c:v>4406.0200000000004</c:v>
                </c:pt>
                <c:pt idx="17545">
                  <c:v>4014.98</c:v>
                </c:pt>
                <c:pt idx="17546">
                  <c:v>3674.36</c:v>
                </c:pt>
                <c:pt idx="17547">
                  <c:v>3534.24</c:v>
                </c:pt>
                <c:pt idx="17548">
                  <c:v>3330.59</c:v>
                </c:pt>
                <c:pt idx="17549">
                  <c:v>3298.13</c:v>
                </c:pt>
                <c:pt idx="17550">
                  <c:v>3094.25</c:v>
                </c:pt>
                <c:pt idx="17551">
                  <c:v>3068.3</c:v>
                </c:pt>
                <c:pt idx="17552">
                  <c:v>2970.39</c:v>
                </c:pt>
                <c:pt idx="17553">
                  <c:v>2999.05</c:v>
                </c:pt>
                <c:pt idx="17554">
                  <c:v>2931.47</c:v>
                </c:pt>
                <c:pt idx="17555">
                  <c:v>4406.0200000000004</c:v>
                </c:pt>
                <c:pt idx="17556">
                  <c:v>4014.98</c:v>
                </c:pt>
                <c:pt idx="17557">
                  <c:v>3674.36</c:v>
                </c:pt>
                <c:pt idx="17558">
                  <c:v>3534.24</c:v>
                </c:pt>
                <c:pt idx="17559">
                  <c:v>3330.59</c:v>
                </c:pt>
                <c:pt idx="17560">
                  <c:v>3298.13</c:v>
                </c:pt>
                <c:pt idx="17561">
                  <c:v>3094.25</c:v>
                </c:pt>
                <c:pt idx="17562">
                  <c:v>3068.3</c:v>
                </c:pt>
                <c:pt idx="17563">
                  <c:v>2970.39</c:v>
                </c:pt>
                <c:pt idx="17564">
                  <c:v>2896.05</c:v>
                </c:pt>
                <c:pt idx="17565">
                  <c:v>2821.66</c:v>
                </c:pt>
                <c:pt idx="17566">
                  <c:v>4406.0200000000004</c:v>
                </c:pt>
                <c:pt idx="17567">
                  <c:v>4014.98</c:v>
                </c:pt>
                <c:pt idx="17568">
                  <c:v>3674.36</c:v>
                </c:pt>
                <c:pt idx="17569">
                  <c:v>3534.24</c:v>
                </c:pt>
                <c:pt idx="17570">
                  <c:v>3330.59</c:v>
                </c:pt>
                <c:pt idx="17571">
                  <c:v>3298.13</c:v>
                </c:pt>
                <c:pt idx="17572">
                  <c:v>3094.25</c:v>
                </c:pt>
                <c:pt idx="17573">
                  <c:v>3068.3</c:v>
                </c:pt>
                <c:pt idx="17574">
                  <c:v>2970.39</c:v>
                </c:pt>
                <c:pt idx="17575">
                  <c:v>2999.05</c:v>
                </c:pt>
                <c:pt idx="17576">
                  <c:v>2931.47</c:v>
                </c:pt>
                <c:pt idx="17577">
                  <c:v>4406.0200000000004</c:v>
                </c:pt>
                <c:pt idx="17578">
                  <c:v>4014.98</c:v>
                </c:pt>
                <c:pt idx="17579">
                  <c:v>3674.36</c:v>
                </c:pt>
                <c:pt idx="17580">
                  <c:v>3534.24</c:v>
                </c:pt>
                <c:pt idx="17581">
                  <c:v>3330.59</c:v>
                </c:pt>
                <c:pt idx="17582">
                  <c:v>3298.13</c:v>
                </c:pt>
                <c:pt idx="17583">
                  <c:v>3094.25</c:v>
                </c:pt>
                <c:pt idx="17584">
                  <c:v>3068.3</c:v>
                </c:pt>
                <c:pt idx="17585">
                  <c:v>2970.39</c:v>
                </c:pt>
                <c:pt idx="17586">
                  <c:v>2999.05</c:v>
                </c:pt>
                <c:pt idx="17587">
                  <c:v>2931.47</c:v>
                </c:pt>
                <c:pt idx="17588">
                  <c:v>4406.0200000000004</c:v>
                </c:pt>
                <c:pt idx="17589">
                  <c:v>4014.98</c:v>
                </c:pt>
                <c:pt idx="17590">
                  <c:v>3674.36</c:v>
                </c:pt>
                <c:pt idx="17591">
                  <c:v>3534.24</c:v>
                </c:pt>
                <c:pt idx="17592">
                  <c:v>3330.59</c:v>
                </c:pt>
                <c:pt idx="17593">
                  <c:v>3298.13</c:v>
                </c:pt>
                <c:pt idx="17594">
                  <c:v>3094.25</c:v>
                </c:pt>
                <c:pt idx="17595">
                  <c:v>3068.3</c:v>
                </c:pt>
                <c:pt idx="17596">
                  <c:v>2970.39</c:v>
                </c:pt>
                <c:pt idx="17597">
                  <c:v>2999.05</c:v>
                </c:pt>
                <c:pt idx="17598">
                  <c:v>2931.47</c:v>
                </c:pt>
                <c:pt idx="17599">
                  <c:v>4406.0200000000004</c:v>
                </c:pt>
                <c:pt idx="17600">
                  <c:v>4014.98</c:v>
                </c:pt>
                <c:pt idx="17601">
                  <c:v>3674.36</c:v>
                </c:pt>
                <c:pt idx="17602">
                  <c:v>3534.24</c:v>
                </c:pt>
                <c:pt idx="17603">
                  <c:v>3330.59</c:v>
                </c:pt>
                <c:pt idx="17604">
                  <c:v>3298.13</c:v>
                </c:pt>
                <c:pt idx="17605">
                  <c:v>3094.25</c:v>
                </c:pt>
                <c:pt idx="17606">
                  <c:v>3068.3</c:v>
                </c:pt>
                <c:pt idx="17607">
                  <c:v>2970.39</c:v>
                </c:pt>
                <c:pt idx="17608">
                  <c:v>2999.05</c:v>
                </c:pt>
                <c:pt idx="17609">
                  <c:v>2931.47</c:v>
                </c:pt>
                <c:pt idx="17610">
                  <c:v>4406.0200000000004</c:v>
                </c:pt>
                <c:pt idx="17611">
                  <c:v>4014.98</c:v>
                </c:pt>
                <c:pt idx="17612">
                  <c:v>3674.36</c:v>
                </c:pt>
                <c:pt idx="17613">
                  <c:v>3534.24</c:v>
                </c:pt>
                <c:pt idx="17614">
                  <c:v>3330.59</c:v>
                </c:pt>
                <c:pt idx="17615">
                  <c:v>3298.13</c:v>
                </c:pt>
                <c:pt idx="17616">
                  <c:v>3094.25</c:v>
                </c:pt>
                <c:pt idx="17617">
                  <c:v>3068.3</c:v>
                </c:pt>
                <c:pt idx="17618">
                  <c:v>2970.39</c:v>
                </c:pt>
                <c:pt idx="17619">
                  <c:v>2999.05</c:v>
                </c:pt>
                <c:pt idx="17620">
                  <c:v>2931.47</c:v>
                </c:pt>
                <c:pt idx="17621">
                  <c:v>4406.0200000000004</c:v>
                </c:pt>
                <c:pt idx="17622">
                  <c:v>4014.98</c:v>
                </c:pt>
                <c:pt idx="17623">
                  <c:v>3674.36</c:v>
                </c:pt>
                <c:pt idx="17624">
                  <c:v>3534.24</c:v>
                </c:pt>
                <c:pt idx="17625">
                  <c:v>3330.59</c:v>
                </c:pt>
                <c:pt idx="17626">
                  <c:v>3298.13</c:v>
                </c:pt>
                <c:pt idx="17627">
                  <c:v>3094.25</c:v>
                </c:pt>
                <c:pt idx="17628">
                  <c:v>3068.3</c:v>
                </c:pt>
                <c:pt idx="17629">
                  <c:v>2970.39</c:v>
                </c:pt>
                <c:pt idx="17630">
                  <c:v>2999.05</c:v>
                </c:pt>
                <c:pt idx="17631">
                  <c:v>2931.47</c:v>
                </c:pt>
                <c:pt idx="17632">
                  <c:v>4406.0200000000004</c:v>
                </c:pt>
                <c:pt idx="17633">
                  <c:v>4014.98</c:v>
                </c:pt>
                <c:pt idx="17634">
                  <c:v>3674.36</c:v>
                </c:pt>
                <c:pt idx="17635">
                  <c:v>3534.24</c:v>
                </c:pt>
                <c:pt idx="17636">
                  <c:v>3330.59</c:v>
                </c:pt>
                <c:pt idx="17637">
                  <c:v>3298.13</c:v>
                </c:pt>
                <c:pt idx="17638">
                  <c:v>3094.25</c:v>
                </c:pt>
                <c:pt idx="17639">
                  <c:v>3068.3</c:v>
                </c:pt>
                <c:pt idx="17640">
                  <c:v>2970.39</c:v>
                </c:pt>
                <c:pt idx="17641">
                  <c:v>2999.05</c:v>
                </c:pt>
                <c:pt idx="17642">
                  <c:v>2931.47</c:v>
                </c:pt>
                <c:pt idx="17643">
                  <c:v>4406.0200000000004</c:v>
                </c:pt>
                <c:pt idx="17644">
                  <c:v>4014.98</c:v>
                </c:pt>
                <c:pt idx="17645">
                  <c:v>3674.36</c:v>
                </c:pt>
                <c:pt idx="17646">
                  <c:v>3534.24</c:v>
                </c:pt>
                <c:pt idx="17647">
                  <c:v>3330.59</c:v>
                </c:pt>
                <c:pt idx="17648">
                  <c:v>3298.13</c:v>
                </c:pt>
                <c:pt idx="17649">
                  <c:v>3094.25</c:v>
                </c:pt>
                <c:pt idx="17650">
                  <c:v>3068.3</c:v>
                </c:pt>
                <c:pt idx="17651">
                  <c:v>2970.39</c:v>
                </c:pt>
                <c:pt idx="17652">
                  <c:v>2999.05</c:v>
                </c:pt>
                <c:pt idx="17653">
                  <c:v>2931.47</c:v>
                </c:pt>
                <c:pt idx="17654">
                  <c:v>4406.0200000000004</c:v>
                </c:pt>
                <c:pt idx="17655">
                  <c:v>4014.98</c:v>
                </c:pt>
                <c:pt idx="17656">
                  <c:v>3674.36</c:v>
                </c:pt>
                <c:pt idx="17657">
                  <c:v>3534.24</c:v>
                </c:pt>
                <c:pt idx="17658">
                  <c:v>3330.59</c:v>
                </c:pt>
                <c:pt idx="17659">
                  <c:v>3298.13</c:v>
                </c:pt>
                <c:pt idx="17660">
                  <c:v>3094.25</c:v>
                </c:pt>
                <c:pt idx="17661">
                  <c:v>3068.3</c:v>
                </c:pt>
                <c:pt idx="17662">
                  <c:v>2970.39</c:v>
                </c:pt>
                <c:pt idx="17663">
                  <c:v>2999.05</c:v>
                </c:pt>
                <c:pt idx="17664">
                  <c:v>2931.47</c:v>
                </c:pt>
                <c:pt idx="17665">
                  <c:v>4406.0200000000004</c:v>
                </c:pt>
                <c:pt idx="17666">
                  <c:v>4014.98</c:v>
                </c:pt>
                <c:pt idx="17667">
                  <c:v>3674.36</c:v>
                </c:pt>
                <c:pt idx="17668">
                  <c:v>3534.24</c:v>
                </c:pt>
                <c:pt idx="17669">
                  <c:v>3330.59</c:v>
                </c:pt>
                <c:pt idx="17670">
                  <c:v>3298.13</c:v>
                </c:pt>
                <c:pt idx="17671">
                  <c:v>3094.25</c:v>
                </c:pt>
                <c:pt idx="17672">
                  <c:v>3068.3</c:v>
                </c:pt>
                <c:pt idx="17673">
                  <c:v>2970.39</c:v>
                </c:pt>
                <c:pt idx="17674">
                  <c:v>2999.05</c:v>
                </c:pt>
                <c:pt idx="17675">
                  <c:v>2931.47</c:v>
                </c:pt>
                <c:pt idx="17676">
                  <c:v>4406.0200000000004</c:v>
                </c:pt>
                <c:pt idx="17677">
                  <c:v>4014.98</c:v>
                </c:pt>
                <c:pt idx="17678">
                  <c:v>3674.36</c:v>
                </c:pt>
                <c:pt idx="17679">
                  <c:v>3534.24</c:v>
                </c:pt>
                <c:pt idx="17680">
                  <c:v>3330.59</c:v>
                </c:pt>
                <c:pt idx="17681">
                  <c:v>3298.13</c:v>
                </c:pt>
                <c:pt idx="17682">
                  <c:v>3094.25</c:v>
                </c:pt>
                <c:pt idx="17683">
                  <c:v>3068.3</c:v>
                </c:pt>
                <c:pt idx="17684">
                  <c:v>2970.39</c:v>
                </c:pt>
                <c:pt idx="17685">
                  <c:v>2999.05</c:v>
                </c:pt>
                <c:pt idx="17686">
                  <c:v>2931.47</c:v>
                </c:pt>
                <c:pt idx="17687">
                  <c:v>4406.0200000000004</c:v>
                </c:pt>
                <c:pt idx="17688">
                  <c:v>4014.98</c:v>
                </c:pt>
                <c:pt idx="17689">
                  <c:v>3674.36</c:v>
                </c:pt>
                <c:pt idx="17690">
                  <c:v>3534.24</c:v>
                </c:pt>
                <c:pt idx="17691">
                  <c:v>3330.59</c:v>
                </c:pt>
                <c:pt idx="17692">
                  <c:v>3298.13</c:v>
                </c:pt>
                <c:pt idx="17693">
                  <c:v>3094.25</c:v>
                </c:pt>
                <c:pt idx="17694">
                  <c:v>3068.3</c:v>
                </c:pt>
                <c:pt idx="17695">
                  <c:v>2970.39</c:v>
                </c:pt>
                <c:pt idx="17696">
                  <c:v>2896.05</c:v>
                </c:pt>
                <c:pt idx="17697">
                  <c:v>2821.66</c:v>
                </c:pt>
                <c:pt idx="17698">
                  <c:v>4406.0200000000004</c:v>
                </c:pt>
                <c:pt idx="17699">
                  <c:v>4014.98</c:v>
                </c:pt>
                <c:pt idx="17700">
                  <c:v>3674.36</c:v>
                </c:pt>
                <c:pt idx="17701">
                  <c:v>3534.24</c:v>
                </c:pt>
                <c:pt idx="17702">
                  <c:v>3330.59</c:v>
                </c:pt>
                <c:pt idx="17703">
                  <c:v>3298.13</c:v>
                </c:pt>
                <c:pt idx="17704">
                  <c:v>3094.25</c:v>
                </c:pt>
                <c:pt idx="17705">
                  <c:v>3068.3</c:v>
                </c:pt>
                <c:pt idx="17706">
                  <c:v>2970.39</c:v>
                </c:pt>
                <c:pt idx="17707">
                  <c:v>2999.05</c:v>
                </c:pt>
                <c:pt idx="17708">
                  <c:v>2931.47</c:v>
                </c:pt>
                <c:pt idx="17709">
                  <c:v>4406.0200000000004</c:v>
                </c:pt>
                <c:pt idx="17710">
                  <c:v>4014.98</c:v>
                </c:pt>
                <c:pt idx="17711">
                  <c:v>3674.36</c:v>
                </c:pt>
                <c:pt idx="17712">
                  <c:v>3534.24</c:v>
                </c:pt>
                <c:pt idx="17713">
                  <c:v>3330.59</c:v>
                </c:pt>
                <c:pt idx="17714">
                  <c:v>3298.13</c:v>
                </c:pt>
                <c:pt idx="17715">
                  <c:v>3094.25</c:v>
                </c:pt>
                <c:pt idx="17716">
                  <c:v>3068.3</c:v>
                </c:pt>
                <c:pt idx="17717">
                  <c:v>2970.39</c:v>
                </c:pt>
                <c:pt idx="17718">
                  <c:v>2999.05</c:v>
                </c:pt>
                <c:pt idx="17719">
                  <c:v>2931.47</c:v>
                </c:pt>
                <c:pt idx="17720">
                  <c:v>4406.0200000000004</c:v>
                </c:pt>
                <c:pt idx="17721">
                  <c:v>4014.98</c:v>
                </c:pt>
                <c:pt idx="17722">
                  <c:v>3674.36</c:v>
                </c:pt>
                <c:pt idx="17723">
                  <c:v>3534.24</c:v>
                </c:pt>
                <c:pt idx="17724">
                  <c:v>3330.59</c:v>
                </c:pt>
                <c:pt idx="17725">
                  <c:v>3298.13</c:v>
                </c:pt>
                <c:pt idx="17726">
                  <c:v>3094.25</c:v>
                </c:pt>
                <c:pt idx="17727">
                  <c:v>3068.3</c:v>
                </c:pt>
                <c:pt idx="17728">
                  <c:v>2970.39</c:v>
                </c:pt>
                <c:pt idx="17729">
                  <c:v>2999.05</c:v>
                </c:pt>
                <c:pt idx="17730">
                  <c:v>2931.47</c:v>
                </c:pt>
                <c:pt idx="17731">
                  <c:v>4406.0200000000004</c:v>
                </c:pt>
                <c:pt idx="17732">
                  <c:v>4014.98</c:v>
                </c:pt>
                <c:pt idx="17733">
                  <c:v>3674.36</c:v>
                </c:pt>
                <c:pt idx="17734">
                  <c:v>3534.24</c:v>
                </c:pt>
                <c:pt idx="17735">
                  <c:v>3330.59</c:v>
                </c:pt>
                <c:pt idx="17736">
                  <c:v>3298.13</c:v>
                </c:pt>
                <c:pt idx="17737">
                  <c:v>3094.25</c:v>
                </c:pt>
                <c:pt idx="17738">
                  <c:v>3068.3</c:v>
                </c:pt>
                <c:pt idx="17739">
                  <c:v>2970.39</c:v>
                </c:pt>
                <c:pt idx="17740">
                  <c:v>2999.05</c:v>
                </c:pt>
                <c:pt idx="17741">
                  <c:v>2931.47</c:v>
                </c:pt>
                <c:pt idx="17742">
                  <c:v>4406.0200000000004</c:v>
                </c:pt>
                <c:pt idx="17743">
                  <c:v>4014.98</c:v>
                </c:pt>
                <c:pt idx="17744">
                  <c:v>3674.36</c:v>
                </c:pt>
                <c:pt idx="17745">
                  <c:v>3534.24</c:v>
                </c:pt>
                <c:pt idx="17746">
                  <c:v>3330.59</c:v>
                </c:pt>
                <c:pt idx="17747">
                  <c:v>3298.13</c:v>
                </c:pt>
                <c:pt idx="17748">
                  <c:v>3094.25</c:v>
                </c:pt>
                <c:pt idx="17749">
                  <c:v>3068.3</c:v>
                </c:pt>
                <c:pt idx="17750">
                  <c:v>2970.39</c:v>
                </c:pt>
                <c:pt idx="17751">
                  <c:v>2999.05</c:v>
                </c:pt>
                <c:pt idx="17752">
                  <c:v>2931.47</c:v>
                </c:pt>
                <c:pt idx="17753">
                  <c:v>4406.0200000000004</c:v>
                </c:pt>
                <c:pt idx="17754">
                  <c:v>4014.98</c:v>
                </c:pt>
                <c:pt idx="17755">
                  <c:v>3674.36</c:v>
                </c:pt>
                <c:pt idx="17756">
                  <c:v>3534.24</c:v>
                </c:pt>
                <c:pt idx="17757">
                  <c:v>3330.59</c:v>
                </c:pt>
                <c:pt idx="17758">
                  <c:v>3298.13</c:v>
                </c:pt>
                <c:pt idx="17759">
                  <c:v>3094.25</c:v>
                </c:pt>
                <c:pt idx="17760">
                  <c:v>3068.3</c:v>
                </c:pt>
                <c:pt idx="17761">
                  <c:v>2970.39</c:v>
                </c:pt>
                <c:pt idx="17762">
                  <c:v>2999.05</c:v>
                </c:pt>
                <c:pt idx="17763">
                  <c:v>2931.47</c:v>
                </c:pt>
                <c:pt idx="17764">
                  <c:v>4406.0200000000004</c:v>
                </c:pt>
                <c:pt idx="17765">
                  <c:v>4014.98</c:v>
                </c:pt>
                <c:pt idx="17766">
                  <c:v>3674.36</c:v>
                </c:pt>
                <c:pt idx="17767">
                  <c:v>3534.24</c:v>
                </c:pt>
                <c:pt idx="17768">
                  <c:v>3330.59</c:v>
                </c:pt>
                <c:pt idx="17769">
                  <c:v>3298.13</c:v>
                </c:pt>
                <c:pt idx="17770">
                  <c:v>3094.25</c:v>
                </c:pt>
                <c:pt idx="17771">
                  <c:v>3068.3</c:v>
                </c:pt>
                <c:pt idx="17772">
                  <c:v>2970.39</c:v>
                </c:pt>
                <c:pt idx="17773">
                  <c:v>2999.05</c:v>
                </c:pt>
                <c:pt idx="17774">
                  <c:v>2931.47</c:v>
                </c:pt>
                <c:pt idx="17775">
                  <c:v>4406.0200000000004</c:v>
                </c:pt>
                <c:pt idx="17776">
                  <c:v>4014.98</c:v>
                </c:pt>
                <c:pt idx="17777">
                  <c:v>3674.36</c:v>
                </c:pt>
                <c:pt idx="17778">
                  <c:v>3534.24</c:v>
                </c:pt>
                <c:pt idx="17779">
                  <c:v>3330.59</c:v>
                </c:pt>
                <c:pt idx="17780">
                  <c:v>3298.13</c:v>
                </c:pt>
                <c:pt idx="17781">
                  <c:v>3094.25</c:v>
                </c:pt>
                <c:pt idx="17782">
                  <c:v>3068.3</c:v>
                </c:pt>
                <c:pt idx="17783">
                  <c:v>2970.39</c:v>
                </c:pt>
                <c:pt idx="17784">
                  <c:v>2999.05</c:v>
                </c:pt>
                <c:pt idx="17785">
                  <c:v>2931.47</c:v>
                </c:pt>
                <c:pt idx="17786">
                  <c:v>4406.0200000000004</c:v>
                </c:pt>
                <c:pt idx="17787">
                  <c:v>4014.98</c:v>
                </c:pt>
                <c:pt idx="17788">
                  <c:v>3674.36</c:v>
                </c:pt>
                <c:pt idx="17789">
                  <c:v>3534.24</c:v>
                </c:pt>
                <c:pt idx="17790">
                  <c:v>3330.59</c:v>
                </c:pt>
                <c:pt idx="17791">
                  <c:v>3298.13</c:v>
                </c:pt>
                <c:pt idx="17792">
                  <c:v>3094.25</c:v>
                </c:pt>
                <c:pt idx="17793">
                  <c:v>3068.3</c:v>
                </c:pt>
                <c:pt idx="17794">
                  <c:v>2970.39</c:v>
                </c:pt>
                <c:pt idx="17795">
                  <c:v>2999.05</c:v>
                </c:pt>
                <c:pt idx="17796">
                  <c:v>2931.47</c:v>
                </c:pt>
                <c:pt idx="17797">
                  <c:v>4406.0200000000004</c:v>
                </c:pt>
                <c:pt idx="17798">
                  <c:v>4014.98</c:v>
                </c:pt>
                <c:pt idx="17799">
                  <c:v>3674.36</c:v>
                </c:pt>
                <c:pt idx="17800">
                  <c:v>3534.24</c:v>
                </c:pt>
                <c:pt idx="17801">
                  <c:v>3330.59</c:v>
                </c:pt>
                <c:pt idx="17802">
                  <c:v>3298.13</c:v>
                </c:pt>
                <c:pt idx="17803">
                  <c:v>3094.25</c:v>
                </c:pt>
                <c:pt idx="17804">
                  <c:v>3068.3</c:v>
                </c:pt>
                <c:pt idx="17805">
                  <c:v>2970.39</c:v>
                </c:pt>
                <c:pt idx="17806">
                  <c:v>2999.05</c:v>
                </c:pt>
                <c:pt idx="17807">
                  <c:v>2931.47</c:v>
                </c:pt>
                <c:pt idx="17808">
                  <c:v>4406.0200000000004</c:v>
                </c:pt>
                <c:pt idx="17809">
                  <c:v>4014.98</c:v>
                </c:pt>
                <c:pt idx="17810">
                  <c:v>3674.36</c:v>
                </c:pt>
                <c:pt idx="17811">
                  <c:v>3534.24</c:v>
                </c:pt>
                <c:pt idx="17812">
                  <c:v>3330.59</c:v>
                </c:pt>
                <c:pt idx="17813">
                  <c:v>3298.13</c:v>
                </c:pt>
                <c:pt idx="17814">
                  <c:v>3094.25</c:v>
                </c:pt>
                <c:pt idx="17815">
                  <c:v>3068.3</c:v>
                </c:pt>
                <c:pt idx="17816">
                  <c:v>2970.39</c:v>
                </c:pt>
                <c:pt idx="17817">
                  <c:v>2999.05</c:v>
                </c:pt>
                <c:pt idx="17818">
                  <c:v>2931.47</c:v>
                </c:pt>
                <c:pt idx="17819">
                  <c:v>4406.0200000000004</c:v>
                </c:pt>
                <c:pt idx="17820">
                  <c:v>4014.98</c:v>
                </c:pt>
                <c:pt idx="17821">
                  <c:v>3674.36</c:v>
                </c:pt>
                <c:pt idx="17822">
                  <c:v>3534.24</c:v>
                </c:pt>
                <c:pt idx="17823">
                  <c:v>3330.59</c:v>
                </c:pt>
                <c:pt idx="17824">
                  <c:v>3298.13</c:v>
                </c:pt>
                <c:pt idx="17825">
                  <c:v>3094.25</c:v>
                </c:pt>
                <c:pt idx="17826">
                  <c:v>3068.3</c:v>
                </c:pt>
                <c:pt idx="17827">
                  <c:v>2970.39</c:v>
                </c:pt>
                <c:pt idx="17828">
                  <c:v>2896.05</c:v>
                </c:pt>
                <c:pt idx="17829">
                  <c:v>2821.66</c:v>
                </c:pt>
                <c:pt idx="17830">
                  <c:v>4406.0200000000004</c:v>
                </c:pt>
                <c:pt idx="17831">
                  <c:v>4014.98</c:v>
                </c:pt>
                <c:pt idx="17832">
                  <c:v>3674.36</c:v>
                </c:pt>
                <c:pt idx="17833">
                  <c:v>3534.24</c:v>
                </c:pt>
                <c:pt idx="17834">
                  <c:v>3330.59</c:v>
                </c:pt>
                <c:pt idx="17835">
                  <c:v>3298.13</c:v>
                </c:pt>
                <c:pt idx="17836">
                  <c:v>3094.25</c:v>
                </c:pt>
                <c:pt idx="17837">
                  <c:v>3068.3</c:v>
                </c:pt>
                <c:pt idx="17838">
                  <c:v>2970.39</c:v>
                </c:pt>
                <c:pt idx="17839">
                  <c:v>2999.05</c:v>
                </c:pt>
                <c:pt idx="17840">
                  <c:v>2931.47</c:v>
                </c:pt>
                <c:pt idx="17841">
                  <c:v>4406.0200000000004</c:v>
                </c:pt>
                <c:pt idx="17842">
                  <c:v>4014.98</c:v>
                </c:pt>
                <c:pt idx="17843">
                  <c:v>3674.36</c:v>
                </c:pt>
                <c:pt idx="17844">
                  <c:v>3534.24</c:v>
                </c:pt>
                <c:pt idx="17845">
                  <c:v>3330.59</c:v>
                </c:pt>
                <c:pt idx="17846">
                  <c:v>3298.13</c:v>
                </c:pt>
                <c:pt idx="17847">
                  <c:v>3094.25</c:v>
                </c:pt>
                <c:pt idx="17848">
                  <c:v>3068.3</c:v>
                </c:pt>
                <c:pt idx="17849">
                  <c:v>2970.39</c:v>
                </c:pt>
                <c:pt idx="17850">
                  <c:v>2999.05</c:v>
                </c:pt>
                <c:pt idx="17851">
                  <c:v>2931.47</c:v>
                </c:pt>
                <c:pt idx="17852">
                  <c:v>4406.0200000000004</c:v>
                </c:pt>
                <c:pt idx="17853">
                  <c:v>4014.98</c:v>
                </c:pt>
                <c:pt idx="17854">
                  <c:v>3674.36</c:v>
                </c:pt>
                <c:pt idx="17855">
                  <c:v>3534.24</c:v>
                </c:pt>
                <c:pt idx="17856">
                  <c:v>3330.59</c:v>
                </c:pt>
                <c:pt idx="17857">
                  <c:v>3298.13</c:v>
                </c:pt>
                <c:pt idx="17858">
                  <c:v>3094.25</c:v>
                </c:pt>
                <c:pt idx="17859">
                  <c:v>3068.3</c:v>
                </c:pt>
                <c:pt idx="17860">
                  <c:v>2970.39</c:v>
                </c:pt>
                <c:pt idx="17861">
                  <c:v>2999.05</c:v>
                </c:pt>
                <c:pt idx="17862">
                  <c:v>2931.47</c:v>
                </c:pt>
                <c:pt idx="17863">
                  <c:v>4406.0200000000004</c:v>
                </c:pt>
                <c:pt idx="17864">
                  <c:v>4014.98</c:v>
                </c:pt>
                <c:pt idx="17865">
                  <c:v>3674.36</c:v>
                </c:pt>
                <c:pt idx="17866">
                  <c:v>3534.24</c:v>
                </c:pt>
                <c:pt idx="17867">
                  <c:v>3330.59</c:v>
                </c:pt>
                <c:pt idx="17868">
                  <c:v>3298.13</c:v>
                </c:pt>
                <c:pt idx="17869">
                  <c:v>3094.25</c:v>
                </c:pt>
                <c:pt idx="17870">
                  <c:v>3068.3</c:v>
                </c:pt>
                <c:pt idx="17871">
                  <c:v>2970.39</c:v>
                </c:pt>
                <c:pt idx="17872">
                  <c:v>2999.05</c:v>
                </c:pt>
                <c:pt idx="17873">
                  <c:v>2931.47</c:v>
                </c:pt>
                <c:pt idx="17874">
                  <c:v>4406.0200000000004</c:v>
                </c:pt>
                <c:pt idx="17875">
                  <c:v>4014.98</c:v>
                </c:pt>
                <c:pt idx="17876">
                  <c:v>3674.36</c:v>
                </c:pt>
                <c:pt idx="17877">
                  <c:v>3534.24</c:v>
                </c:pt>
                <c:pt idx="17878">
                  <c:v>3330.59</c:v>
                </c:pt>
                <c:pt idx="17879">
                  <c:v>3298.13</c:v>
                </c:pt>
                <c:pt idx="17880">
                  <c:v>3094.25</c:v>
                </c:pt>
                <c:pt idx="17881">
                  <c:v>3068.3</c:v>
                </c:pt>
                <c:pt idx="17882">
                  <c:v>2970.39</c:v>
                </c:pt>
                <c:pt idx="17883">
                  <c:v>2999.05</c:v>
                </c:pt>
                <c:pt idx="17884">
                  <c:v>2931.47</c:v>
                </c:pt>
                <c:pt idx="17885">
                  <c:v>4406.0200000000004</c:v>
                </c:pt>
                <c:pt idx="17886">
                  <c:v>4014.98</c:v>
                </c:pt>
                <c:pt idx="17887">
                  <c:v>3674.36</c:v>
                </c:pt>
                <c:pt idx="17888">
                  <c:v>3534.24</c:v>
                </c:pt>
                <c:pt idx="17889">
                  <c:v>3330.59</c:v>
                </c:pt>
                <c:pt idx="17890">
                  <c:v>3298.13</c:v>
                </c:pt>
                <c:pt idx="17891">
                  <c:v>3094.25</c:v>
                </c:pt>
                <c:pt idx="17892">
                  <c:v>3068.3</c:v>
                </c:pt>
                <c:pt idx="17893">
                  <c:v>2970.39</c:v>
                </c:pt>
                <c:pt idx="17894">
                  <c:v>2999.05</c:v>
                </c:pt>
                <c:pt idx="17895">
                  <c:v>2931.47</c:v>
                </c:pt>
                <c:pt idx="17896">
                  <c:v>4406.0200000000004</c:v>
                </c:pt>
                <c:pt idx="17897">
                  <c:v>4014.98</c:v>
                </c:pt>
                <c:pt idx="17898">
                  <c:v>3674.36</c:v>
                </c:pt>
                <c:pt idx="17899">
                  <c:v>3534.24</c:v>
                </c:pt>
                <c:pt idx="17900">
                  <c:v>3330.59</c:v>
                </c:pt>
                <c:pt idx="17901">
                  <c:v>3298.13</c:v>
                </c:pt>
                <c:pt idx="17902">
                  <c:v>3094.25</c:v>
                </c:pt>
                <c:pt idx="17903">
                  <c:v>3068.3</c:v>
                </c:pt>
                <c:pt idx="17904">
                  <c:v>2970.39</c:v>
                </c:pt>
                <c:pt idx="17905">
                  <c:v>2999.05</c:v>
                </c:pt>
                <c:pt idx="17906">
                  <c:v>2931.47</c:v>
                </c:pt>
                <c:pt idx="17907">
                  <c:v>4406.0200000000004</c:v>
                </c:pt>
                <c:pt idx="17908">
                  <c:v>4014.98</c:v>
                </c:pt>
                <c:pt idx="17909">
                  <c:v>3674.36</c:v>
                </c:pt>
                <c:pt idx="17910">
                  <c:v>3534.24</c:v>
                </c:pt>
                <c:pt idx="17911">
                  <c:v>3330.59</c:v>
                </c:pt>
                <c:pt idx="17912">
                  <c:v>3298.13</c:v>
                </c:pt>
                <c:pt idx="17913">
                  <c:v>3094.25</c:v>
                </c:pt>
                <c:pt idx="17914">
                  <c:v>3068.3</c:v>
                </c:pt>
                <c:pt idx="17915">
                  <c:v>2970.39</c:v>
                </c:pt>
                <c:pt idx="17916">
                  <c:v>2999.05</c:v>
                </c:pt>
                <c:pt idx="17917">
                  <c:v>2931.47</c:v>
                </c:pt>
                <c:pt idx="17918">
                  <c:v>4406.0200000000004</c:v>
                </c:pt>
                <c:pt idx="17919">
                  <c:v>4014.98</c:v>
                </c:pt>
                <c:pt idx="17920">
                  <c:v>3674.36</c:v>
                </c:pt>
                <c:pt idx="17921">
                  <c:v>3534.24</c:v>
                </c:pt>
                <c:pt idx="17922">
                  <c:v>3330.59</c:v>
                </c:pt>
                <c:pt idx="17923">
                  <c:v>3298.13</c:v>
                </c:pt>
                <c:pt idx="17924">
                  <c:v>3094.25</c:v>
                </c:pt>
                <c:pt idx="17925">
                  <c:v>3068.3</c:v>
                </c:pt>
                <c:pt idx="17926">
                  <c:v>2970.39</c:v>
                </c:pt>
                <c:pt idx="17927">
                  <c:v>2999.05</c:v>
                </c:pt>
                <c:pt idx="17928">
                  <c:v>2931.47</c:v>
                </c:pt>
                <c:pt idx="17929">
                  <c:v>4406.0200000000004</c:v>
                </c:pt>
                <c:pt idx="17930">
                  <c:v>4014.98</c:v>
                </c:pt>
                <c:pt idx="17931">
                  <c:v>3674.36</c:v>
                </c:pt>
                <c:pt idx="17932">
                  <c:v>3534.24</c:v>
                </c:pt>
                <c:pt idx="17933">
                  <c:v>3330.59</c:v>
                </c:pt>
                <c:pt idx="17934">
                  <c:v>3298.13</c:v>
                </c:pt>
                <c:pt idx="17935">
                  <c:v>3094.25</c:v>
                </c:pt>
                <c:pt idx="17936">
                  <c:v>3068.3</c:v>
                </c:pt>
                <c:pt idx="17937">
                  <c:v>2970.39</c:v>
                </c:pt>
                <c:pt idx="17938">
                  <c:v>2999.05</c:v>
                </c:pt>
                <c:pt idx="17939">
                  <c:v>2931.47</c:v>
                </c:pt>
                <c:pt idx="17940">
                  <c:v>4406.0200000000004</c:v>
                </c:pt>
                <c:pt idx="17941">
                  <c:v>4014.98</c:v>
                </c:pt>
                <c:pt idx="17942">
                  <c:v>3674.36</c:v>
                </c:pt>
                <c:pt idx="17943">
                  <c:v>3534.24</c:v>
                </c:pt>
                <c:pt idx="17944">
                  <c:v>3330.59</c:v>
                </c:pt>
                <c:pt idx="17945">
                  <c:v>3298.13</c:v>
                </c:pt>
                <c:pt idx="17946">
                  <c:v>3094.25</c:v>
                </c:pt>
                <c:pt idx="17947">
                  <c:v>3068.3</c:v>
                </c:pt>
                <c:pt idx="17948">
                  <c:v>2970.39</c:v>
                </c:pt>
                <c:pt idx="17949">
                  <c:v>2999.05</c:v>
                </c:pt>
                <c:pt idx="17950">
                  <c:v>2931.47</c:v>
                </c:pt>
                <c:pt idx="17951">
                  <c:v>4406.0200000000004</c:v>
                </c:pt>
                <c:pt idx="17952">
                  <c:v>4014.98</c:v>
                </c:pt>
                <c:pt idx="17953">
                  <c:v>3674.36</c:v>
                </c:pt>
                <c:pt idx="17954">
                  <c:v>3534.24</c:v>
                </c:pt>
                <c:pt idx="17955">
                  <c:v>3330.59</c:v>
                </c:pt>
                <c:pt idx="17956">
                  <c:v>3298.13</c:v>
                </c:pt>
                <c:pt idx="17957">
                  <c:v>3094.25</c:v>
                </c:pt>
                <c:pt idx="17958">
                  <c:v>3068.3</c:v>
                </c:pt>
                <c:pt idx="17959">
                  <c:v>2970.39</c:v>
                </c:pt>
                <c:pt idx="17960">
                  <c:v>2896.05</c:v>
                </c:pt>
                <c:pt idx="17961">
                  <c:v>2821.66</c:v>
                </c:pt>
                <c:pt idx="17962">
                  <c:v>4406.0200000000004</c:v>
                </c:pt>
                <c:pt idx="17963">
                  <c:v>4014.98</c:v>
                </c:pt>
                <c:pt idx="17964">
                  <c:v>3674.36</c:v>
                </c:pt>
                <c:pt idx="17965">
                  <c:v>3534.24</c:v>
                </c:pt>
                <c:pt idx="17966">
                  <c:v>3330.59</c:v>
                </c:pt>
                <c:pt idx="17967">
                  <c:v>3298.13</c:v>
                </c:pt>
                <c:pt idx="17968">
                  <c:v>3094.25</c:v>
                </c:pt>
                <c:pt idx="17969">
                  <c:v>3068.3</c:v>
                </c:pt>
                <c:pt idx="17970">
                  <c:v>2970.39</c:v>
                </c:pt>
                <c:pt idx="17971">
                  <c:v>2999.05</c:v>
                </c:pt>
                <c:pt idx="17972">
                  <c:v>2931.47</c:v>
                </c:pt>
                <c:pt idx="17973">
                  <c:v>4406.0200000000004</c:v>
                </c:pt>
                <c:pt idx="17974">
                  <c:v>4014.98</c:v>
                </c:pt>
                <c:pt idx="17975">
                  <c:v>3674.36</c:v>
                </c:pt>
                <c:pt idx="17976">
                  <c:v>3534.24</c:v>
                </c:pt>
                <c:pt idx="17977">
                  <c:v>3330.59</c:v>
                </c:pt>
                <c:pt idx="17978">
                  <c:v>3298.13</c:v>
                </c:pt>
                <c:pt idx="17979">
                  <c:v>3094.25</c:v>
                </c:pt>
                <c:pt idx="17980">
                  <c:v>3068.3</c:v>
                </c:pt>
                <c:pt idx="17981">
                  <c:v>2970.39</c:v>
                </c:pt>
                <c:pt idx="17982">
                  <c:v>2999.05</c:v>
                </c:pt>
                <c:pt idx="17983">
                  <c:v>2931.47</c:v>
                </c:pt>
                <c:pt idx="17984">
                  <c:v>4406.0200000000004</c:v>
                </c:pt>
                <c:pt idx="17985">
                  <c:v>4014.98</c:v>
                </c:pt>
                <c:pt idx="17986">
                  <c:v>3674.36</c:v>
                </c:pt>
                <c:pt idx="17987">
                  <c:v>3534.24</c:v>
                </c:pt>
                <c:pt idx="17988">
                  <c:v>3330.59</c:v>
                </c:pt>
                <c:pt idx="17989">
                  <c:v>3298.13</c:v>
                </c:pt>
                <c:pt idx="17990">
                  <c:v>3094.25</c:v>
                </c:pt>
                <c:pt idx="17991">
                  <c:v>3068.3</c:v>
                </c:pt>
                <c:pt idx="17992">
                  <c:v>2970.39</c:v>
                </c:pt>
                <c:pt idx="17993">
                  <c:v>2999.05</c:v>
                </c:pt>
                <c:pt idx="17994">
                  <c:v>2931.47</c:v>
                </c:pt>
                <c:pt idx="17995">
                  <c:v>4406.0200000000004</c:v>
                </c:pt>
                <c:pt idx="17996">
                  <c:v>4014.98</c:v>
                </c:pt>
                <c:pt idx="17997">
                  <c:v>3674.36</c:v>
                </c:pt>
                <c:pt idx="17998">
                  <c:v>3534.24</c:v>
                </c:pt>
                <c:pt idx="17999">
                  <c:v>3330.59</c:v>
                </c:pt>
                <c:pt idx="18000">
                  <c:v>3298.13</c:v>
                </c:pt>
                <c:pt idx="18001">
                  <c:v>3094.25</c:v>
                </c:pt>
                <c:pt idx="18002">
                  <c:v>3068.3</c:v>
                </c:pt>
                <c:pt idx="18003">
                  <c:v>2970.39</c:v>
                </c:pt>
                <c:pt idx="18004">
                  <c:v>2999.05</c:v>
                </c:pt>
                <c:pt idx="18005">
                  <c:v>2931.47</c:v>
                </c:pt>
                <c:pt idx="18006">
                  <c:v>4406.0200000000004</c:v>
                </c:pt>
                <c:pt idx="18007">
                  <c:v>4014.98</c:v>
                </c:pt>
                <c:pt idx="18008">
                  <c:v>3674.36</c:v>
                </c:pt>
                <c:pt idx="18009">
                  <c:v>3534.24</c:v>
                </c:pt>
                <c:pt idx="18010">
                  <c:v>3330.59</c:v>
                </c:pt>
                <c:pt idx="18011">
                  <c:v>3298.13</c:v>
                </c:pt>
                <c:pt idx="18012">
                  <c:v>3094.25</c:v>
                </c:pt>
                <c:pt idx="18013">
                  <c:v>3068.3</c:v>
                </c:pt>
                <c:pt idx="18014">
                  <c:v>2970.39</c:v>
                </c:pt>
                <c:pt idx="18015">
                  <c:v>2999.05</c:v>
                </c:pt>
                <c:pt idx="18016">
                  <c:v>2931.47</c:v>
                </c:pt>
                <c:pt idx="18017">
                  <c:v>4406.0200000000004</c:v>
                </c:pt>
                <c:pt idx="18018">
                  <c:v>4014.98</c:v>
                </c:pt>
                <c:pt idx="18019">
                  <c:v>3674.36</c:v>
                </c:pt>
                <c:pt idx="18020">
                  <c:v>3534.24</c:v>
                </c:pt>
                <c:pt idx="18021">
                  <c:v>3330.59</c:v>
                </c:pt>
                <c:pt idx="18022">
                  <c:v>3298.13</c:v>
                </c:pt>
                <c:pt idx="18023">
                  <c:v>3094.25</c:v>
                </c:pt>
                <c:pt idx="18024">
                  <c:v>3068.3</c:v>
                </c:pt>
                <c:pt idx="18025">
                  <c:v>2970.39</c:v>
                </c:pt>
                <c:pt idx="18026">
                  <c:v>2999.05</c:v>
                </c:pt>
                <c:pt idx="18027">
                  <c:v>2931.47</c:v>
                </c:pt>
                <c:pt idx="18028">
                  <c:v>4406.0200000000004</c:v>
                </c:pt>
                <c:pt idx="18029">
                  <c:v>4014.98</c:v>
                </c:pt>
                <c:pt idx="18030">
                  <c:v>3674.36</c:v>
                </c:pt>
                <c:pt idx="18031">
                  <c:v>3534.24</c:v>
                </c:pt>
                <c:pt idx="18032">
                  <c:v>3330.59</c:v>
                </c:pt>
                <c:pt idx="18033">
                  <c:v>3298.13</c:v>
                </c:pt>
                <c:pt idx="18034">
                  <c:v>3094.25</c:v>
                </c:pt>
                <c:pt idx="18035">
                  <c:v>3068.3</c:v>
                </c:pt>
                <c:pt idx="18036">
                  <c:v>2970.39</c:v>
                </c:pt>
                <c:pt idx="18037">
                  <c:v>2999.05</c:v>
                </c:pt>
                <c:pt idx="18038">
                  <c:v>2931.47</c:v>
                </c:pt>
                <c:pt idx="18039">
                  <c:v>4406.0200000000004</c:v>
                </c:pt>
                <c:pt idx="18040">
                  <c:v>4014.98</c:v>
                </c:pt>
                <c:pt idx="18041">
                  <c:v>3674.36</c:v>
                </c:pt>
                <c:pt idx="18042">
                  <c:v>3534.24</c:v>
                </c:pt>
                <c:pt idx="18043">
                  <c:v>3330.59</c:v>
                </c:pt>
                <c:pt idx="18044">
                  <c:v>3298.13</c:v>
                </c:pt>
                <c:pt idx="18045">
                  <c:v>3094.25</c:v>
                </c:pt>
                <c:pt idx="18046">
                  <c:v>3068.3</c:v>
                </c:pt>
                <c:pt idx="18047">
                  <c:v>2970.39</c:v>
                </c:pt>
                <c:pt idx="18048">
                  <c:v>2999.05</c:v>
                </c:pt>
                <c:pt idx="18049">
                  <c:v>2931.47</c:v>
                </c:pt>
                <c:pt idx="18050">
                  <c:v>4406.0200000000004</c:v>
                </c:pt>
                <c:pt idx="18051">
                  <c:v>4014.98</c:v>
                </c:pt>
                <c:pt idx="18052">
                  <c:v>3674.36</c:v>
                </c:pt>
                <c:pt idx="18053">
                  <c:v>3534.24</c:v>
                </c:pt>
                <c:pt idx="18054">
                  <c:v>3330.59</c:v>
                </c:pt>
                <c:pt idx="18055">
                  <c:v>3298.13</c:v>
                </c:pt>
                <c:pt idx="18056">
                  <c:v>3094.25</c:v>
                </c:pt>
                <c:pt idx="18057">
                  <c:v>3068.3</c:v>
                </c:pt>
                <c:pt idx="18058">
                  <c:v>2970.39</c:v>
                </c:pt>
                <c:pt idx="18059">
                  <c:v>2999.05</c:v>
                </c:pt>
                <c:pt idx="18060">
                  <c:v>2931.47</c:v>
                </c:pt>
                <c:pt idx="18061">
                  <c:v>4406.0200000000004</c:v>
                </c:pt>
                <c:pt idx="18062">
                  <c:v>4014.98</c:v>
                </c:pt>
                <c:pt idx="18063">
                  <c:v>3674.36</c:v>
                </c:pt>
                <c:pt idx="18064">
                  <c:v>3534.24</c:v>
                </c:pt>
                <c:pt idx="18065">
                  <c:v>3330.59</c:v>
                </c:pt>
                <c:pt idx="18066">
                  <c:v>3298.13</c:v>
                </c:pt>
                <c:pt idx="18067">
                  <c:v>3094.25</c:v>
                </c:pt>
                <c:pt idx="18068">
                  <c:v>3068.3</c:v>
                </c:pt>
                <c:pt idx="18069">
                  <c:v>2970.39</c:v>
                </c:pt>
                <c:pt idx="18070">
                  <c:v>2999.05</c:v>
                </c:pt>
                <c:pt idx="18071">
                  <c:v>2931.47</c:v>
                </c:pt>
                <c:pt idx="18072">
                  <c:v>4406.0200000000004</c:v>
                </c:pt>
                <c:pt idx="18073">
                  <c:v>4014.98</c:v>
                </c:pt>
                <c:pt idx="18074">
                  <c:v>3674.36</c:v>
                </c:pt>
                <c:pt idx="18075">
                  <c:v>3534.24</c:v>
                </c:pt>
                <c:pt idx="18076">
                  <c:v>3330.59</c:v>
                </c:pt>
                <c:pt idx="18077">
                  <c:v>3298.13</c:v>
                </c:pt>
                <c:pt idx="18078">
                  <c:v>3094.25</c:v>
                </c:pt>
                <c:pt idx="18079">
                  <c:v>3068.3</c:v>
                </c:pt>
                <c:pt idx="18080">
                  <c:v>2970.39</c:v>
                </c:pt>
                <c:pt idx="18081">
                  <c:v>2999.05</c:v>
                </c:pt>
                <c:pt idx="18082">
                  <c:v>2931.47</c:v>
                </c:pt>
                <c:pt idx="18083">
                  <c:v>4406.0200000000004</c:v>
                </c:pt>
                <c:pt idx="18084">
                  <c:v>4014.98</c:v>
                </c:pt>
                <c:pt idx="18085">
                  <c:v>3674.36</c:v>
                </c:pt>
                <c:pt idx="18086">
                  <c:v>3534.24</c:v>
                </c:pt>
                <c:pt idx="18087">
                  <c:v>3330.59</c:v>
                </c:pt>
                <c:pt idx="18088">
                  <c:v>3298.13</c:v>
                </c:pt>
                <c:pt idx="18089">
                  <c:v>3094.25</c:v>
                </c:pt>
                <c:pt idx="18090">
                  <c:v>3068.3</c:v>
                </c:pt>
                <c:pt idx="18091">
                  <c:v>2970.39</c:v>
                </c:pt>
                <c:pt idx="18092">
                  <c:v>2896.05</c:v>
                </c:pt>
                <c:pt idx="18093">
                  <c:v>2821.66</c:v>
                </c:pt>
                <c:pt idx="18094">
                  <c:v>4406.0200000000004</c:v>
                </c:pt>
                <c:pt idx="18095">
                  <c:v>4014.98</c:v>
                </c:pt>
                <c:pt idx="18096">
                  <c:v>3674.36</c:v>
                </c:pt>
                <c:pt idx="18097">
                  <c:v>3534.24</c:v>
                </c:pt>
                <c:pt idx="18098">
                  <c:v>3330.59</c:v>
                </c:pt>
                <c:pt idx="18099">
                  <c:v>3298.13</c:v>
                </c:pt>
                <c:pt idx="18100">
                  <c:v>3094.25</c:v>
                </c:pt>
                <c:pt idx="18101">
                  <c:v>3068.3</c:v>
                </c:pt>
                <c:pt idx="18102">
                  <c:v>2970.39</c:v>
                </c:pt>
                <c:pt idx="18103">
                  <c:v>2999.05</c:v>
                </c:pt>
                <c:pt idx="18104">
                  <c:v>2931.47</c:v>
                </c:pt>
                <c:pt idx="18105">
                  <c:v>4406.0200000000004</c:v>
                </c:pt>
                <c:pt idx="18106">
                  <c:v>4014.98</c:v>
                </c:pt>
                <c:pt idx="18107">
                  <c:v>3674.36</c:v>
                </c:pt>
                <c:pt idx="18108">
                  <c:v>3534.24</c:v>
                </c:pt>
                <c:pt idx="18109">
                  <c:v>3330.59</c:v>
                </c:pt>
                <c:pt idx="18110">
                  <c:v>3298.13</c:v>
                </c:pt>
                <c:pt idx="18111">
                  <c:v>3094.25</c:v>
                </c:pt>
                <c:pt idx="18112">
                  <c:v>3068.3</c:v>
                </c:pt>
                <c:pt idx="18113">
                  <c:v>2970.39</c:v>
                </c:pt>
                <c:pt idx="18114">
                  <c:v>2999.05</c:v>
                </c:pt>
                <c:pt idx="18115">
                  <c:v>2931.47</c:v>
                </c:pt>
                <c:pt idx="18116">
                  <c:v>4406.0200000000004</c:v>
                </c:pt>
                <c:pt idx="18117">
                  <c:v>4014.98</c:v>
                </c:pt>
                <c:pt idx="18118">
                  <c:v>3674.36</c:v>
                </c:pt>
                <c:pt idx="18119">
                  <c:v>3534.24</c:v>
                </c:pt>
                <c:pt idx="18120">
                  <c:v>3330.59</c:v>
                </c:pt>
                <c:pt idx="18121">
                  <c:v>3298.13</c:v>
                </c:pt>
                <c:pt idx="18122">
                  <c:v>3094.25</c:v>
                </c:pt>
                <c:pt idx="18123">
                  <c:v>3068.3</c:v>
                </c:pt>
                <c:pt idx="18124">
                  <c:v>2970.39</c:v>
                </c:pt>
                <c:pt idx="18125">
                  <c:v>2999.05</c:v>
                </c:pt>
                <c:pt idx="18126">
                  <c:v>2931.47</c:v>
                </c:pt>
                <c:pt idx="18127">
                  <c:v>4406.0200000000004</c:v>
                </c:pt>
                <c:pt idx="18128">
                  <c:v>4014.98</c:v>
                </c:pt>
                <c:pt idx="18129">
                  <c:v>3674.36</c:v>
                </c:pt>
                <c:pt idx="18130">
                  <c:v>3534.24</c:v>
                </c:pt>
                <c:pt idx="18131">
                  <c:v>3330.59</c:v>
                </c:pt>
                <c:pt idx="18132">
                  <c:v>3298.13</c:v>
                </c:pt>
                <c:pt idx="18133">
                  <c:v>3094.25</c:v>
                </c:pt>
                <c:pt idx="18134">
                  <c:v>3068.3</c:v>
                </c:pt>
                <c:pt idx="18135">
                  <c:v>2970.39</c:v>
                </c:pt>
                <c:pt idx="18136">
                  <c:v>2999.05</c:v>
                </c:pt>
                <c:pt idx="18137">
                  <c:v>2931.47</c:v>
                </c:pt>
                <c:pt idx="18138">
                  <c:v>4406.0200000000004</c:v>
                </c:pt>
                <c:pt idx="18139">
                  <c:v>4014.98</c:v>
                </c:pt>
                <c:pt idx="18140">
                  <c:v>3674.36</c:v>
                </c:pt>
                <c:pt idx="18141">
                  <c:v>3534.24</c:v>
                </c:pt>
                <c:pt idx="18142">
                  <c:v>3330.59</c:v>
                </c:pt>
                <c:pt idx="18143">
                  <c:v>3298.13</c:v>
                </c:pt>
                <c:pt idx="18144">
                  <c:v>3094.25</c:v>
                </c:pt>
                <c:pt idx="18145">
                  <c:v>3068.3</c:v>
                </c:pt>
                <c:pt idx="18146">
                  <c:v>2970.39</c:v>
                </c:pt>
                <c:pt idx="18147">
                  <c:v>2999.05</c:v>
                </c:pt>
                <c:pt idx="18148">
                  <c:v>2931.47</c:v>
                </c:pt>
                <c:pt idx="18149">
                  <c:v>4406.0200000000004</c:v>
                </c:pt>
                <c:pt idx="18150">
                  <c:v>4014.98</c:v>
                </c:pt>
                <c:pt idx="18151">
                  <c:v>3674.36</c:v>
                </c:pt>
                <c:pt idx="18152">
                  <c:v>3534.24</c:v>
                </c:pt>
                <c:pt idx="18153">
                  <c:v>3330.59</c:v>
                </c:pt>
                <c:pt idx="18154">
                  <c:v>3298.13</c:v>
                </c:pt>
                <c:pt idx="18155">
                  <c:v>3094.25</c:v>
                </c:pt>
                <c:pt idx="18156">
                  <c:v>3068.3</c:v>
                </c:pt>
                <c:pt idx="18157">
                  <c:v>2970.39</c:v>
                </c:pt>
                <c:pt idx="18158">
                  <c:v>2999.05</c:v>
                </c:pt>
                <c:pt idx="18159">
                  <c:v>2931.47</c:v>
                </c:pt>
                <c:pt idx="18160">
                  <c:v>4406.0200000000004</c:v>
                </c:pt>
                <c:pt idx="18161">
                  <c:v>4014.98</c:v>
                </c:pt>
                <c:pt idx="18162">
                  <c:v>3674.36</c:v>
                </c:pt>
                <c:pt idx="18163">
                  <c:v>3534.24</c:v>
                </c:pt>
                <c:pt idx="18164">
                  <c:v>3330.59</c:v>
                </c:pt>
                <c:pt idx="18165">
                  <c:v>3298.13</c:v>
                </c:pt>
                <c:pt idx="18166">
                  <c:v>3094.25</c:v>
                </c:pt>
                <c:pt idx="18167">
                  <c:v>3068.3</c:v>
                </c:pt>
                <c:pt idx="18168">
                  <c:v>2970.39</c:v>
                </c:pt>
                <c:pt idx="18169">
                  <c:v>2999.05</c:v>
                </c:pt>
                <c:pt idx="18170">
                  <c:v>2931.47</c:v>
                </c:pt>
                <c:pt idx="18171">
                  <c:v>4406.0200000000004</c:v>
                </c:pt>
                <c:pt idx="18172">
                  <c:v>4014.98</c:v>
                </c:pt>
                <c:pt idx="18173">
                  <c:v>3674.36</c:v>
                </c:pt>
                <c:pt idx="18174">
                  <c:v>3534.24</c:v>
                </c:pt>
                <c:pt idx="18175">
                  <c:v>3330.59</c:v>
                </c:pt>
                <c:pt idx="18176">
                  <c:v>3298.13</c:v>
                </c:pt>
                <c:pt idx="18177">
                  <c:v>3094.25</c:v>
                </c:pt>
                <c:pt idx="18178">
                  <c:v>3068.3</c:v>
                </c:pt>
                <c:pt idx="18179">
                  <c:v>2970.39</c:v>
                </c:pt>
                <c:pt idx="18180">
                  <c:v>2999.05</c:v>
                </c:pt>
                <c:pt idx="18181">
                  <c:v>2931.47</c:v>
                </c:pt>
                <c:pt idx="18182">
                  <c:v>4406.0200000000004</c:v>
                </c:pt>
                <c:pt idx="18183">
                  <c:v>4014.98</c:v>
                </c:pt>
                <c:pt idx="18184">
                  <c:v>3674.36</c:v>
                </c:pt>
                <c:pt idx="18185">
                  <c:v>3534.24</c:v>
                </c:pt>
                <c:pt idx="18186">
                  <c:v>3330.59</c:v>
                </c:pt>
                <c:pt idx="18187">
                  <c:v>3298.13</c:v>
                </c:pt>
                <c:pt idx="18188">
                  <c:v>3094.25</c:v>
                </c:pt>
                <c:pt idx="18189">
                  <c:v>3068.3</c:v>
                </c:pt>
                <c:pt idx="18190">
                  <c:v>2970.39</c:v>
                </c:pt>
                <c:pt idx="18191">
                  <c:v>2999.05</c:v>
                </c:pt>
                <c:pt idx="18192">
                  <c:v>2931.47</c:v>
                </c:pt>
                <c:pt idx="18193">
                  <c:v>4406.0200000000004</c:v>
                </c:pt>
                <c:pt idx="18194">
                  <c:v>4014.98</c:v>
                </c:pt>
                <c:pt idx="18195">
                  <c:v>3674.36</c:v>
                </c:pt>
                <c:pt idx="18196">
                  <c:v>3534.24</c:v>
                </c:pt>
                <c:pt idx="18197">
                  <c:v>3330.59</c:v>
                </c:pt>
                <c:pt idx="18198">
                  <c:v>3298.13</c:v>
                </c:pt>
                <c:pt idx="18199">
                  <c:v>3094.25</c:v>
                </c:pt>
                <c:pt idx="18200">
                  <c:v>3068.3</c:v>
                </c:pt>
                <c:pt idx="18201">
                  <c:v>2970.39</c:v>
                </c:pt>
                <c:pt idx="18202">
                  <c:v>2999.05</c:v>
                </c:pt>
                <c:pt idx="18203">
                  <c:v>2931.47</c:v>
                </c:pt>
                <c:pt idx="18204">
                  <c:v>4406.0200000000004</c:v>
                </c:pt>
                <c:pt idx="18205">
                  <c:v>4014.98</c:v>
                </c:pt>
                <c:pt idx="18206">
                  <c:v>3674.36</c:v>
                </c:pt>
                <c:pt idx="18207">
                  <c:v>3534.24</c:v>
                </c:pt>
                <c:pt idx="18208">
                  <c:v>3330.59</c:v>
                </c:pt>
                <c:pt idx="18209">
                  <c:v>3298.13</c:v>
                </c:pt>
                <c:pt idx="18210">
                  <c:v>3094.25</c:v>
                </c:pt>
                <c:pt idx="18211">
                  <c:v>3068.3</c:v>
                </c:pt>
                <c:pt idx="18212">
                  <c:v>2970.39</c:v>
                </c:pt>
                <c:pt idx="18213">
                  <c:v>2999.05</c:v>
                </c:pt>
                <c:pt idx="18214">
                  <c:v>2931.47</c:v>
                </c:pt>
                <c:pt idx="18215">
                  <c:v>4406.0200000000004</c:v>
                </c:pt>
                <c:pt idx="18216">
                  <c:v>4014.98</c:v>
                </c:pt>
                <c:pt idx="18217">
                  <c:v>3674.36</c:v>
                </c:pt>
                <c:pt idx="18218">
                  <c:v>3534.24</c:v>
                </c:pt>
                <c:pt idx="18219">
                  <c:v>3330.59</c:v>
                </c:pt>
                <c:pt idx="18220">
                  <c:v>3298.13</c:v>
                </c:pt>
                <c:pt idx="18221">
                  <c:v>3094.25</c:v>
                </c:pt>
                <c:pt idx="18222">
                  <c:v>3068.3</c:v>
                </c:pt>
                <c:pt idx="18223">
                  <c:v>2970.39</c:v>
                </c:pt>
                <c:pt idx="18224">
                  <c:v>2896.05</c:v>
                </c:pt>
                <c:pt idx="18225">
                  <c:v>2821.66</c:v>
                </c:pt>
                <c:pt idx="18226">
                  <c:v>4406.0200000000004</c:v>
                </c:pt>
                <c:pt idx="18227">
                  <c:v>4014.98</c:v>
                </c:pt>
                <c:pt idx="18228">
                  <c:v>3674.36</c:v>
                </c:pt>
                <c:pt idx="18229">
                  <c:v>3534.24</c:v>
                </c:pt>
                <c:pt idx="18230">
                  <c:v>3330.59</c:v>
                </c:pt>
                <c:pt idx="18231">
                  <c:v>3298.13</c:v>
                </c:pt>
                <c:pt idx="18232">
                  <c:v>3094.25</c:v>
                </c:pt>
                <c:pt idx="18233">
                  <c:v>3068.3</c:v>
                </c:pt>
                <c:pt idx="18234">
                  <c:v>2970.39</c:v>
                </c:pt>
                <c:pt idx="18235">
                  <c:v>2999.05</c:v>
                </c:pt>
                <c:pt idx="18236">
                  <c:v>2931.47</c:v>
                </c:pt>
                <c:pt idx="18237">
                  <c:v>4406.0200000000004</c:v>
                </c:pt>
                <c:pt idx="18238">
                  <c:v>4014.98</c:v>
                </c:pt>
                <c:pt idx="18239">
                  <c:v>3674.36</c:v>
                </c:pt>
                <c:pt idx="18240">
                  <c:v>3534.24</c:v>
                </c:pt>
                <c:pt idx="18241">
                  <c:v>3330.59</c:v>
                </c:pt>
                <c:pt idx="18242">
                  <c:v>3298.13</c:v>
                </c:pt>
                <c:pt idx="18243">
                  <c:v>3094.25</c:v>
                </c:pt>
                <c:pt idx="18244">
                  <c:v>3068.3</c:v>
                </c:pt>
                <c:pt idx="18245">
                  <c:v>2970.39</c:v>
                </c:pt>
                <c:pt idx="18246">
                  <c:v>2999.05</c:v>
                </c:pt>
                <c:pt idx="18247">
                  <c:v>2931.47</c:v>
                </c:pt>
                <c:pt idx="18248">
                  <c:v>4406.0200000000004</c:v>
                </c:pt>
                <c:pt idx="18249">
                  <c:v>4014.98</c:v>
                </c:pt>
                <c:pt idx="18250">
                  <c:v>3674.36</c:v>
                </c:pt>
                <c:pt idx="18251">
                  <c:v>3534.24</c:v>
                </c:pt>
                <c:pt idx="18252">
                  <c:v>3330.59</c:v>
                </c:pt>
                <c:pt idx="18253">
                  <c:v>3298.13</c:v>
                </c:pt>
                <c:pt idx="18254">
                  <c:v>3094.25</c:v>
                </c:pt>
                <c:pt idx="18255">
                  <c:v>3068.3</c:v>
                </c:pt>
                <c:pt idx="18256">
                  <c:v>2970.39</c:v>
                </c:pt>
                <c:pt idx="18257">
                  <c:v>2999.05</c:v>
                </c:pt>
                <c:pt idx="18258">
                  <c:v>2931.47</c:v>
                </c:pt>
                <c:pt idx="18259">
                  <c:v>4406.0200000000004</c:v>
                </c:pt>
                <c:pt idx="18260">
                  <c:v>4014.98</c:v>
                </c:pt>
                <c:pt idx="18261">
                  <c:v>3674.36</c:v>
                </c:pt>
                <c:pt idx="18262">
                  <c:v>3534.24</c:v>
                </c:pt>
                <c:pt idx="18263">
                  <c:v>3330.59</c:v>
                </c:pt>
                <c:pt idx="18264">
                  <c:v>3298.13</c:v>
                </c:pt>
                <c:pt idx="18265">
                  <c:v>3094.25</c:v>
                </c:pt>
                <c:pt idx="18266">
                  <c:v>3068.3</c:v>
                </c:pt>
                <c:pt idx="18267">
                  <c:v>2970.39</c:v>
                </c:pt>
                <c:pt idx="18268">
                  <c:v>2999.05</c:v>
                </c:pt>
                <c:pt idx="18269">
                  <c:v>2931.47</c:v>
                </c:pt>
                <c:pt idx="18270">
                  <c:v>4406.0200000000004</c:v>
                </c:pt>
                <c:pt idx="18271">
                  <c:v>4014.98</c:v>
                </c:pt>
                <c:pt idx="18272">
                  <c:v>3674.36</c:v>
                </c:pt>
                <c:pt idx="18273">
                  <c:v>3534.24</c:v>
                </c:pt>
                <c:pt idx="18274">
                  <c:v>3330.59</c:v>
                </c:pt>
                <c:pt idx="18275">
                  <c:v>3298.13</c:v>
                </c:pt>
                <c:pt idx="18276">
                  <c:v>3094.25</c:v>
                </c:pt>
                <c:pt idx="18277">
                  <c:v>3068.3</c:v>
                </c:pt>
                <c:pt idx="18278">
                  <c:v>2970.39</c:v>
                </c:pt>
                <c:pt idx="18279">
                  <c:v>2999.05</c:v>
                </c:pt>
                <c:pt idx="18280">
                  <c:v>2931.47</c:v>
                </c:pt>
                <c:pt idx="18281">
                  <c:v>4406.0200000000004</c:v>
                </c:pt>
                <c:pt idx="18282">
                  <c:v>4014.98</c:v>
                </c:pt>
                <c:pt idx="18283">
                  <c:v>3674.36</c:v>
                </c:pt>
                <c:pt idx="18284">
                  <c:v>3534.24</c:v>
                </c:pt>
                <c:pt idx="18285">
                  <c:v>3330.59</c:v>
                </c:pt>
                <c:pt idx="18286">
                  <c:v>3298.13</c:v>
                </c:pt>
                <c:pt idx="18287">
                  <c:v>3094.25</c:v>
                </c:pt>
                <c:pt idx="18288">
                  <c:v>3068.3</c:v>
                </c:pt>
                <c:pt idx="18289">
                  <c:v>2970.39</c:v>
                </c:pt>
                <c:pt idx="18290">
                  <c:v>2999.05</c:v>
                </c:pt>
                <c:pt idx="18291">
                  <c:v>2931.47</c:v>
                </c:pt>
                <c:pt idx="18292">
                  <c:v>4406.0200000000004</c:v>
                </c:pt>
                <c:pt idx="18293">
                  <c:v>4014.98</c:v>
                </c:pt>
                <c:pt idx="18294">
                  <c:v>3674.36</c:v>
                </c:pt>
                <c:pt idx="18295">
                  <c:v>3534.24</c:v>
                </c:pt>
                <c:pt idx="18296">
                  <c:v>3330.59</c:v>
                </c:pt>
                <c:pt idx="18297">
                  <c:v>3298.13</c:v>
                </c:pt>
                <c:pt idx="18298">
                  <c:v>3094.25</c:v>
                </c:pt>
                <c:pt idx="18299">
                  <c:v>3068.3</c:v>
                </c:pt>
                <c:pt idx="18300">
                  <c:v>2970.39</c:v>
                </c:pt>
                <c:pt idx="18301">
                  <c:v>2999.05</c:v>
                </c:pt>
                <c:pt idx="18302">
                  <c:v>2931.47</c:v>
                </c:pt>
                <c:pt idx="18303">
                  <c:v>4406.0200000000004</c:v>
                </c:pt>
                <c:pt idx="18304">
                  <c:v>4014.98</c:v>
                </c:pt>
                <c:pt idx="18305">
                  <c:v>3674.36</c:v>
                </c:pt>
                <c:pt idx="18306">
                  <c:v>3534.24</c:v>
                </c:pt>
                <c:pt idx="18307">
                  <c:v>3330.59</c:v>
                </c:pt>
                <c:pt idx="18308">
                  <c:v>3298.13</c:v>
                </c:pt>
                <c:pt idx="18309">
                  <c:v>3094.25</c:v>
                </c:pt>
                <c:pt idx="18310">
                  <c:v>3068.3</c:v>
                </c:pt>
                <c:pt idx="18311">
                  <c:v>2970.39</c:v>
                </c:pt>
                <c:pt idx="18312">
                  <c:v>2999.05</c:v>
                </c:pt>
                <c:pt idx="18313">
                  <c:v>2931.47</c:v>
                </c:pt>
                <c:pt idx="18314">
                  <c:v>4406.0200000000004</c:v>
                </c:pt>
                <c:pt idx="18315">
                  <c:v>4014.98</c:v>
                </c:pt>
                <c:pt idx="18316">
                  <c:v>3674.36</c:v>
                </c:pt>
                <c:pt idx="18317">
                  <c:v>3534.24</c:v>
                </c:pt>
                <c:pt idx="18318">
                  <c:v>3330.59</c:v>
                </c:pt>
                <c:pt idx="18319">
                  <c:v>3298.13</c:v>
                </c:pt>
                <c:pt idx="18320">
                  <c:v>3094.25</c:v>
                </c:pt>
                <c:pt idx="18321">
                  <c:v>3068.3</c:v>
                </c:pt>
                <c:pt idx="18322">
                  <c:v>2970.39</c:v>
                </c:pt>
                <c:pt idx="18323">
                  <c:v>2999.05</c:v>
                </c:pt>
                <c:pt idx="18324">
                  <c:v>2931.47</c:v>
                </c:pt>
                <c:pt idx="18325">
                  <c:v>4406.0200000000004</c:v>
                </c:pt>
                <c:pt idx="18326">
                  <c:v>4014.98</c:v>
                </c:pt>
                <c:pt idx="18327">
                  <c:v>3674.36</c:v>
                </c:pt>
                <c:pt idx="18328">
                  <c:v>3534.24</c:v>
                </c:pt>
                <c:pt idx="18329">
                  <c:v>3330.59</c:v>
                </c:pt>
                <c:pt idx="18330">
                  <c:v>3298.13</c:v>
                </c:pt>
                <c:pt idx="18331">
                  <c:v>3094.25</c:v>
                </c:pt>
                <c:pt idx="18332">
                  <c:v>3068.3</c:v>
                </c:pt>
                <c:pt idx="18333">
                  <c:v>2970.39</c:v>
                </c:pt>
                <c:pt idx="18334">
                  <c:v>2999.05</c:v>
                </c:pt>
                <c:pt idx="18335">
                  <c:v>2931.47</c:v>
                </c:pt>
                <c:pt idx="18336">
                  <c:v>4406.0200000000004</c:v>
                </c:pt>
                <c:pt idx="18337">
                  <c:v>4014.98</c:v>
                </c:pt>
                <c:pt idx="18338">
                  <c:v>3674.36</c:v>
                </c:pt>
                <c:pt idx="18339">
                  <c:v>3534.24</c:v>
                </c:pt>
                <c:pt idx="18340">
                  <c:v>3330.59</c:v>
                </c:pt>
                <c:pt idx="18341">
                  <c:v>3298.13</c:v>
                </c:pt>
                <c:pt idx="18342">
                  <c:v>3094.25</c:v>
                </c:pt>
                <c:pt idx="18343">
                  <c:v>3068.3</c:v>
                </c:pt>
                <c:pt idx="18344">
                  <c:v>2970.39</c:v>
                </c:pt>
                <c:pt idx="18345">
                  <c:v>2999.05</c:v>
                </c:pt>
                <c:pt idx="18346">
                  <c:v>2931.47</c:v>
                </c:pt>
                <c:pt idx="18347">
                  <c:v>4406.0200000000004</c:v>
                </c:pt>
                <c:pt idx="18348">
                  <c:v>4014.98</c:v>
                </c:pt>
                <c:pt idx="18349">
                  <c:v>3674.36</c:v>
                </c:pt>
                <c:pt idx="18350">
                  <c:v>3534.24</c:v>
                </c:pt>
                <c:pt idx="18351">
                  <c:v>3330.59</c:v>
                </c:pt>
                <c:pt idx="18352">
                  <c:v>3298.13</c:v>
                </c:pt>
                <c:pt idx="18353">
                  <c:v>3094.25</c:v>
                </c:pt>
                <c:pt idx="18354">
                  <c:v>3068.3</c:v>
                </c:pt>
                <c:pt idx="18355">
                  <c:v>2970.39</c:v>
                </c:pt>
                <c:pt idx="18356">
                  <c:v>2896.05</c:v>
                </c:pt>
                <c:pt idx="18357">
                  <c:v>2821.66</c:v>
                </c:pt>
                <c:pt idx="18358">
                  <c:v>4406.0200000000004</c:v>
                </c:pt>
                <c:pt idx="18359">
                  <c:v>4014.98</c:v>
                </c:pt>
                <c:pt idx="18360">
                  <c:v>3674.36</c:v>
                </c:pt>
                <c:pt idx="18361">
                  <c:v>3534.24</c:v>
                </c:pt>
                <c:pt idx="18362">
                  <c:v>3330.59</c:v>
                </c:pt>
                <c:pt idx="18363">
                  <c:v>3298.13</c:v>
                </c:pt>
                <c:pt idx="18364">
                  <c:v>3094.25</c:v>
                </c:pt>
                <c:pt idx="18365">
                  <c:v>3068.3</c:v>
                </c:pt>
                <c:pt idx="18366">
                  <c:v>2970.39</c:v>
                </c:pt>
                <c:pt idx="18367">
                  <c:v>2999.05</c:v>
                </c:pt>
                <c:pt idx="18368">
                  <c:v>2931.47</c:v>
                </c:pt>
                <c:pt idx="18369">
                  <c:v>4406.0200000000004</c:v>
                </c:pt>
                <c:pt idx="18370">
                  <c:v>4014.98</c:v>
                </c:pt>
                <c:pt idx="18371">
                  <c:v>3674.36</c:v>
                </c:pt>
                <c:pt idx="18372">
                  <c:v>3534.24</c:v>
                </c:pt>
                <c:pt idx="18373">
                  <c:v>3330.59</c:v>
                </c:pt>
                <c:pt idx="18374">
                  <c:v>3298.13</c:v>
                </c:pt>
                <c:pt idx="18375">
                  <c:v>3094.25</c:v>
                </c:pt>
                <c:pt idx="18376">
                  <c:v>3068.3</c:v>
                </c:pt>
                <c:pt idx="18377">
                  <c:v>2970.39</c:v>
                </c:pt>
                <c:pt idx="18378">
                  <c:v>2999.05</c:v>
                </c:pt>
                <c:pt idx="18379">
                  <c:v>2931.47</c:v>
                </c:pt>
                <c:pt idx="18380">
                  <c:v>4406.0200000000004</c:v>
                </c:pt>
                <c:pt idx="18381">
                  <c:v>4014.98</c:v>
                </c:pt>
                <c:pt idx="18382">
                  <c:v>3674.36</c:v>
                </c:pt>
                <c:pt idx="18383">
                  <c:v>3534.24</c:v>
                </c:pt>
                <c:pt idx="18384">
                  <c:v>3330.59</c:v>
                </c:pt>
                <c:pt idx="18385">
                  <c:v>3298.13</c:v>
                </c:pt>
                <c:pt idx="18386">
                  <c:v>3094.25</c:v>
                </c:pt>
                <c:pt idx="18387">
                  <c:v>3068.3</c:v>
                </c:pt>
                <c:pt idx="18388">
                  <c:v>2970.39</c:v>
                </c:pt>
                <c:pt idx="18389">
                  <c:v>2999.05</c:v>
                </c:pt>
                <c:pt idx="18390">
                  <c:v>2931.47</c:v>
                </c:pt>
                <c:pt idx="18391">
                  <c:v>4406.0200000000004</c:v>
                </c:pt>
                <c:pt idx="18392">
                  <c:v>4014.98</c:v>
                </c:pt>
                <c:pt idx="18393">
                  <c:v>3674.36</c:v>
                </c:pt>
                <c:pt idx="18394">
                  <c:v>3534.24</c:v>
                </c:pt>
                <c:pt idx="18395">
                  <c:v>3330.59</c:v>
                </c:pt>
                <c:pt idx="18396">
                  <c:v>3298.13</c:v>
                </c:pt>
                <c:pt idx="18397">
                  <c:v>3094.25</c:v>
                </c:pt>
                <c:pt idx="18398">
                  <c:v>3068.3</c:v>
                </c:pt>
                <c:pt idx="18399">
                  <c:v>2970.39</c:v>
                </c:pt>
                <c:pt idx="18400">
                  <c:v>2999.05</c:v>
                </c:pt>
                <c:pt idx="18401">
                  <c:v>2931.47</c:v>
                </c:pt>
                <c:pt idx="18402">
                  <c:v>4406.0200000000004</c:v>
                </c:pt>
                <c:pt idx="18403">
                  <c:v>4014.98</c:v>
                </c:pt>
                <c:pt idx="18404">
                  <c:v>3674.36</c:v>
                </c:pt>
                <c:pt idx="18405">
                  <c:v>3534.24</c:v>
                </c:pt>
                <c:pt idx="18406">
                  <c:v>3330.59</c:v>
                </c:pt>
                <c:pt idx="18407">
                  <c:v>3298.13</c:v>
                </c:pt>
                <c:pt idx="18408">
                  <c:v>3094.25</c:v>
                </c:pt>
                <c:pt idx="18409">
                  <c:v>3068.3</c:v>
                </c:pt>
                <c:pt idx="18410">
                  <c:v>2970.39</c:v>
                </c:pt>
                <c:pt idx="18411">
                  <c:v>2999.05</c:v>
                </c:pt>
                <c:pt idx="18412">
                  <c:v>2931.47</c:v>
                </c:pt>
                <c:pt idx="18413">
                  <c:v>4406.0200000000004</c:v>
                </c:pt>
                <c:pt idx="18414">
                  <c:v>4014.98</c:v>
                </c:pt>
                <c:pt idx="18415">
                  <c:v>3674.36</c:v>
                </c:pt>
                <c:pt idx="18416">
                  <c:v>3534.24</c:v>
                </c:pt>
                <c:pt idx="18417">
                  <c:v>3330.59</c:v>
                </c:pt>
                <c:pt idx="18418">
                  <c:v>3298.13</c:v>
                </c:pt>
                <c:pt idx="18419">
                  <c:v>3094.25</c:v>
                </c:pt>
                <c:pt idx="18420">
                  <c:v>3068.3</c:v>
                </c:pt>
                <c:pt idx="18421">
                  <c:v>2970.39</c:v>
                </c:pt>
                <c:pt idx="18422">
                  <c:v>2999.05</c:v>
                </c:pt>
                <c:pt idx="18423">
                  <c:v>2931.47</c:v>
                </c:pt>
                <c:pt idx="18424">
                  <c:v>4406.0200000000004</c:v>
                </c:pt>
                <c:pt idx="18425">
                  <c:v>4014.98</c:v>
                </c:pt>
                <c:pt idx="18426">
                  <c:v>3674.36</c:v>
                </c:pt>
                <c:pt idx="18427">
                  <c:v>3534.24</c:v>
                </c:pt>
                <c:pt idx="18428">
                  <c:v>3330.59</c:v>
                </c:pt>
                <c:pt idx="18429">
                  <c:v>3298.13</c:v>
                </c:pt>
                <c:pt idx="18430">
                  <c:v>3094.25</c:v>
                </c:pt>
                <c:pt idx="18431">
                  <c:v>3068.3</c:v>
                </c:pt>
                <c:pt idx="18432">
                  <c:v>2970.39</c:v>
                </c:pt>
                <c:pt idx="18433">
                  <c:v>2999.05</c:v>
                </c:pt>
                <c:pt idx="18434">
                  <c:v>2931.47</c:v>
                </c:pt>
                <c:pt idx="18435">
                  <c:v>4406.0200000000004</c:v>
                </c:pt>
                <c:pt idx="18436">
                  <c:v>4014.98</c:v>
                </c:pt>
                <c:pt idx="18437">
                  <c:v>3674.36</c:v>
                </c:pt>
                <c:pt idx="18438">
                  <c:v>3534.24</c:v>
                </c:pt>
                <c:pt idx="18439">
                  <c:v>3330.59</c:v>
                </c:pt>
                <c:pt idx="18440">
                  <c:v>3298.13</c:v>
                </c:pt>
                <c:pt idx="18441">
                  <c:v>3094.25</c:v>
                </c:pt>
                <c:pt idx="18442">
                  <c:v>3068.3</c:v>
                </c:pt>
                <c:pt idx="18443">
                  <c:v>2970.39</c:v>
                </c:pt>
                <c:pt idx="18444">
                  <c:v>2999.05</c:v>
                </c:pt>
                <c:pt idx="18445">
                  <c:v>2931.47</c:v>
                </c:pt>
                <c:pt idx="18446">
                  <c:v>4406.0200000000004</c:v>
                </c:pt>
                <c:pt idx="18447">
                  <c:v>4014.98</c:v>
                </c:pt>
                <c:pt idx="18448">
                  <c:v>3674.36</c:v>
                </c:pt>
                <c:pt idx="18449">
                  <c:v>3534.24</c:v>
                </c:pt>
                <c:pt idx="18450">
                  <c:v>3330.59</c:v>
                </c:pt>
                <c:pt idx="18451">
                  <c:v>3298.13</c:v>
                </c:pt>
                <c:pt idx="18452">
                  <c:v>3094.25</c:v>
                </c:pt>
                <c:pt idx="18453">
                  <c:v>3068.3</c:v>
                </c:pt>
                <c:pt idx="18454">
                  <c:v>2970.39</c:v>
                </c:pt>
                <c:pt idx="18455">
                  <c:v>2999.05</c:v>
                </c:pt>
                <c:pt idx="18456">
                  <c:v>2931.47</c:v>
                </c:pt>
                <c:pt idx="18457">
                  <c:v>4406.0200000000004</c:v>
                </c:pt>
                <c:pt idx="18458">
                  <c:v>4014.98</c:v>
                </c:pt>
                <c:pt idx="18459">
                  <c:v>3674.36</c:v>
                </c:pt>
                <c:pt idx="18460">
                  <c:v>3534.24</c:v>
                </c:pt>
                <c:pt idx="18461">
                  <c:v>3330.59</c:v>
                </c:pt>
                <c:pt idx="18462">
                  <c:v>3298.13</c:v>
                </c:pt>
                <c:pt idx="18463">
                  <c:v>3094.25</c:v>
                </c:pt>
                <c:pt idx="18464">
                  <c:v>3068.3</c:v>
                </c:pt>
                <c:pt idx="18465">
                  <c:v>2970.39</c:v>
                </c:pt>
                <c:pt idx="18466">
                  <c:v>2999.05</c:v>
                </c:pt>
                <c:pt idx="18467">
                  <c:v>2931.47</c:v>
                </c:pt>
                <c:pt idx="18468">
                  <c:v>4406.0200000000004</c:v>
                </c:pt>
                <c:pt idx="18469">
                  <c:v>4014.98</c:v>
                </c:pt>
                <c:pt idx="18470">
                  <c:v>3674.36</c:v>
                </c:pt>
                <c:pt idx="18471">
                  <c:v>3534.24</c:v>
                </c:pt>
                <c:pt idx="18472">
                  <c:v>3330.59</c:v>
                </c:pt>
                <c:pt idx="18473">
                  <c:v>3298.13</c:v>
                </c:pt>
                <c:pt idx="18474">
                  <c:v>3094.25</c:v>
                </c:pt>
                <c:pt idx="18475">
                  <c:v>3068.3</c:v>
                </c:pt>
                <c:pt idx="18476">
                  <c:v>2970.39</c:v>
                </c:pt>
                <c:pt idx="18477">
                  <c:v>2999.05</c:v>
                </c:pt>
                <c:pt idx="18478">
                  <c:v>2931.47</c:v>
                </c:pt>
                <c:pt idx="18479">
                  <c:v>4406.0200000000004</c:v>
                </c:pt>
                <c:pt idx="18480">
                  <c:v>4014.98</c:v>
                </c:pt>
                <c:pt idx="18481">
                  <c:v>3674.36</c:v>
                </c:pt>
                <c:pt idx="18482">
                  <c:v>3534.24</c:v>
                </c:pt>
                <c:pt idx="18483">
                  <c:v>3330.59</c:v>
                </c:pt>
                <c:pt idx="18484">
                  <c:v>3298.13</c:v>
                </c:pt>
                <c:pt idx="18485">
                  <c:v>3094.25</c:v>
                </c:pt>
                <c:pt idx="18486">
                  <c:v>3068.3</c:v>
                </c:pt>
                <c:pt idx="18487">
                  <c:v>2970.39</c:v>
                </c:pt>
                <c:pt idx="18488">
                  <c:v>2896.05</c:v>
                </c:pt>
                <c:pt idx="18489">
                  <c:v>2821.66</c:v>
                </c:pt>
                <c:pt idx="18490">
                  <c:v>4406.0200000000004</c:v>
                </c:pt>
                <c:pt idx="18491">
                  <c:v>4014.98</c:v>
                </c:pt>
                <c:pt idx="18492">
                  <c:v>3674.36</c:v>
                </c:pt>
                <c:pt idx="18493">
                  <c:v>3534.24</c:v>
                </c:pt>
                <c:pt idx="18494">
                  <c:v>3330.59</c:v>
                </c:pt>
                <c:pt idx="18495">
                  <c:v>3298.13</c:v>
                </c:pt>
                <c:pt idx="18496">
                  <c:v>3094.25</c:v>
                </c:pt>
                <c:pt idx="18497">
                  <c:v>3068.3</c:v>
                </c:pt>
                <c:pt idx="18498">
                  <c:v>2970.39</c:v>
                </c:pt>
                <c:pt idx="18499">
                  <c:v>2999.05</c:v>
                </c:pt>
                <c:pt idx="18500">
                  <c:v>2931.47</c:v>
                </c:pt>
                <c:pt idx="18501">
                  <c:v>4406.0200000000004</c:v>
                </c:pt>
                <c:pt idx="18502">
                  <c:v>4014.98</c:v>
                </c:pt>
                <c:pt idx="18503">
                  <c:v>3674.36</c:v>
                </c:pt>
                <c:pt idx="18504">
                  <c:v>3534.24</c:v>
                </c:pt>
                <c:pt idx="18505">
                  <c:v>3330.59</c:v>
                </c:pt>
                <c:pt idx="18506">
                  <c:v>3298.13</c:v>
                </c:pt>
                <c:pt idx="18507">
                  <c:v>3094.25</c:v>
                </c:pt>
                <c:pt idx="18508">
                  <c:v>3068.3</c:v>
                </c:pt>
                <c:pt idx="18509">
                  <c:v>2970.39</c:v>
                </c:pt>
                <c:pt idx="18510">
                  <c:v>2999.05</c:v>
                </c:pt>
                <c:pt idx="18511">
                  <c:v>2931.47</c:v>
                </c:pt>
                <c:pt idx="18512">
                  <c:v>4406.0200000000004</c:v>
                </c:pt>
                <c:pt idx="18513">
                  <c:v>4014.98</c:v>
                </c:pt>
                <c:pt idx="18514">
                  <c:v>3674.36</c:v>
                </c:pt>
                <c:pt idx="18515">
                  <c:v>3534.24</c:v>
                </c:pt>
                <c:pt idx="18516">
                  <c:v>3330.59</c:v>
                </c:pt>
                <c:pt idx="18517">
                  <c:v>3298.13</c:v>
                </c:pt>
                <c:pt idx="18518">
                  <c:v>3094.25</c:v>
                </c:pt>
                <c:pt idx="18519">
                  <c:v>3068.3</c:v>
                </c:pt>
                <c:pt idx="18520">
                  <c:v>2970.39</c:v>
                </c:pt>
                <c:pt idx="18521">
                  <c:v>2999.05</c:v>
                </c:pt>
                <c:pt idx="18522">
                  <c:v>2931.47</c:v>
                </c:pt>
                <c:pt idx="18523">
                  <c:v>4406.0200000000004</c:v>
                </c:pt>
                <c:pt idx="18524">
                  <c:v>4014.98</c:v>
                </c:pt>
                <c:pt idx="18525">
                  <c:v>3674.36</c:v>
                </c:pt>
                <c:pt idx="18526">
                  <c:v>3534.24</c:v>
                </c:pt>
                <c:pt idx="18527">
                  <c:v>3330.59</c:v>
                </c:pt>
                <c:pt idx="18528">
                  <c:v>3298.13</c:v>
                </c:pt>
                <c:pt idx="18529">
                  <c:v>3094.25</c:v>
                </c:pt>
                <c:pt idx="18530">
                  <c:v>3068.3</c:v>
                </c:pt>
                <c:pt idx="18531">
                  <c:v>2970.39</c:v>
                </c:pt>
                <c:pt idx="18532">
                  <c:v>2999.05</c:v>
                </c:pt>
                <c:pt idx="18533">
                  <c:v>2931.47</c:v>
                </c:pt>
                <c:pt idx="18534">
                  <c:v>4406.0200000000004</c:v>
                </c:pt>
                <c:pt idx="18535">
                  <c:v>4014.98</c:v>
                </c:pt>
                <c:pt idx="18536">
                  <c:v>3674.36</c:v>
                </c:pt>
                <c:pt idx="18537">
                  <c:v>3534.24</c:v>
                </c:pt>
                <c:pt idx="18538">
                  <c:v>3330.59</c:v>
                </c:pt>
                <c:pt idx="18539">
                  <c:v>3298.13</c:v>
                </c:pt>
                <c:pt idx="18540">
                  <c:v>3094.25</c:v>
                </c:pt>
                <c:pt idx="18541">
                  <c:v>3068.3</c:v>
                </c:pt>
                <c:pt idx="18542">
                  <c:v>2970.39</c:v>
                </c:pt>
                <c:pt idx="18543">
                  <c:v>2999.05</c:v>
                </c:pt>
                <c:pt idx="18544">
                  <c:v>2931.47</c:v>
                </c:pt>
                <c:pt idx="18545">
                  <c:v>4406.0200000000004</c:v>
                </c:pt>
                <c:pt idx="18546">
                  <c:v>4014.98</c:v>
                </c:pt>
                <c:pt idx="18547">
                  <c:v>3674.36</c:v>
                </c:pt>
                <c:pt idx="18548">
                  <c:v>3534.24</c:v>
                </c:pt>
                <c:pt idx="18549">
                  <c:v>3330.59</c:v>
                </c:pt>
                <c:pt idx="18550">
                  <c:v>3298.13</c:v>
                </c:pt>
                <c:pt idx="18551">
                  <c:v>3094.25</c:v>
                </c:pt>
                <c:pt idx="18552">
                  <c:v>3068.3</c:v>
                </c:pt>
                <c:pt idx="18553">
                  <c:v>2970.39</c:v>
                </c:pt>
                <c:pt idx="18554">
                  <c:v>2999.05</c:v>
                </c:pt>
                <c:pt idx="18555">
                  <c:v>2931.47</c:v>
                </c:pt>
                <c:pt idx="18556">
                  <c:v>4406.0200000000004</c:v>
                </c:pt>
                <c:pt idx="18557">
                  <c:v>4014.98</c:v>
                </c:pt>
                <c:pt idx="18558">
                  <c:v>3674.36</c:v>
                </c:pt>
                <c:pt idx="18559">
                  <c:v>3534.24</c:v>
                </c:pt>
                <c:pt idx="18560">
                  <c:v>3330.59</c:v>
                </c:pt>
                <c:pt idx="18561">
                  <c:v>3298.13</c:v>
                </c:pt>
                <c:pt idx="18562">
                  <c:v>3094.25</c:v>
                </c:pt>
                <c:pt idx="18563">
                  <c:v>3068.3</c:v>
                </c:pt>
                <c:pt idx="18564">
                  <c:v>2970.39</c:v>
                </c:pt>
                <c:pt idx="18565">
                  <c:v>2999.05</c:v>
                </c:pt>
                <c:pt idx="18566">
                  <c:v>2931.47</c:v>
                </c:pt>
                <c:pt idx="18567">
                  <c:v>4406.0200000000004</c:v>
                </c:pt>
                <c:pt idx="18568">
                  <c:v>4014.98</c:v>
                </c:pt>
                <c:pt idx="18569">
                  <c:v>3674.36</c:v>
                </c:pt>
                <c:pt idx="18570">
                  <c:v>3534.24</c:v>
                </c:pt>
                <c:pt idx="18571">
                  <c:v>3330.59</c:v>
                </c:pt>
                <c:pt idx="18572">
                  <c:v>3298.13</c:v>
                </c:pt>
                <c:pt idx="18573">
                  <c:v>3094.25</c:v>
                </c:pt>
                <c:pt idx="18574">
                  <c:v>3068.3</c:v>
                </c:pt>
                <c:pt idx="18575">
                  <c:v>2970.39</c:v>
                </c:pt>
                <c:pt idx="18576">
                  <c:v>2999.05</c:v>
                </c:pt>
                <c:pt idx="18577">
                  <c:v>2931.47</c:v>
                </c:pt>
                <c:pt idx="18578">
                  <c:v>4406.0200000000004</c:v>
                </c:pt>
                <c:pt idx="18579">
                  <c:v>4014.98</c:v>
                </c:pt>
                <c:pt idx="18580">
                  <c:v>3674.36</c:v>
                </c:pt>
                <c:pt idx="18581">
                  <c:v>3534.24</c:v>
                </c:pt>
                <c:pt idx="18582">
                  <c:v>3330.59</c:v>
                </c:pt>
                <c:pt idx="18583">
                  <c:v>3298.13</c:v>
                </c:pt>
                <c:pt idx="18584">
                  <c:v>3094.25</c:v>
                </c:pt>
                <c:pt idx="18585">
                  <c:v>3068.3</c:v>
                </c:pt>
                <c:pt idx="18586">
                  <c:v>2970.39</c:v>
                </c:pt>
                <c:pt idx="18587">
                  <c:v>2999.05</c:v>
                </c:pt>
                <c:pt idx="18588">
                  <c:v>2931.47</c:v>
                </c:pt>
                <c:pt idx="18589">
                  <c:v>4406.0200000000004</c:v>
                </c:pt>
                <c:pt idx="18590">
                  <c:v>4014.98</c:v>
                </c:pt>
                <c:pt idx="18591">
                  <c:v>3674.36</c:v>
                </c:pt>
                <c:pt idx="18592">
                  <c:v>3534.24</c:v>
                </c:pt>
                <c:pt idx="18593">
                  <c:v>3330.59</c:v>
                </c:pt>
                <c:pt idx="18594">
                  <c:v>3298.13</c:v>
                </c:pt>
                <c:pt idx="18595">
                  <c:v>3094.25</c:v>
                </c:pt>
                <c:pt idx="18596">
                  <c:v>3068.3</c:v>
                </c:pt>
                <c:pt idx="18597">
                  <c:v>2970.39</c:v>
                </c:pt>
                <c:pt idx="18598">
                  <c:v>2999.05</c:v>
                </c:pt>
                <c:pt idx="18599">
                  <c:v>2931.47</c:v>
                </c:pt>
                <c:pt idx="18600">
                  <c:v>4406.0200000000004</c:v>
                </c:pt>
                <c:pt idx="18601">
                  <c:v>4014.98</c:v>
                </c:pt>
                <c:pt idx="18602">
                  <c:v>3674.36</c:v>
                </c:pt>
                <c:pt idx="18603">
                  <c:v>3534.24</c:v>
                </c:pt>
                <c:pt idx="18604">
                  <c:v>3330.59</c:v>
                </c:pt>
                <c:pt idx="18605">
                  <c:v>3298.13</c:v>
                </c:pt>
                <c:pt idx="18606">
                  <c:v>3094.25</c:v>
                </c:pt>
                <c:pt idx="18607">
                  <c:v>3068.3</c:v>
                </c:pt>
                <c:pt idx="18608">
                  <c:v>2970.39</c:v>
                </c:pt>
                <c:pt idx="18609">
                  <c:v>2999.05</c:v>
                </c:pt>
                <c:pt idx="18610">
                  <c:v>2931.47</c:v>
                </c:pt>
                <c:pt idx="18611">
                  <c:v>4406.0200000000004</c:v>
                </c:pt>
                <c:pt idx="18612">
                  <c:v>4014.98</c:v>
                </c:pt>
                <c:pt idx="18613">
                  <c:v>3674.36</c:v>
                </c:pt>
                <c:pt idx="18614">
                  <c:v>3534.24</c:v>
                </c:pt>
                <c:pt idx="18615">
                  <c:v>3330.59</c:v>
                </c:pt>
                <c:pt idx="18616">
                  <c:v>3298.13</c:v>
                </c:pt>
                <c:pt idx="18617">
                  <c:v>3094.25</c:v>
                </c:pt>
                <c:pt idx="18618">
                  <c:v>3068.3</c:v>
                </c:pt>
                <c:pt idx="18619">
                  <c:v>2970.39</c:v>
                </c:pt>
                <c:pt idx="18620">
                  <c:v>2896.05</c:v>
                </c:pt>
                <c:pt idx="18621">
                  <c:v>2821.66</c:v>
                </c:pt>
                <c:pt idx="18622">
                  <c:v>4406.0200000000004</c:v>
                </c:pt>
                <c:pt idx="18623">
                  <c:v>4014.98</c:v>
                </c:pt>
                <c:pt idx="18624">
                  <c:v>3674.36</c:v>
                </c:pt>
                <c:pt idx="18625">
                  <c:v>3534.24</c:v>
                </c:pt>
                <c:pt idx="18626">
                  <c:v>3330.59</c:v>
                </c:pt>
                <c:pt idx="18627">
                  <c:v>3298.13</c:v>
                </c:pt>
                <c:pt idx="18628">
                  <c:v>3094.25</c:v>
                </c:pt>
                <c:pt idx="18629">
                  <c:v>3068.3</c:v>
                </c:pt>
                <c:pt idx="18630">
                  <c:v>2970.39</c:v>
                </c:pt>
                <c:pt idx="18631">
                  <c:v>2999.05</c:v>
                </c:pt>
                <c:pt idx="18632">
                  <c:v>2931.47</c:v>
                </c:pt>
                <c:pt idx="18633">
                  <c:v>4406.0200000000004</c:v>
                </c:pt>
                <c:pt idx="18634">
                  <c:v>4014.98</c:v>
                </c:pt>
                <c:pt idx="18635">
                  <c:v>3674.36</c:v>
                </c:pt>
                <c:pt idx="18636">
                  <c:v>3534.24</c:v>
                </c:pt>
                <c:pt idx="18637">
                  <c:v>3330.59</c:v>
                </c:pt>
                <c:pt idx="18638">
                  <c:v>3298.13</c:v>
                </c:pt>
                <c:pt idx="18639">
                  <c:v>3094.25</c:v>
                </c:pt>
                <c:pt idx="18640">
                  <c:v>3068.3</c:v>
                </c:pt>
                <c:pt idx="18641">
                  <c:v>2970.39</c:v>
                </c:pt>
                <c:pt idx="18642">
                  <c:v>2999.05</c:v>
                </c:pt>
                <c:pt idx="18643">
                  <c:v>2931.47</c:v>
                </c:pt>
                <c:pt idx="18644">
                  <c:v>4406.0200000000004</c:v>
                </c:pt>
                <c:pt idx="18645">
                  <c:v>4014.98</c:v>
                </c:pt>
                <c:pt idx="18646">
                  <c:v>3674.36</c:v>
                </c:pt>
                <c:pt idx="18647">
                  <c:v>3534.24</c:v>
                </c:pt>
                <c:pt idx="18648">
                  <c:v>3330.59</c:v>
                </c:pt>
                <c:pt idx="18649">
                  <c:v>3298.13</c:v>
                </c:pt>
                <c:pt idx="18650">
                  <c:v>3094.25</c:v>
                </c:pt>
                <c:pt idx="18651">
                  <c:v>3068.3</c:v>
                </c:pt>
                <c:pt idx="18652">
                  <c:v>2970.39</c:v>
                </c:pt>
                <c:pt idx="18653">
                  <c:v>2999.05</c:v>
                </c:pt>
                <c:pt idx="18654">
                  <c:v>2931.47</c:v>
                </c:pt>
                <c:pt idx="18655">
                  <c:v>4406.0200000000004</c:v>
                </c:pt>
                <c:pt idx="18656">
                  <c:v>4014.98</c:v>
                </c:pt>
                <c:pt idx="18657">
                  <c:v>3674.36</c:v>
                </c:pt>
                <c:pt idx="18658">
                  <c:v>3534.24</c:v>
                </c:pt>
                <c:pt idx="18659">
                  <c:v>3330.59</c:v>
                </c:pt>
                <c:pt idx="18660">
                  <c:v>3298.13</c:v>
                </c:pt>
                <c:pt idx="18661">
                  <c:v>3094.25</c:v>
                </c:pt>
                <c:pt idx="18662">
                  <c:v>3068.3</c:v>
                </c:pt>
                <c:pt idx="18663">
                  <c:v>2970.39</c:v>
                </c:pt>
                <c:pt idx="18664">
                  <c:v>2999.05</c:v>
                </c:pt>
                <c:pt idx="18665">
                  <c:v>2931.47</c:v>
                </c:pt>
                <c:pt idx="18666">
                  <c:v>4406.0200000000004</c:v>
                </c:pt>
                <c:pt idx="18667">
                  <c:v>4014.98</c:v>
                </c:pt>
                <c:pt idx="18668">
                  <c:v>3674.36</c:v>
                </c:pt>
                <c:pt idx="18669">
                  <c:v>3534.24</c:v>
                </c:pt>
                <c:pt idx="18670">
                  <c:v>3330.59</c:v>
                </c:pt>
                <c:pt idx="18671">
                  <c:v>3298.13</c:v>
                </c:pt>
                <c:pt idx="18672">
                  <c:v>3094.25</c:v>
                </c:pt>
                <c:pt idx="18673">
                  <c:v>3068.3</c:v>
                </c:pt>
                <c:pt idx="18674">
                  <c:v>2970.39</c:v>
                </c:pt>
                <c:pt idx="18675">
                  <c:v>2999.05</c:v>
                </c:pt>
                <c:pt idx="18676">
                  <c:v>2931.47</c:v>
                </c:pt>
                <c:pt idx="18677">
                  <c:v>4406.0200000000004</c:v>
                </c:pt>
                <c:pt idx="18678">
                  <c:v>4014.98</c:v>
                </c:pt>
                <c:pt idx="18679">
                  <c:v>3674.36</c:v>
                </c:pt>
                <c:pt idx="18680">
                  <c:v>3534.24</c:v>
                </c:pt>
                <c:pt idx="18681">
                  <c:v>3330.59</c:v>
                </c:pt>
                <c:pt idx="18682">
                  <c:v>3298.13</c:v>
                </c:pt>
                <c:pt idx="18683">
                  <c:v>3094.25</c:v>
                </c:pt>
                <c:pt idx="18684">
                  <c:v>3068.3</c:v>
                </c:pt>
                <c:pt idx="18685">
                  <c:v>2970.39</c:v>
                </c:pt>
                <c:pt idx="18686">
                  <c:v>2999.05</c:v>
                </c:pt>
                <c:pt idx="18687">
                  <c:v>2931.47</c:v>
                </c:pt>
                <c:pt idx="18688">
                  <c:v>4406.0200000000004</c:v>
                </c:pt>
                <c:pt idx="18689">
                  <c:v>4014.98</c:v>
                </c:pt>
                <c:pt idx="18690">
                  <c:v>3674.36</c:v>
                </c:pt>
                <c:pt idx="18691">
                  <c:v>3534.24</c:v>
                </c:pt>
                <c:pt idx="18692">
                  <c:v>3330.59</c:v>
                </c:pt>
                <c:pt idx="18693">
                  <c:v>3298.13</c:v>
                </c:pt>
                <c:pt idx="18694">
                  <c:v>3094.25</c:v>
                </c:pt>
                <c:pt idx="18695">
                  <c:v>3068.3</c:v>
                </c:pt>
                <c:pt idx="18696">
                  <c:v>2970.39</c:v>
                </c:pt>
                <c:pt idx="18697">
                  <c:v>2999.05</c:v>
                </c:pt>
                <c:pt idx="18698">
                  <c:v>2931.47</c:v>
                </c:pt>
                <c:pt idx="18699">
                  <c:v>4406.0200000000004</c:v>
                </c:pt>
                <c:pt idx="18700">
                  <c:v>4014.98</c:v>
                </c:pt>
                <c:pt idx="18701">
                  <c:v>3674.36</c:v>
                </c:pt>
                <c:pt idx="18702">
                  <c:v>3534.24</c:v>
                </c:pt>
                <c:pt idx="18703">
                  <c:v>3330.59</c:v>
                </c:pt>
                <c:pt idx="18704">
                  <c:v>3298.13</c:v>
                </c:pt>
                <c:pt idx="18705">
                  <c:v>3094.25</c:v>
                </c:pt>
                <c:pt idx="18706">
                  <c:v>3068.3</c:v>
                </c:pt>
                <c:pt idx="18707">
                  <c:v>2970.39</c:v>
                </c:pt>
                <c:pt idx="18708">
                  <c:v>2999.05</c:v>
                </c:pt>
                <c:pt idx="18709">
                  <c:v>2931.47</c:v>
                </c:pt>
                <c:pt idx="18710">
                  <c:v>4406.0200000000004</c:v>
                </c:pt>
                <c:pt idx="18711">
                  <c:v>4014.98</c:v>
                </c:pt>
                <c:pt idx="18712">
                  <c:v>3674.36</c:v>
                </c:pt>
                <c:pt idx="18713">
                  <c:v>3534.24</c:v>
                </c:pt>
                <c:pt idx="18714">
                  <c:v>3330.59</c:v>
                </c:pt>
                <c:pt idx="18715">
                  <c:v>3298.13</c:v>
                </c:pt>
                <c:pt idx="18716">
                  <c:v>3094.25</c:v>
                </c:pt>
                <c:pt idx="18717">
                  <c:v>3068.3</c:v>
                </c:pt>
                <c:pt idx="18718">
                  <c:v>2970.39</c:v>
                </c:pt>
                <c:pt idx="18719">
                  <c:v>2999.05</c:v>
                </c:pt>
                <c:pt idx="18720">
                  <c:v>2931.47</c:v>
                </c:pt>
                <c:pt idx="18721">
                  <c:v>4406.0200000000004</c:v>
                </c:pt>
                <c:pt idx="18722">
                  <c:v>4014.98</c:v>
                </c:pt>
                <c:pt idx="18723">
                  <c:v>3674.36</c:v>
                </c:pt>
                <c:pt idx="18724">
                  <c:v>3534.24</c:v>
                </c:pt>
                <c:pt idx="18725">
                  <c:v>3330.59</c:v>
                </c:pt>
                <c:pt idx="18726">
                  <c:v>3298.13</c:v>
                </c:pt>
                <c:pt idx="18727">
                  <c:v>3094.25</c:v>
                </c:pt>
                <c:pt idx="18728">
                  <c:v>3068.3</c:v>
                </c:pt>
                <c:pt idx="18729">
                  <c:v>2970.39</c:v>
                </c:pt>
                <c:pt idx="18730">
                  <c:v>2999.05</c:v>
                </c:pt>
                <c:pt idx="18731">
                  <c:v>2931.47</c:v>
                </c:pt>
                <c:pt idx="18732">
                  <c:v>4406.0200000000004</c:v>
                </c:pt>
                <c:pt idx="18733">
                  <c:v>4014.98</c:v>
                </c:pt>
                <c:pt idx="18734">
                  <c:v>3674.36</c:v>
                </c:pt>
                <c:pt idx="18735">
                  <c:v>3534.24</c:v>
                </c:pt>
                <c:pt idx="18736">
                  <c:v>3330.59</c:v>
                </c:pt>
                <c:pt idx="18737">
                  <c:v>3298.13</c:v>
                </c:pt>
                <c:pt idx="18738">
                  <c:v>3094.25</c:v>
                </c:pt>
                <c:pt idx="18739">
                  <c:v>3068.3</c:v>
                </c:pt>
                <c:pt idx="18740">
                  <c:v>2970.39</c:v>
                </c:pt>
                <c:pt idx="18741">
                  <c:v>2999.05</c:v>
                </c:pt>
                <c:pt idx="18742">
                  <c:v>2931.47</c:v>
                </c:pt>
                <c:pt idx="18743">
                  <c:v>4406.0200000000004</c:v>
                </c:pt>
                <c:pt idx="18744">
                  <c:v>4014.98</c:v>
                </c:pt>
                <c:pt idx="18745">
                  <c:v>3674.36</c:v>
                </c:pt>
                <c:pt idx="18746">
                  <c:v>3534.24</c:v>
                </c:pt>
                <c:pt idx="18747">
                  <c:v>3330.59</c:v>
                </c:pt>
                <c:pt idx="18748">
                  <c:v>3298.13</c:v>
                </c:pt>
                <c:pt idx="18749">
                  <c:v>3094.25</c:v>
                </c:pt>
                <c:pt idx="18750">
                  <c:v>3068.3</c:v>
                </c:pt>
                <c:pt idx="18751">
                  <c:v>2970.39</c:v>
                </c:pt>
                <c:pt idx="18752">
                  <c:v>2896.05</c:v>
                </c:pt>
                <c:pt idx="18753">
                  <c:v>2821.66</c:v>
                </c:pt>
                <c:pt idx="18754">
                  <c:v>4406.0200000000004</c:v>
                </c:pt>
                <c:pt idx="18755">
                  <c:v>4014.98</c:v>
                </c:pt>
                <c:pt idx="18756">
                  <c:v>3674.36</c:v>
                </c:pt>
                <c:pt idx="18757">
                  <c:v>3534.24</c:v>
                </c:pt>
                <c:pt idx="18758">
                  <c:v>3330.59</c:v>
                </c:pt>
                <c:pt idx="18759">
                  <c:v>3298.13</c:v>
                </c:pt>
                <c:pt idx="18760">
                  <c:v>3094.25</c:v>
                </c:pt>
                <c:pt idx="18761">
                  <c:v>3068.3</c:v>
                </c:pt>
                <c:pt idx="18762">
                  <c:v>2970.39</c:v>
                </c:pt>
                <c:pt idx="18763">
                  <c:v>2999.05</c:v>
                </c:pt>
                <c:pt idx="18764">
                  <c:v>2931.47</c:v>
                </c:pt>
                <c:pt idx="18765">
                  <c:v>4406.0200000000004</c:v>
                </c:pt>
                <c:pt idx="18766">
                  <c:v>4014.98</c:v>
                </c:pt>
                <c:pt idx="18767">
                  <c:v>3674.36</c:v>
                </c:pt>
                <c:pt idx="18768">
                  <c:v>3534.24</c:v>
                </c:pt>
                <c:pt idx="18769">
                  <c:v>3330.59</c:v>
                </c:pt>
                <c:pt idx="18770">
                  <c:v>3298.13</c:v>
                </c:pt>
                <c:pt idx="18771">
                  <c:v>3094.25</c:v>
                </c:pt>
                <c:pt idx="18772">
                  <c:v>3068.3</c:v>
                </c:pt>
                <c:pt idx="18773">
                  <c:v>2970.39</c:v>
                </c:pt>
                <c:pt idx="18774">
                  <c:v>2999.05</c:v>
                </c:pt>
                <c:pt idx="18775">
                  <c:v>2931.47</c:v>
                </c:pt>
                <c:pt idx="18776">
                  <c:v>4406.0200000000004</c:v>
                </c:pt>
                <c:pt idx="18777">
                  <c:v>4014.98</c:v>
                </c:pt>
                <c:pt idx="18778">
                  <c:v>3674.36</c:v>
                </c:pt>
                <c:pt idx="18779">
                  <c:v>3534.24</c:v>
                </c:pt>
                <c:pt idx="18780">
                  <c:v>3330.59</c:v>
                </c:pt>
                <c:pt idx="18781">
                  <c:v>3298.13</c:v>
                </c:pt>
                <c:pt idx="18782">
                  <c:v>3094.25</c:v>
                </c:pt>
                <c:pt idx="18783">
                  <c:v>3068.3</c:v>
                </c:pt>
                <c:pt idx="18784">
                  <c:v>2970.39</c:v>
                </c:pt>
                <c:pt idx="18785">
                  <c:v>2999.05</c:v>
                </c:pt>
                <c:pt idx="18786">
                  <c:v>2931.47</c:v>
                </c:pt>
                <c:pt idx="18787">
                  <c:v>4406.0200000000004</c:v>
                </c:pt>
                <c:pt idx="18788">
                  <c:v>4014.98</c:v>
                </c:pt>
                <c:pt idx="18789">
                  <c:v>3674.36</c:v>
                </c:pt>
                <c:pt idx="18790">
                  <c:v>3534.24</c:v>
                </c:pt>
                <c:pt idx="18791">
                  <c:v>3330.59</c:v>
                </c:pt>
                <c:pt idx="18792">
                  <c:v>3298.13</c:v>
                </c:pt>
                <c:pt idx="18793">
                  <c:v>3094.25</c:v>
                </c:pt>
                <c:pt idx="18794">
                  <c:v>3068.3</c:v>
                </c:pt>
                <c:pt idx="18795">
                  <c:v>2970.39</c:v>
                </c:pt>
                <c:pt idx="18796">
                  <c:v>2999.05</c:v>
                </c:pt>
                <c:pt idx="18797">
                  <c:v>2931.47</c:v>
                </c:pt>
                <c:pt idx="18798">
                  <c:v>4406.0200000000004</c:v>
                </c:pt>
                <c:pt idx="18799">
                  <c:v>4014.98</c:v>
                </c:pt>
                <c:pt idx="18800">
                  <c:v>3674.36</c:v>
                </c:pt>
                <c:pt idx="18801">
                  <c:v>3534.24</c:v>
                </c:pt>
                <c:pt idx="18802">
                  <c:v>3330.59</c:v>
                </c:pt>
                <c:pt idx="18803">
                  <c:v>3298.13</c:v>
                </c:pt>
                <c:pt idx="18804">
                  <c:v>3094.25</c:v>
                </c:pt>
                <c:pt idx="18805">
                  <c:v>3068.3</c:v>
                </c:pt>
                <c:pt idx="18806">
                  <c:v>2970.39</c:v>
                </c:pt>
                <c:pt idx="18807">
                  <c:v>2999.05</c:v>
                </c:pt>
                <c:pt idx="18808">
                  <c:v>2931.47</c:v>
                </c:pt>
                <c:pt idx="18809">
                  <c:v>4406.0200000000004</c:v>
                </c:pt>
                <c:pt idx="18810">
                  <c:v>4014.98</c:v>
                </c:pt>
                <c:pt idx="18811">
                  <c:v>3674.36</c:v>
                </c:pt>
                <c:pt idx="18812">
                  <c:v>3534.24</c:v>
                </c:pt>
                <c:pt idx="18813">
                  <c:v>3330.59</c:v>
                </c:pt>
                <c:pt idx="18814">
                  <c:v>3298.13</c:v>
                </c:pt>
                <c:pt idx="18815">
                  <c:v>3094.25</c:v>
                </c:pt>
                <c:pt idx="18816">
                  <c:v>3068.3</c:v>
                </c:pt>
                <c:pt idx="18817">
                  <c:v>2970.39</c:v>
                </c:pt>
                <c:pt idx="18818">
                  <c:v>2999.05</c:v>
                </c:pt>
                <c:pt idx="18819">
                  <c:v>2931.47</c:v>
                </c:pt>
                <c:pt idx="18820">
                  <c:v>4406.0200000000004</c:v>
                </c:pt>
                <c:pt idx="18821">
                  <c:v>4014.98</c:v>
                </c:pt>
                <c:pt idx="18822">
                  <c:v>3674.36</c:v>
                </c:pt>
                <c:pt idx="18823">
                  <c:v>3534.24</c:v>
                </c:pt>
                <c:pt idx="18824">
                  <c:v>3330.59</c:v>
                </c:pt>
                <c:pt idx="18825">
                  <c:v>3298.13</c:v>
                </c:pt>
                <c:pt idx="18826">
                  <c:v>3094.25</c:v>
                </c:pt>
                <c:pt idx="18827">
                  <c:v>3068.3</c:v>
                </c:pt>
                <c:pt idx="18828">
                  <c:v>2970.39</c:v>
                </c:pt>
                <c:pt idx="18829">
                  <c:v>2999.05</c:v>
                </c:pt>
                <c:pt idx="18830">
                  <c:v>2931.47</c:v>
                </c:pt>
                <c:pt idx="18831">
                  <c:v>4406.0200000000004</c:v>
                </c:pt>
                <c:pt idx="18832">
                  <c:v>4014.98</c:v>
                </c:pt>
                <c:pt idx="18833">
                  <c:v>3674.36</c:v>
                </c:pt>
                <c:pt idx="18834">
                  <c:v>3534.24</c:v>
                </c:pt>
                <c:pt idx="18835">
                  <c:v>3330.59</c:v>
                </c:pt>
                <c:pt idx="18836">
                  <c:v>3298.13</c:v>
                </c:pt>
                <c:pt idx="18837">
                  <c:v>3094.25</c:v>
                </c:pt>
                <c:pt idx="18838">
                  <c:v>3068.3</c:v>
                </c:pt>
                <c:pt idx="18839">
                  <c:v>2970.39</c:v>
                </c:pt>
                <c:pt idx="18840">
                  <c:v>2999.05</c:v>
                </c:pt>
                <c:pt idx="18841">
                  <c:v>2931.47</c:v>
                </c:pt>
                <c:pt idx="18842">
                  <c:v>4406.0200000000004</c:v>
                </c:pt>
                <c:pt idx="18843">
                  <c:v>4014.98</c:v>
                </c:pt>
                <c:pt idx="18844">
                  <c:v>3674.36</c:v>
                </c:pt>
                <c:pt idx="18845">
                  <c:v>3534.24</c:v>
                </c:pt>
                <c:pt idx="18846">
                  <c:v>3330.59</c:v>
                </c:pt>
                <c:pt idx="18847">
                  <c:v>3298.13</c:v>
                </c:pt>
                <c:pt idx="18848">
                  <c:v>3094.25</c:v>
                </c:pt>
                <c:pt idx="18849">
                  <c:v>3068.3</c:v>
                </c:pt>
                <c:pt idx="18850">
                  <c:v>2970.39</c:v>
                </c:pt>
                <c:pt idx="18851">
                  <c:v>2999.05</c:v>
                </c:pt>
                <c:pt idx="18852">
                  <c:v>2931.47</c:v>
                </c:pt>
                <c:pt idx="18853">
                  <c:v>4406.0200000000004</c:v>
                </c:pt>
                <c:pt idx="18854">
                  <c:v>4014.98</c:v>
                </c:pt>
                <c:pt idx="18855">
                  <c:v>3674.36</c:v>
                </c:pt>
                <c:pt idx="18856">
                  <c:v>3534.24</c:v>
                </c:pt>
                <c:pt idx="18857">
                  <c:v>3330.59</c:v>
                </c:pt>
                <c:pt idx="18858">
                  <c:v>3298.13</c:v>
                </c:pt>
                <c:pt idx="18859">
                  <c:v>3094.25</c:v>
                </c:pt>
                <c:pt idx="18860">
                  <c:v>3068.3</c:v>
                </c:pt>
                <c:pt idx="18861">
                  <c:v>2970.39</c:v>
                </c:pt>
                <c:pt idx="18862">
                  <c:v>2999.05</c:v>
                </c:pt>
                <c:pt idx="18863">
                  <c:v>2931.47</c:v>
                </c:pt>
                <c:pt idx="18864">
                  <c:v>4406.0200000000004</c:v>
                </c:pt>
                <c:pt idx="18865">
                  <c:v>4014.98</c:v>
                </c:pt>
                <c:pt idx="18866">
                  <c:v>3674.36</c:v>
                </c:pt>
                <c:pt idx="18867">
                  <c:v>3534.24</c:v>
                </c:pt>
                <c:pt idx="18868">
                  <c:v>3330.59</c:v>
                </c:pt>
                <c:pt idx="18869">
                  <c:v>3298.13</c:v>
                </c:pt>
                <c:pt idx="18870">
                  <c:v>3094.25</c:v>
                </c:pt>
                <c:pt idx="18871">
                  <c:v>3068.3</c:v>
                </c:pt>
                <c:pt idx="18872">
                  <c:v>2970.39</c:v>
                </c:pt>
                <c:pt idx="18873">
                  <c:v>2999.05</c:v>
                </c:pt>
                <c:pt idx="18874">
                  <c:v>2931.47</c:v>
                </c:pt>
                <c:pt idx="18875">
                  <c:v>4406.0200000000004</c:v>
                </c:pt>
                <c:pt idx="18876">
                  <c:v>4014.98</c:v>
                </c:pt>
                <c:pt idx="18877">
                  <c:v>3674.36</c:v>
                </c:pt>
                <c:pt idx="18878">
                  <c:v>3534.24</c:v>
                </c:pt>
                <c:pt idx="18879">
                  <c:v>3330.59</c:v>
                </c:pt>
                <c:pt idx="18880">
                  <c:v>3298.13</c:v>
                </c:pt>
                <c:pt idx="18881">
                  <c:v>3094.25</c:v>
                </c:pt>
                <c:pt idx="18882">
                  <c:v>3068.3</c:v>
                </c:pt>
                <c:pt idx="18883">
                  <c:v>2970.39</c:v>
                </c:pt>
                <c:pt idx="18884">
                  <c:v>2896.05</c:v>
                </c:pt>
                <c:pt idx="18885">
                  <c:v>2821.66</c:v>
                </c:pt>
                <c:pt idx="18886">
                  <c:v>4406.0200000000004</c:v>
                </c:pt>
                <c:pt idx="18887">
                  <c:v>4014.98</c:v>
                </c:pt>
                <c:pt idx="18888">
                  <c:v>3674.36</c:v>
                </c:pt>
                <c:pt idx="18889">
                  <c:v>3534.24</c:v>
                </c:pt>
                <c:pt idx="18890">
                  <c:v>3330.59</c:v>
                </c:pt>
                <c:pt idx="18891">
                  <c:v>3298.13</c:v>
                </c:pt>
                <c:pt idx="18892">
                  <c:v>3094.25</c:v>
                </c:pt>
                <c:pt idx="18893">
                  <c:v>3068.3</c:v>
                </c:pt>
                <c:pt idx="18894">
                  <c:v>2970.39</c:v>
                </c:pt>
                <c:pt idx="18895">
                  <c:v>2999.05</c:v>
                </c:pt>
                <c:pt idx="18896">
                  <c:v>2931.47</c:v>
                </c:pt>
                <c:pt idx="18897">
                  <c:v>4406.0200000000004</c:v>
                </c:pt>
                <c:pt idx="18898">
                  <c:v>4014.98</c:v>
                </c:pt>
                <c:pt idx="18899">
                  <c:v>3674.36</c:v>
                </c:pt>
                <c:pt idx="18900">
                  <c:v>3534.24</c:v>
                </c:pt>
                <c:pt idx="18901">
                  <c:v>3330.59</c:v>
                </c:pt>
                <c:pt idx="18902">
                  <c:v>3298.13</c:v>
                </c:pt>
                <c:pt idx="18903">
                  <c:v>3094.25</c:v>
                </c:pt>
                <c:pt idx="18904">
                  <c:v>3068.3</c:v>
                </c:pt>
                <c:pt idx="18905">
                  <c:v>2970.39</c:v>
                </c:pt>
                <c:pt idx="18906">
                  <c:v>2999.05</c:v>
                </c:pt>
                <c:pt idx="18907">
                  <c:v>2931.47</c:v>
                </c:pt>
                <c:pt idx="18908">
                  <c:v>4406.0200000000004</c:v>
                </c:pt>
                <c:pt idx="18909">
                  <c:v>4014.98</c:v>
                </c:pt>
                <c:pt idx="18910">
                  <c:v>3674.36</c:v>
                </c:pt>
                <c:pt idx="18911">
                  <c:v>3534.24</c:v>
                </c:pt>
                <c:pt idx="18912">
                  <c:v>3330.59</c:v>
                </c:pt>
                <c:pt idx="18913">
                  <c:v>3298.13</c:v>
                </c:pt>
                <c:pt idx="18914">
                  <c:v>3094.25</c:v>
                </c:pt>
                <c:pt idx="18915">
                  <c:v>3068.3</c:v>
                </c:pt>
                <c:pt idx="18916">
                  <c:v>2970.39</c:v>
                </c:pt>
                <c:pt idx="18917">
                  <c:v>2999.05</c:v>
                </c:pt>
                <c:pt idx="18918">
                  <c:v>2931.47</c:v>
                </c:pt>
                <c:pt idx="18919">
                  <c:v>4406.0200000000004</c:v>
                </c:pt>
                <c:pt idx="18920">
                  <c:v>4014.98</c:v>
                </c:pt>
                <c:pt idx="18921">
                  <c:v>3674.36</c:v>
                </c:pt>
                <c:pt idx="18922">
                  <c:v>3534.24</c:v>
                </c:pt>
                <c:pt idx="18923">
                  <c:v>3330.59</c:v>
                </c:pt>
                <c:pt idx="18924">
                  <c:v>3298.13</c:v>
                </c:pt>
                <c:pt idx="18925">
                  <c:v>3094.25</c:v>
                </c:pt>
                <c:pt idx="18926">
                  <c:v>3068.3</c:v>
                </c:pt>
                <c:pt idx="18927">
                  <c:v>2970.39</c:v>
                </c:pt>
                <c:pt idx="18928">
                  <c:v>2999.05</c:v>
                </c:pt>
                <c:pt idx="18929">
                  <c:v>2931.47</c:v>
                </c:pt>
                <c:pt idx="18930">
                  <c:v>4406.0200000000004</c:v>
                </c:pt>
                <c:pt idx="18931">
                  <c:v>4014.98</c:v>
                </c:pt>
                <c:pt idx="18932">
                  <c:v>3674.36</c:v>
                </c:pt>
                <c:pt idx="18933">
                  <c:v>3534.24</c:v>
                </c:pt>
                <c:pt idx="18934">
                  <c:v>3330.59</c:v>
                </c:pt>
                <c:pt idx="18935">
                  <c:v>3298.13</c:v>
                </c:pt>
                <c:pt idx="18936">
                  <c:v>3094.25</c:v>
                </c:pt>
                <c:pt idx="18937">
                  <c:v>3068.3</c:v>
                </c:pt>
                <c:pt idx="18938">
                  <c:v>2970.39</c:v>
                </c:pt>
                <c:pt idx="18939">
                  <c:v>2999.05</c:v>
                </c:pt>
                <c:pt idx="18940">
                  <c:v>2931.47</c:v>
                </c:pt>
                <c:pt idx="18941">
                  <c:v>4406.0200000000004</c:v>
                </c:pt>
                <c:pt idx="18942">
                  <c:v>4014.98</c:v>
                </c:pt>
                <c:pt idx="18943">
                  <c:v>3674.36</c:v>
                </c:pt>
                <c:pt idx="18944">
                  <c:v>3534.24</c:v>
                </c:pt>
                <c:pt idx="18945">
                  <c:v>3330.59</c:v>
                </c:pt>
                <c:pt idx="18946">
                  <c:v>3298.13</c:v>
                </c:pt>
                <c:pt idx="18947">
                  <c:v>3094.25</c:v>
                </c:pt>
                <c:pt idx="18948">
                  <c:v>3068.3</c:v>
                </c:pt>
                <c:pt idx="18949">
                  <c:v>2970.39</c:v>
                </c:pt>
                <c:pt idx="18950">
                  <c:v>2999.05</c:v>
                </c:pt>
                <c:pt idx="18951">
                  <c:v>2931.47</c:v>
                </c:pt>
                <c:pt idx="18952">
                  <c:v>4406.0200000000004</c:v>
                </c:pt>
                <c:pt idx="18953">
                  <c:v>4014.98</c:v>
                </c:pt>
                <c:pt idx="18954">
                  <c:v>3674.36</c:v>
                </c:pt>
                <c:pt idx="18955">
                  <c:v>3534.24</c:v>
                </c:pt>
                <c:pt idx="18956">
                  <c:v>3330.59</c:v>
                </c:pt>
                <c:pt idx="18957">
                  <c:v>3298.13</c:v>
                </c:pt>
                <c:pt idx="18958">
                  <c:v>3094.25</c:v>
                </c:pt>
                <c:pt idx="18959">
                  <c:v>3068.3</c:v>
                </c:pt>
                <c:pt idx="18960">
                  <c:v>2970.39</c:v>
                </c:pt>
                <c:pt idx="18961">
                  <c:v>2999.05</c:v>
                </c:pt>
                <c:pt idx="18962">
                  <c:v>2931.47</c:v>
                </c:pt>
                <c:pt idx="18963">
                  <c:v>4406.0200000000004</c:v>
                </c:pt>
                <c:pt idx="18964">
                  <c:v>4014.98</c:v>
                </c:pt>
                <c:pt idx="18965">
                  <c:v>3674.36</c:v>
                </c:pt>
                <c:pt idx="18966">
                  <c:v>3534.24</c:v>
                </c:pt>
                <c:pt idx="18967">
                  <c:v>3330.59</c:v>
                </c:pt>
                <c:pt idx="18968">
                  <c:v>3298.13</c:v>
                </c:pt>
                <c:pt idx="18969">
                  <c:v>3094.25</c:v>
                </c:pt>
                <c:pt idx="18970">
                  <c:v>3068.3</c:v>
                </c:pt>
                <c:pt idx="18971">
                  <c:v>2970.39</c:v>
                </c:pt>
                <c:pt idx="18972">
                  <c:v>2999.05</c:v>
                </c:pt>
                <c:pt idx="18973">
                  <c:v>2931.47</c:v>
                </c:pt>
                <c:pt idx="18974">
                  <c:v>4406.0200000000004</c:v>
                </c:pt>
                <c:pt idx="18975">
                  <c:v>4014.98</c:v>
                </c:pt>
                <c:pt idx="18976">
                  <c:v>3674.36</c:v>
                </c:pt>
                <c:pt idx="18977">
                  <c:v>3534.24</c:v>
                </c:pt>
                <c:pt idx="18978">
                  <c:v>3330.59</c:v>
                </c:pt>
                <c:pt idx="18979">
                  <c:v>3298.13</c:v>
                </c:pt>
                <c:pt idx="18980">
                  <c:v>3094.25</c:v>
                </c:pt>
                <c:pt idx="18981">
                  <c:v>3068.3</c:v>
                </c:pt>
                <c:pt idx="18982">
                  <c:v>2970.39</c:v>
                </c:pt>
                <c:pt idx="18983">
                  <c:v>2999.05</c:v>
                </c:pt>
                <c:pt idx="18984">
                  <c:v>2931.47</c:v>
                </c:pt>
                <c:pt idx="18985">
                  <c:v>4406.0200000000004</c:v>
                </c:pt>
                <c:pt idx="18986">
                  <c:v>4014.98</c:v>
                </c:pt>
                <c:pt idx="18987">
                  <c:v>3674.36</c:v>
                </c:pt>
                <c:pt idx="18988">
                  <c:v>3534.24</c:v>
                </c:pt>
                <c:pt idx="18989">
                  <c:v>3330.59</c:v>
                </c:pt>
                <c:pt idx="18990">
                  <c:v>3298.13</c:v>
                </c:pt>
                <c:pt idx="18991">
                  <c:v>3094.25</c:v>
                </c:pt>
                <c:pt idx="18992">
                  <c:v>3068.3</c:v>
                </c:pt>
                <c:pt idx="18993">
                  <c:v>2970.39</c:v>
                </c:pt>
                <c:pt idx="18994">
                  <c:v>2999.05</c:v>
                </c:pt>
                <c:pt idx="18995">
                  <c:v>2931.47</c:v>
                </c:pt>
                <c:pt idx="18996">
                  <c:v>4406.0200000000004</c:v>
                </c:pt>
                <c:pt idx="18997">
                  <c:v>4014.98</c:v>
                </c:pt>
                <c:pt idx="18998">
                  <c:v>3674.36</c:v>
                </c:pt>
                <c:pt idx="18999">
                  <c:v>3534.24</c:v>
                </c:pt>
                <c:pt idx="19000">
                  <c:v>3330.59</c:v>
                </c:pt>
                <c:pt idx="19001">
                  <c:v>3298.13</c:v>
                </c:pt>
                <c:pt idx="19002">
                  <c:v>3094.25</c:v>
                </c:pt>
                <c:pt idx="19003">
                  <c:v>3068.3</c:v>
                </c:pt>
                <c:pt idx="19004">
                  <c:v>2970.39</c:v>
                </c:pt>
                <c:pt idx="19005">
                  <c:v>2999.05</c:v>
                </c:pt>
                <c:pt idx="19006">
                  <c:v>2931.47</c:v>
                </c:pt>
              </c:numCache>
            </c:numRef>
          </c:xVal>
          <c:yVal>
            <c:numRef>
              <c:f>Data!$F$3:$F$19009</c:f>
              <c:numCache>
                <c:formatCode>General</c:formatCode>
                <c:ptCount val="19007"/>
                <c:pt idx="0">
                  <c:v>66.005600000000001</c:v>
                </c:pt>
                <c:pt idx="1">
                  <c:v>80.814800000000005</c:v>
                </c:pt>
                <c:pt idx="2">
                  <c:v>86.06</c:v>
                </c:pt>
                <c:pt idx="3">
                  <c:v>90.352099999999993</c:v>
                </c:pt>
                <c:pt idx="4">
                  <c:v>92.921700000000001</c:v>
                </c:pt>
                <c:pt idx="5">
                  <c:v>93.759799999999998</c:v>
                </c:pt>
                <c:pt idx="6">
                  <c:v>94.490499999999997</c:v>
                </c:pt>
                <c:pt idx="7">
                  <c:v>97.711500000000001</c:v>
                </c:pt>
                <c:pt idx="8">
                  <c:v>97.809700000000007</c:v>
                </c:pt>
                <c:pt idx="9">
                  <c:v>94.033600000000007</c:v>
                </c:pt>
                <c:pt idx="10">
                  <c:v>97.932400000000001</c:v>
                </c:pt>
                <c:pt idx="11">
                  <c:v>40.4846</c:v>
                </c:pt>
                <c:pt idx="12">
                  <c:v>54.187600000000003</c:v>
                </c:pt>
                <c:pt idx="13">
                  <c:v>67.3446</c:v>
                </c:pt>
                <c:pt idx="14">
                  <c:v>72.764300000000006</c:v>
                </c:pt>
                <c:pt idx="15">
                  <c:v>74.110399999999998</c:v>
                </c:pt>
                <c:pt idx="16">
                  <c:v>76.952799999999996</c:v>
                </c:pt>
                <c:pt idx="17">
                  <c:v>82.575599999999994</c:v>
                </c:pt>
                <c:pt idx="18">
                  <c:v>83.850200000000001</c:v>
                </c:pt>
                <c:pt idx="19">
                  <c:v>80.459800000000001</c:v>
                </c:pt>
                <c:pt idx="20">
                  <c:v>85.340100000000007</c:v>
                </c:pt>
                <c:pt idx="21">
                  <c:v>83.7346</c:v>
                </c:pt>
                <c:pt idx="22">
                  <c:v>22.860700000000001</c:v>
                </c:pt>
                <c:pt idx="23">
                  <c:v>32.097799999999999</c:v>
                </c:pt>
                <c:pt idx="24">
                  <c:v>38.472200000000001</c:v>
                </c:pt>
                <c:pt idx="25">
                  <c:v>44.466799999999999</c:v>
                </c:pt>
                <c:pt idx="26">
                  <c:v>49.262099999999997</c:v>
                </c:pt>
                <c:pt idx="27">
                  <c:v>53.907800000000002</c:v>
                </c:pt>
                <c:pt idx="28">
                  <c:v>56.099200000000003</c:v>
                </c:pt>
                <c:pt idx="29">
                  <c:v>56.847099999999998</c:v>
                </c:pt>
                <c:pt idx="30">
                  <c:v>61.375399999999999</c:v>
                </c:pt>
                <c:pt idx="31">
                  <c:v>61.981000000000002</c:v>
                </c:pt>
                <c:pt idx="32">
                  <c:v>63.713999999999999</c:v>
                </c:pt>
                <c:pt idx="33">
                  <c:v>9.5771800000000002</c:v>
                </c:pt>
                <c:pt idx="34">
                  <c:v>13.345599999999999</c:v>
                </c:pt>
                <c:pt idx="35">
                  <c:v>18.579499999999999</c:v>
                </c:pt>
                <c:pt idx="36">
                  <c:v>22.340499999999999</c:v>
                </c:pt>
                <c:pt idx="37">
                  <c:v>25.381399999999999</c:v>
                </c:pt>
                <c:pt idx="38">
                  <c:v>26.931699999999999</c:v>
                </c:pt>
                <c:pt idx="39">
                  <c:v>28.937200000000001</c:v>
                </c:pt>
                <c:pt idx="40">
                  <c:v>31.099599999999999</c:v>
                </c:pt>
                <c:pt idx="41">
                  <c:v>31.673100000000002</c:v>
                </c:pt>
                <c:pt idx="42">
                  <c:v>32.476199999999999</c:v>
                </c:pt>
                <c:pt idx="43">
                  <c:v>34.598500000000001</c:v>
                </c:pt>
                <c:pt idx="44">
                  <c:v>10.394399999999999</c:v>
                </c:pt>
                <c:pt idx="45">
                  <c:v>10.417400000000001</c:v>
                </c:pt>
                <c:pt idx="46">
                  <c:v>10.3386</c:v>
                </c:pt>
                <c:pt idx="47">
                  <c:v>9.9930800000000009</c:v>
                </c:pt>
                <c:pt idx="48">
                  <c:v>9.7000499999999992</c:v>
                </c:pt>
                <c:pt idx="49">
                  <c:v>9.4641699999999993</c:v>
                </c:pt>
                <c:pt idx="50">
                  <c:v>10.314500000000001</c:v>
                </c:pt>
                <c:pt idx="51">
                  <c:v>10.975300000000001</c:v>
                </c:pt>
                <c:pt idx="52">
                  <c:v>12.0966</c:v>
                </c:pt>
                <c:pt idx="53">
                  <c:v>12.922800000000001</c:v>
                </c:pt>
                <c:pt idx="54">
                  <c:v>13.361700000000001</c:v>
                </c:pt>
                <c:pt idx="55">
                  <c:v>10.9735</c:v>
                </c:pt>
                <c:pt idx="56">
                  <c:v>10.639099999999999</c:v>
                </c:pt>
                <c:pt idx="57">
                  <c:v>10.4512</c:v>
                </c:pt>
                <c:pt idx="58">
                  <c:v>10.456300000000001</c:v>
                </c:pt>
                <c:pt idx="59">
                  <c:v>10.446899999999999</c:v>
                </c:pt>
                <c:pt idx="60">
                  <c:v>10.430400000000001</c:v>
                </c:pt>
                <c:pt idx="61">
                  <c:v>10.4077</c:v>
                </c:pt>
                <c:pt idx="62">
                  <c:v>10.381</c:v>
                </c:pt>
                <c:pt idx="63">
                  <c:v>10.3527</c:v>
                </c:pt>
                <c:pt idx="64">
                  <c:v>10.3224</c:v>
                </c:pt>
                <c:pt idx="65">
                  <c:v>10.2911</c:v>
                </c:pt>
                <c:pt idx="66">
                  <c:v>11.0045</c:v>
                </c:pt>
                <c:pt idx="67">
                  <c:v>11.046200000000001</c:v>
                </c:pt>
                <c:pt idx="68">
                  <c:v>11.0526</c:v>
                </c:pt>
                <c:pt idx="69">
                  <c:v>11.071999999999999</c:v>
                </c:pt>
                <c:pt idx="70">
                  <c:v>11.097099999999999</c:v>
                </c:pt>
                <c:pt idx="71">
                  <c:v>11.124000000000001</c:v>
                </c:pt>
                <c:pt idx="72">
                  <c:v>11.1516</c:v>
                </c:pt>
                <c:pt idx="73">
                  <c:v>11.178599999999999</c:v>
                </c:pt>
                <c:pt idx="74">
                  <c:v>11.203900000000001</c:v>
                </c:pt>
                <c:pt idx="75">
                  <c:v>11.227499999999999</c:v>
                </c:pt>
                <c:pt idx="76">
                  <c:v>11.249000000000001</c:v>
                </c:pt>
                <c:pt idx="77">
                  <c:v>11.0045</c:v>
                </c:pt>
                <c:pt idx="78">
                  <c:v>11.046200000000001</c:v>
                </c:pt>
                <c:pt idx="79">
                  <c:v>11.0526</c:v>
                </c:pt>
                <c:pt idx="80">
                  <c:v>11.071999999999999</c:v>
                </c:pt>
                <c:pt idx="81">
                  <c:v>11.097099999999999</c:v>
                </c:pt>
                <c:pt idx="82">
                  <c:v>11.124000000000001</c:v>
                </c:pt>
                <c:pt idx="83">
                  <c:v>11.1516</c:v>
                </c:pt>
                <c:pt idx="84">
                  <c:v>11.178599999999999</c:v>
                </c:pt>
                <c:pt idx="85">
                  <c:v>11.203900000000001</c:v>
                </c:pt>
                <c:pt idx="86">
                  <c:v>11.227499999999999</c:v>
                </c:pt>
                <c:pt idx="87">
                  <c:v>11.249000000000001</c:v>
                </c:pt>
                <c:pt idx="88">
                  <c:v>11.0045</c:v>
                </c:pt>
                <c:pt idx="89">
                  <c:v>11.046200000000001</c:v>
                </c:pt>
                <c:pt idx="90">
                  <c:v>11.0526</c:v>
                </c:pt>
                <c:pt idx="91">
                  <c:v>11.071999999999999</c:v>
                </c:pt>
                <c:pt idx="92">
                  <c:v>11.097099999999999</c:v>
                </c:pt>
                <c:pt idx="93">
                  <c:v>11.124000000000001</c:v>
                </c:pt>
                <c:pt idx="94">
                  <c:v>11.1516</c:v>
                </c:pt>
                <c:pt idx="95">
                  <c:v>11.178599999999999</c:v>
                </c:pt>
                <c:pt idx="96">
                  <c:v>11.203900000000001</c:v>
                </c:pt>
                <c:pt idx="97">
                  <c:v>11.227499999999999</c:v>
                </c:pt>
                <c:pt idx="98">
                  <c:v>11.249000000000001</c:v>
                </c:pt>
                <c:pt idx="99">
                  <c:v>11.0045</c:v>
                </c:pt>
                <c:pt idx="100">
                  <c:v>11.046200000000001</c:v>
                </c:pt>
                <c:pt idx="101">
                  <c:v>11.0526</c:v>
                </c:pt>
                <c:pt idx="102">
                  <c:v>11.071999999999999</c:v>
                </c:pt>
                <c:pt idx="103">
                  <c:v>11.097099999999999</c:v>
                </c:pt>
                <c:pt idx="104">
                  <c:v>11.124000000000001</c:v>
                </c:pt>
                <c:pt idx="105">
                  <c:v>11.1516</c:v>
                </c:pt>
                <c:pt idx="106">
                  <c:v>11.178599999999999</c:v>
                </c:pt>
                <c:pt idx="107">
                  <c:v>11.203900000000001</c:v>
                </c:pt>
                <c:pt idx="108">
                  <c:v>11.227499999999999</c:v>
                </c:pt>
                <c:pt idx="109">
                  <c:v>11.249000000000001</c:v>
                </c:pt>
                <c:pt idx="110">
                  <c:v>11.0045</c:v>
                </c:pt>
                <c:pt idx="111">
                  <c:v>11.046200000000001</c:v>
                </c:pt>
                <c:pt idx="112">
                  <c:v>11.0526</c:v>
                </c:pt>
                <c:pt idx="113">
                  <c:v>11.071999999999999</c:v>
                </c:pt>
                <c:pt idx="114">
                  <c:v>11.097099999999999</c:v>
                </c:pt>
                <c:pt idx="115">
                  <c:v>11.124000000000001</c:v>
                </c:pt>
                <c:pt idx="116">
                  <c:v>11.1516</c:v>
                </c:pt>
                <c:pt idx="117">
                  <c:v>11.178599999999999</c:v>
                </c:pt>
                <c:pt idx="118">
                  <c:v>11.203900000000001</c:v>
                </c:pt>
                <c:pt idx="119">
                  <c:v>11.227499999999999</c:v>
                </c:pt>
                <c:pt idx="120">
                  <c:v>11.249000000000001</c:v>
                </c:pt>
                <c:pt idx="121">
                  <c:v>11.0045</c:v>
                </c:pt>
                <c:pt idx="122">
                  <c:v>11.046200000000001</c:v>
                </c:pt>
                <c:pt idx="123">
                  <c:v>11.0526</c:v>
                </c:pt>
                <c:pt idx="124">
                  <c:v>11.071999999999999</c:v>
                </c:pt>
                <c:pt idx="125">
                  <c:v>11.097099999999999</c:v>
                </c:pt>
                <c:pt idx="126">
                  <c:v>11.124000000000001</c:v>
                </c:pt>
                <c:pt idx="127">
                  <c:v>11.1516</c:v>
                </c:pt>
                <c:pt idx="128">
                  <c:v>11.178599999999999</c:v>
                </c:pt>
                <c:pt idx="129">
                  <c:v>11.203900000000001</c:v>
                </c:pt>
                <c:pt idx="130">
                  <c:v>11.227499999999999</c:v>
                </c:pt>
                <c:pt idx="131">
                  <c:v>11.249000000000001</c:v>
                </c:pt>
                <c:pt idx="132">
                  <c:v>63.430100000000003</c:v>
                </c:pt>
                <c:pt idx="133">
                  <c:v>79.069000000000003</c:v>
                </c:pt>
                <c:pt idx="134">
                  <c:v>92.837900000000005</c:v>
                </c:pt>
                <c:pt idx="135">
                  <c:v>95.868600000000001</c:v>
                </c:pt>
                <c:pt idx="136">
                  <c:v>99.718100000000007</c:v>
                </c:pt>
                <c:pt idx="137">
                  <c:v>102.262</c:v>
                </c:pt>
                <c:pt idx="138">
                  <c:v>101.77800000000001</c:v>
                </c:pt>
                <c:pt idx="139">
                  <c:v>104.396</c:v>
                </c:pt>
                <c:pt idx="140">
                  <c:v>105.27200000000001</c:v>
                </c:pt>
                <c:pt idx="141">
                  <c:v>106.836</c:v>
                </c:pt>
                <c:pt idx="142">
                  <c:v>107.49299999999999</c:v>
                </c:pt>
                <c:pt idx="143">
                  <c:v>39.825299999999999</c:v>
                </c:pt>
                <c:pt idx="144">
                  <c:v>51.525799999999997</c:v>
                </c:pt>
                <c:pt idx="145">
                  <c:v>64.040099999999995</c:v>
                </c:pt>
                <c:pt idx="146">
                  <c:v>73.423699999999997</c:v>
                </c:pt>
                <c:pt idx="147">
                  <c:v>79.684399999999997</c:v>
                </c:pt>
                <c:pt idx="148">
                  <c:v>80.807199999999995</c:v>
                </c:pt>
                <c:pt idx="149">
                  <c:v>84.976699999999994</c:v>
                </c:pt>
                <c:pt idx="150">
                  <c:v>87.304100000000005</c:v>
                </c:pt>
                <c:pt idx="151">
                  <c:v>88.995000000000005</c:v>
                </c:pt>
                <c:pt idx="152">
                  <c:v>88.918599999999998</c:v>
                </c:pt>
                <c:pt idx="153">
                  <c:v>90.490700000000004</c:v>
                </c:pt>
                <c:pt idx="154">
                  <c:v>22.860700000000001</c:v>
                </c:pt>
                <c:pt idx="155">
                  <c:v>29.715399999999999</c:v>
                </c:pt>
                <c:pt idx="156">
                  <c:v>36.553899999999999</c:v>
                </c:pt>
                <c:pt idx="157">
                  <c:v>43.920200000000001</c:v>
                </c:pt>
                <c:pt idx="158">
                  <c:v>49.701599999999999</c:v>
                </c:pt>
                <c:pt idx="159">
                  <c:v>54.386200000000002</c:v>
                </c:pt>
                <c:pt idx="160">
                  <c:v>57.835900000000002</c:v>
                </c:pt>
                <c:pt idx="161">
                  <c:v>58.819299999999998</c:v>
                </c:pt>
                <c:pt idx="162">
                  <c:v>61.6374</c:v>
                </c:pt>
                <c:pt idx="163">
                  <c:v>64.906800000000004</c:v>
                </c:pt>
                <c:pt idx="164">
                  <c:v>64.221900000000005</c:v>
                </c:pt>
                <c:pt idx="165">
                  <c:v>9.5771800000000002</c:v>
                </c:pt>
                <c:pt idx="166">
                  <c:v>11.6852</c:v>
                </c:pt>
                <c:pt idx="167">
                  <c:v>17.1038</c:v>
                </c:pt>
                <c:pt idx="168">
                  <c:v>21.3705</c:v>
                </c:pt>
                <c:pt idx="169">
                  <c:v>24.901499999999999</c:v>
                </c:pt>
                <c:pt idx="170">
                  <c:v>27.137699999999999</c:v>
                </c:pt>
                <c:pt idx="171">
                  <c:v>29.324300000000001</c:v>
                </c:pt>
                <c:pt idx="172">
                  <c:v>31.348099999999999</c:v>
                </c:pt>
                <c:pt idx="173">
                  <c:v>33.000700000000002</c:v>
                </c:pt>
                <c:pt idx="174">
                  <c:v>34.059100000000001</c:v>
                </c:pt>
                <c:pt idx="175">
                  <c:v>34.845500000000001</c:v>
                </c:pt>
                <c:pt idx="176">
                  <c:v>10.394399999999999</c:v>
                </c:pt>
                <c:pt idx="177">
                  <c:v>10.417400000000001</c:v>
                </c:pt>
                <c:pt idx="178">
                  <c:v>10.3386</c:v>
                </c:pt>
                <c:pt idx="179">
                  <c:v>9.9930800000000009</c:v>
                </c:pt>
                <c:pt idx="180">
                  <c:v>9.7000499999999992</c:v>
                </c:pt>
                <c:pt idx="181">
                  <c:v>9.4641699999999993</c:v>
                </c:pt>
                <c:pt idx="182">
                  <c:v>10.311199999999999</c:v>
                </c:pt>
                <c:pt idx="183">
                  <c:v>11.0589</c:v>
                </c:pt>
                <c:pt idx="184">
                  <c:v>12.3644</c:v>
                </c:pt>
                <c:pt idx="185">
                  <c:v>13.097</c:v>
                </c:pt>
                <c:pt idx="186">
                  <c:v>13.4186</c:v>
                </c:pt>
                <c:pt idx="187">
                  <c:v>10.9735</c:v>
                </c:pt>
                <c:pt idx="188">
                  <c:v>10.639099999999999</c:v>
                </c:pt>
                <c:pt idx="189">
                  <c:v>10.4512</c:v>
                </c:pt>
                <c:pt idx="190">
                  <c:v>10.456300000000001</c:v>
                </c:pt>
                <c:pt idx="191">
                  <c:v>10.446899999999999</c:v>
                </c:pt>
                <c:pt idx="192">
                  <c:v>10.430400000000001</c:v>
                </c:pt>
                <c:pt idx="193">
                  <c:v>10.4077</c:v>
                </c:pt>
                <c:pt idx="194">
                  <c:v>10.381</c:v>
                </c:pt>
                <c:pt idx="195">
                  <c:v>10.3527</c:v>
                </c:pt>
                <c:pt idx="196">
                  <c:v>10.3224</c:v>
                </c:pt>
                <c:pt idx="197">
                  <c:v>10.2911</c:v>
                </c:pt>
                <c:pt idx="198">
                  <c:v>11.0045</c:v>
                </c:pt>
                <c:pt idx="199">
                  <c:v>11.046200000000001</c:v>
                </c:pt>
                <c:pt idx="200">
                  <c:v>11.0526</c:v>
                </c:pt>
                <c:pt idx="201">
                  <c:v>11.071999999999999</c:v>
                </c:pt>
                <c:pt idx="202">
                  <c:v>11.097099999999999</c:v>
                </c:pt>
                <c:pt idx="203">
                  <c:v>11.124000000000001</c:v>
                </c:pt>
                <c:pt idx="204">
                  <c:v>11.1516</c:v>
                </c:pt>
                <c:pt idx="205">
                  <c:v>11.178599999999999</c:v>
                </c:pt>
                <c:pt idx="206">
                  <c:v>11.203900000000001</c:v>
                </c:pt>
                <c:pt idx="207">
                  <c:v>11.227499999999999</c:v>
                </c:pt>
                <c:pt idx="208">
                  <c:v>11.249000000000001</c:v>
                </c:pt>
                <c:pt idx="209">
                  <c:v>11.0045</c:v>
                </c:pt>
                <c:pt idx="210">
                  <c:v>11.046200000000001</c:v>
                </c:pt>
                <c:pt idx="211">
                  <c:v>11.0526</c:v>
                </c:pt>
                <c:pt idx="212">
                  <c:v>11.071999999999999</c:v>
                </c:pt>
                <c:pt idx="213">
                  <c:v>11.097099999999999</c:v>
                </c:pt>
                <c:pt idx="214">
                  <c:v>11.124000000000001</c:v>
                </c:pt>
                <c:pt idx="215">
                  <c:v>11.1516</c:v>
                </c:pt>
                <c:pt idx="216">
                  <c:v>11.178599999999999</c:v>
                </c:pt>
                <c:pt idx="217">
                  <c:v>11.203900000000001</c:v>
                </c:pt>
                <c:pt idx="218">
                  <c:v>11.227499999999999</c:v>
                </c:pt>
                <c:pt idx="219">
                  <c:v>11.249000000000001</c:v>
                </c:pt>
                <c:pt idx="220">
                  <c:v>11.0045</c:v>
                </c:pt>
                <c:pt idx="221">
                  <c:v>11.046200000000001</c:v>
                </c:pt>
                <c:pt idx="222">
                  <c:v>11.0526</c:v>
                </c:pt>
                <c:pt idx="223">
                  <c:v>11.071999999999999</c:v>
                </c:pt>
                <c:pt idx="224">
                  <c:v>11.097099999999999</c:v>
                </c:pt>
                <c:pt idx="225">
                  <c:v>11.124000000000001</c:v>
                </c:pt>
                <c:pt idx="226">
                  <c:v>11.1516</c:v>
                </c:pt>
                <c:pt idx="227">
                  <c:v>11.178599999999999</c:v>
                </c:pt>
                <c:pt idx="228">
                  <c:v>11.203900000000001</c:v>
                </c:pt>
                <c:pt idx="229">
                  <c:v>11.227499999999999</c:v>
                </c:pt>
                <c:pt idx="230">
                  <c:v>11.249000000000001</c:v>
                </c:pt>
                <c:pt idx="231">
                  <c:v>11.0045</c:v>
                </c:pt>
                <c:pt idx="232">
                  <c:v>11.046200000000001</c:v>
                </c:pt>
                <c:pt idx="233">
                  <c:v>11.0526</c:v>
                </c:pt>
                <c:pt idx="234">
                  <c:v>11.071999999999999</c:v>
                </c:pt>
                <c:pt idx="235">
                  <c:v>11.097099999999999</c:v>
                </c:pt>
                <c:pt idx="236">
                  <c:v>11.124000000000001</c:v>
                </c:pt>
                <c:pt idx="237">
                  <c:v>11.1516</c:v>
                </c:pt>
                <c:pt idx="238">
                  <c:v>11.178599999999999</c:v>
                </c:pt>
                <c:pt idx="239">
                  <c:v>11.203900000000001</c:v>
                </c:pt>
                <c:pt idx="240">
                  <c:v>11.227499999999999</c:v>
                </c:pt>
                <c:pt idx="241">
                  <c:v>11.249000000000001</c:v>
                </c:pt>
                <c:pt idx="242">
                  <c:v>11.0045</c:v>
                </c:pt>
                <c:pt idx="243">
                  <c:v>11.046200000000001</c:v>
                </c:pt>
                <c:pt idx="244">
                  <c:v>11.0526</c:v>
                </c:pt>
                <c:pt idx="245">
                  <c:v>11.071999999999999</c:v>
                </c:pt>
                <c:pt idx="246">
                  <c:v>11.097099999999999</c:v>
                </c:pt>
                <c:pt idx="247">
                  <c:v>11.124000000000001</c:v>
                </c:pt>
                <c:pt idx="248">
                  <c:v>11.1516</c:v>
                </c:pt>
                <c:pt idx="249">
                  <c:v>11.178599999999999</c:v>
                </c:pt>
                <c:pt idx="250">
                  <c:v>11.203900000000001</c:v>
                </c:pt>
                <c:pt idx="251">
                  <c:v>11.227499999999999</c:v>
                </c:pt>
                <c:pt idx="252">
                  <c:v>11.249000000000001</c:v>
                </c:pt>
                <c:pt idx="253">
                  <c:v>11.0045</c:v>
                </c:pt>
                <c:pt idx="254">
                  <c:v>11.046200000000001</c:v>
                </c:pt>
                <c:pt idx="255">
                  <c:v>11.0526</c:v>
                </c:pt>
                <c:pt idx="256">
                  <c:v>11.071999999999999</c:v>
                </c:pt>
                <c:pt idx="257">
                  <c:v>11.097099999999999</c:v>
                </c:pt>
                <c:pt idx="258">
                  <c:v>11.124000000000001</c:v>
                </c:pt>
                <c:pt idx="259">
                  <c:v>11.1516</c:v>
                </c:pt>
                <c:pt idx="260">
                  <c:v>11.178599999999999</c:v>
                </c:pt>
                <c:pt idx="261">
                  <c:v>11.203900000000001</c:v>
                </c:pt>
                <c:pt idx="262">
                  <c:v>11.227499999999999</c:v>
                </c:pt>
                <c:pt idx="263">
                  <c:v>11.249000000000001</c:v>
                </c:pt>
                <c:pt idx="264">
                  <c:v>63.430100000000003</c:v>
                </c:pt>
                <c:pt idx="265">
                  <c:v>77.960300000000004</c:v>
                </c:pt>
                <c:pt idx="266">
                  <c:v>93.061899999999994</c:v>
                </c:pt>
                <c:pt idx="267">
                  <c:v>100.928</c:v>
                </c:pt>
                <c:pt idx="268">
                  <c:v>103.873</c:v>
                </c:pt>
                <c:pt idx="269">
                  <c:v>107.247</c:v>
                </c:pt>
                <c:pt idx="270">
                  <c:v>110.479</c:v>
                </c:pt>
                <c:pt idx="271">
                  <c:v>109.989</c:v>
                </c:pt>
                <c:pt idx="272">
                  <c:v>111.621</c:v>
                </c:pt>
                <c:pt idx="273">
                  <c:v>109.202</c:v>
                </c:pt>
                <c:pt idx="274">
                  <c:v>109.44199999999999</c:v>
                </c:pt>
                <c:pt idx="275">
                  <c:v>39.825299999999999</c:v>
                </c:pt>
                <c:pt idx="276">
                  <c:v>50.488500000000002</c:v>
                </c:pt>
                <c:pt idx="277">
                  <c:v>61.4345</c:v>
                </c:pt>
                <c:pt idx="278">
                  <c:v>72.421599999999998</c:v>
                </c:pt>
                <c:pt idx="279">
                  <c:v>80.155000000000001</c:v>
                </c:pt>
                <c:pt idx="280">
                  <c:v>80.688400000000001</c:v>
                </c:pt>
                <c:pt idx="281">
                  <c:v>87.273399999999995</c:v>
                </c:pt>
                <c:pt idx="282">
                  <c:v>90.727199999999996</c:v>
                </c:pt>
                <c:pt idx="283">
                  <c:v>93.603300000000004</c:v>
                </c:pt>
                <c:pt idx="284">
                  <c:v>95.302700000000002</c:v>
                </c:pt>
                <c:pt idx="285">
                  <c:v>95.240600000000001</c:v>
                </c:pt>
                <c:pt idx="286">
                  <c:v>22.860700000000001</c:v>
                </c:pt>
                <c:pt idx="287">
                  <c:v>28.7224</c:v>
                </c:pt>
                <c:pt idx="288">
                  <c:v>33.844900000000003</c:v>
                </c:pt>
                <c:pt idx="289">
                  <c:v>42.4666</c:v>
                </c:pt>
                <c:pt idx="290">
                  <c:v>46.725299999999997</c:v>
                </c:pt>
                <c:pt idx="291">
                  <c:v>52.265599999999999</c:v>
                </c:pt>
                <c:pt idx="292">
                  <c:v>58.198999999999998</c:v>
                </c:pt>
                <c:pt idx="293">
                  <c:v>59.643999999999998</c:v>
                </c:pt>
                <c:pt idx="294">
                  <c:v>63.496600000000001</c:v>
                </c:pt>
                <c:pt idx="295">
                  <c:v>64.116699999999994</c:v>
                </c:pt>
                <c:pt idx="296">
                  <c:v>67.304199999999994</c:v>
                </c:pt>
                <c:pt idx="297">
                  <c:v>9.5771800000000002</c:v>
                </c:pt>
                <c:pt idx="298">
                  <c:v>11.1136</c:v>
                </c:pt>
                <c:pt idx="299">
                  <c:v>14.817399999999999</c:v>
                </c:pt>
                <c:pt idx="300">
                  <c:v>19.784600000000001</c:v>
                </c:pt>
                <c:pt idx="301">
                  <c:v>23.598400000000002</c:v>
                </c:pt>
                <c:pt idx="302">
                  <c:v>26.395600000000002</c:v>
                </c:pt>
                <c:pt idx="303">
                  <c:v>28.884499999999999</c:v>
                </c:pt>
                <c:pt idx="304">
                  <c:v>30.6129</c:v>
                </c:pt>
                <c:pt idx="305">
                  <c:v>32.581499999999998</c:v>
                </c:pt>
                <c:pt idx="306">
                  <c:v>34.695</c:v>
                </c:pt>
                <c:pt idx="307">
                  <c:v>35.787500000000001</c:v>
                </c:pt>
                <c:pt idx="308">
                  <c:v>10.394399999999999</c:v>
                </c:pt>
                <c:pt idx="309">
                  <c:v>10.417400000000001</c:v>
                </c:pt>
                <c:pt idx="310">
                  <c:v>10.3386</c:v>
                </c:pt>
                <c:pt idx="311">
                  <c:v>9.9930800000000009</c:v>
                </c:pt>
                <c:pt idx="312">
                  <c:v>9.7000499999999992</c:v>
                </c:pt>
                <c:pt idx="313">
                  <c:v>9.4641699999999993</c:v>
                </c:pt>
                <c:pt idx="314">
                  <c:v>10.2468</c:v>
                </c:pt>
                <c:pt idx="315">
                  <c:v>11.1584</c:v>
                </c:pt>
                <c:pt idx="316">
                  <c:v>12.039300000000001</c:v>
                </c:pt>
                <c:pt idx="317">
                  <c:v>12.9396</c:v>
                </c:pt>
                <c:pt idx="318">
                  <c:v>13.5556</c:v>
                </c:pt>
                <c:pt idx="319">
                  <c:v>10.9735</c:v>
                </c:pt>
                <c:pt idx="320">
                  <c:v>10.639099999999999</c:v>
                </c:pt>
                <c:pt idx="321">
                  <c:v>10.4512</c:v>
                </c:pt>
                <c:pt idx="322">
                  <c:v>10.456300000000001</c:v>
                </c:pt>
                <c:pt idx="323">
                  <c:v>10.446899999999999</c:v>
                </c:pt>
                <c:pt idx="324">
                  <c:v>10.430400000000001</c:v>
                </c:pt>
                <c:pt idx="325">
                  <c:v>10.4077</c:v>
                </c:pt>
                <c:pt idx="326">
                  <c:v>10.381</c:v>
                </c:pt>
                <c:pt idx="327">
                  <c:v>10.3527</c:v>
                </c:pt>
                <c:pt idx="328">
                  <c:v>10.3224</c:v>
                </c:pt>
                <c:pt idx="329">
                  <c:v>10.2911</c:v>
                </c:pt>
                <c:pt idx="330">
                  <c:v>11.0045</c:v>
                </c:pt>
                <c:pt idx="331">
                  <c:v>11.046200000000001</c:v>
                </c:pt>
                <c:pt idx="332">
                  <c:v>11.0526</c:v>
                </c:pt>
                <c:pt idx="333">
                  <c:v>11.071999999999999</c:v>
                </c:pt>
                <c:pt idx="334">
                  <c:v>11.097099999999999</c:v>
                </c:pt>
                <c:pt idx="335">
                  <c:v>11.124000000000001</c:v>
                </c:pt>
                <c:pt idx="336">
                  <c:v>11.1516</c:v>
                </c:pt>
                <c:pt idx="337">
                  <c:v>11.178599999999999</c:v>
                </c:pt>
                <c:pt idx="338">
                  <c:v>11.203900000000001</c:v>
                </c:pt>
                <c:pt idx="339">
                  <c:v>11.227499999999999</c:v>
                </c:pt>
                <c:pt idx="340">
                  <c:v>11.249000000000001</c:v>
                </c:pt>
                <c:pt idx="341">
                  <c:v>11.0045</c:v>
                </c:pt>
                <c:pt idx="342">
                  <c:v>11.046200000000001</c:v>
                </c:pt>
                <c:pt idx="343">
                  <c:v>11.0526</c:v>
                </c:pt>
                <c:pt idx="344">
                  <c:v>11.071999999999999</c:v>
                </c:pt>
                <c:pt idx="345">
                  <c:v>11.097099999999999</c:v>
                </c:pt>
                <c:pt idx="346">
                  <c:v>11.124000000000001</c:v>
                </c:pt>
                <c:pt idx="347">
                  <c:v>11.1516</c:v>
                </c:pt>
                <c:pt idx="348">
                  <c:v>11.178599999999999</c:v>
                </c:pt>
                <c:pt idx="349">
                  <c:v>11.203900000000001</c:v>
                </c:pt>
                <c:pt idx="350">
                  <c:v>11.227499999999999</c:v>
                </c:pt>
                <c:pt idx="351">
                  <c:v>11.249000000000001</c:v>
                </c:pt>
                <c:pt idx="352">
                  <c:v>11.0045</c:v>
                </c:pt>
                <c:pt idx="353">
                  <c:v>11.046200000000001</c:v>
                </c:pt>
                <c:pt idx="354">
                  <c:v>11.0526</c:v>
                </c:pt>
                <c:pt idx="355">
                  <c:v>11.071999999999999</c:v>
                </c:pt>
                <c:pt idx="356">
                  <c:v>11.097099999999999</c:v>
                </c:pt>
                <c:pt idx="357">
                  <c:v>11.124000000000001</c:v>
                </c:pt>
                <c:pt idx="358">
                  <c:v>11.1516</c:v>
                </c:pt>
                <c:pt idx="359">
                  <c:v>11.178599999999999</c:v>
                </c:pt>
                <c:pt idx="360">
                  <c:v>11.203900000000001</c:v>
                </c:pt>
                <c:pt idx="361">
                  <c:v>11.227499999999999</c:v>
                </c:pt>
                <c:pt idx="362">
                  <c:v>11.249000000000001</c:v>
                </c:pt>
                <c:pt idx="363">
                  <c:v>11.0045</c:v>
                </c:pt>
                <c:pt idx="364">
                  <c:v>11.046200000000001</c:v>
                </c:pt>
                <c:pt idx="365">
                  <c:v>11.0526</c:v>
                </c:pt>
                <c:pt idx="366">
                  <c:v>11.071999999999999</c:v>
                </c:pt>
                <c:pt idx="367">
                  <c:v>11.097099999999999</c:v>
                </c:pt>
                <c:pt idx="368">
                  <c:v>11.124000000000001</c:v>
                </c:pt>
                <c:pt idx="369">
                  <c:v>11.1516</c:v>
                </c:pt>
                <c:pt idx="370">
                  <c:v>11.178599999999999</c:v>
                </c:pt>
                <c:pt idx="371">
                  <c:v>11.203900000000001</c:v>
                </c:pt>
                <c:pt idx="372">
                  <c:v>11.227499999999999</c:v>
                </c:pt>
                <c:pt idx="373">
                  <c:v>11.249000000000001</c:v>
                </c:pt>
                <c:pt idx="374">
                  <c:v>11.0045</c:v>
                </c:pt>
                <c:pt idx="375">
                  <c:v>11.046200000000001</c:v>
                </c:pt>
                <c:pt idx="376">
                  <c:v>11.0526</c:v>
                </c:pt>
                <c:pt idx="377">
                  <c:v>11.071999999999999</c:v>
                </c:pt>
                <c:pt idx="378">
                  <c:v>11.097099999999999</c:v>
                </c:pt>
                <c:pt idx="379">
                  <c:v>11.124000000000001</c:v>
                </c:pt>
                <c:pt idx="380">
                  <c:v>11.1516</c:v>
                </c:pt>
                <c:pt idx="381">
                  <c:v>11.178599999999999</c:v>
                </c:pt>
                <c:pt idx="382">
                  <c:v>11.203900000000001</c:v>
                </c:pt>
                <c:pt idx="383">
                  <c:v>11.227499999999999</c:v>
                </c:pt>
                <c:pt idx="384">
                  <c:v>11.249000000000001</c:v>
                </c:pt>
                <c:pt idx="385">
                  <c:v>11.0045</c:v>
                </c:pt>
                <c:pt idx="386">
                  <c:v>11.046200000000001</c:v>
                </c:pt>
                <c:pt idx="387">
                  <c:v>11.0526</c:v>
                </c:pt>
                <c:pt idx="388">
                  <c:v>11.071999999999999</c:v>
                </c:pt>
                <c:pt idx="389">
                  <c:v>11.097099999999999</c:v>
                </c:pt>
                <c:pt idx="390">
                  <c:v>11.124000000000001</c:v>
                </c:pt>
                <c:pt idx="391">
                  <c:v>11.1516</c:v>
                </c:pt>
                <c:pt idx="392">
                  <c:v>11.178599999999999</c:v>
                </c:pt>
                <c:pt idx="393">
                  <c:v>11.203900000000001</c:v>
                </c:pt>
                <c:pt idx="394">
                  <c:v>11.227499999999999</c:v>
                </c:pt>
                <c:pt idx="395">
                  <c:v>11.249000000000001</c:v>
                </c:pt>
                <c:pt idx="396">
                  <c:v>63.430100000000003</c:v>
                </c:pt>
                <c:pt idx="397">
                  <c:v>77.202100000000002</c:v>
                </c:pt>
                <c:pt idx="398">
                  <c:v>90.643699999999995</c:v>
                </c:pt>
                <c:pt idx="399">
                  <c:v>98.231899999999996</c:v>
                </c:pt>
                <c:pt idx="400">
                  <c:v>106.98</c:v>
                </c:pt>
                <c:pt idx="401">
                  <c:v>105.54900000000001</c:v>
                </c:pt>
                <c:pt idx="402">
                  <c:v>111.863</c:v>
                </c:pt>
                <c:pt idx="403">
                  <c:v>110.28</c:v>
                </c:pt>
                <c:pt idx="404">
                  <c:v>112.072</c:v>
                </c:pt>
                <c:pt idx="405">
                  <c:v>115.60299999999999</c:v>
                </c:pt>
                <c:pt idx="406">
                  <c:v>115.758</c:v>
                </c:pt>
                <c:pt idx="407">
                  <c:v>39.825299999999999</c:v>
                </c:pt>
                <c:pt idx="408">
                  <c:v>50.488500000000002</c:v>
                </c:pt>
                <c:pt idx="409">
                  <c:v>59.515700000000002</c:v>
                </c:pt>
                <c:pt idx="410">
                  <c:v>69.6935</c:v>
                </c:pt>
                <c:pt idx="411">
                  <c:v>79.366799999999998</c:v>
                </c:pt>
                <c:pt idx="412">
                  <c:v>81.394900000000007</c:v>
                </c:pt>
                <c:pt idx="413">
                  <c:v>85.98</c:v>
                </c:pt>
                <c:pt idx="414">
                  <c:v>89.593000000000004</c:v>
                </c:pt>
                <c:pt idx="415">
                  <c:v>92.765100000000004</c:v>
                </c:pt>
                <c:pt idx="416">
                  <c:v>96.436499999999995</c:v>
                </c:pt>
                <c:pt idx="417">
                  <c:v>98.692400000000006</c:v>
                </c:pt>
                <c:pt idx="418">
                  <c:v>22.860700000000001</c:v>
                </c:pt>
                <c:pt idx="419">
                  <c:v>28.7224</c:v>
                </c:pt>
                <c:pt idx="420">
                  <c:v>32.956200000000003</c:v>
                </c:pt>
                <c:pt idx="421">
                  <c:v>40.160499999999999</c:v>
                </c:pt>
                <c:pt idx="422">
                  <c:v>44.537500000000001</c:v>
                </c:pt>
                <c:pt idx="423">
                  <c:v>50.979100000000003</c:v>
                </c:pt>
                <c:pt idx="424">
                  <c:v>57.307099999999998</c:v>
                </c:pt>
                <c:pt idx="425">
                  <c:v>59.665999999999997</c:v>
                </c:pt>
                <c:pt idx="426">
                  <c:v>63.944299999999998</c:v>
                </c:pt>
                <c:pt idx="427">
                  <c:v>67.197100000000006</c:v>
                </c:pt>
                <c:pt idx="428">
                  <c:v>68.478399999999993</c:v>
                </c:pt>
                <c:pt idx="429">
                  <c:v>9.5771800000000002</c:v>
                </c:pt>
                <c:pt idx="430">
                  <c:v>11.1136</c:v>
                </c:pt>
                <c:pt idx="431">
                  <c:v>13.2204</c:v>
                </c:pt>
                <c:pt idx="432">
                  <c:v>18.4451</c:v>
                </c:pt>
                <c:pt idx="433">
                  <c:v>22.744299999999999</c:v>
                </c:pt>
                <c:pt idx="434">
                  <c:v>24.136099999999999</c:v>
                </c:pt>
                <c:pt idx="435">
                  <c:v>27.825199999999999</c:v>
                </c:pt>
                <c:pt idx="436">
                  <c:v>29.358799999999999</c:v>
                </c:pt>
                <c:pt idx="437">
                  <c:v>31.5306</c:v>
                </c:pt>
                <c:pt idx="438">
                  <c:v>34.376399999999997</c:v>
                </c:pt>
                <c:pt idx="439">
                  <c:v>36.265000000000001</c:v>
                </c:pt>
                <c:pt idx="440">
                  <c:v>10.394399999999999</c:v>
                </c:pt>
                <c:pt idx="441">
                  <c:v>10.417400000000001</c:v>
                </c:pt>
                <c:pt idx="442">
                  <c:v>10.3386</c:v>
                </c:pt>
                <c:pt idx="443">
                  <c:v>9.9930800000000009</c:v>
                </c:pt>
                <c:pt idx="444">
                  <c:v>9.7000499999999992</c:v>
                </c:pt>
                <c:pt idx="445">
                  <c:v>9.4641699999999993</c:v>
                </c:pt>
                <c:pt idx="446">
                  <c:v>9.7444199999999999</c:v>
                </c:pt>
                <c:pt idx="447">
                  <c:v>11.0985</c:v>
                </c:pt>
                <c:pt idx="448">
                  <c:v>12.2499</c:v>
                </c:pt>
                <c:pt idx="449">
                  <c:v>13.0932</c:v>
                </c:pt>
                <c:pt idx="450">
                  <c:v>13.7056</c:v>
                </c:pt>
                <c:pt idx="451">
                  <c:v>10.9735</c:v>
                </c:pt>
                <c:pt idx="452">
                  <c:v>10.639099999999999</c:v>
                </c:pt>
                <c:pt idx="453">
                  <c:v>10.4512</c:v>
                </c:pt>
                <c:pt idx="454">
                  <c:v>10.456300000000001</c:v>
                </c:pt>
                <c:pt idx="455">
                  <c:v>10.446899999999999</c:v>
                </c:pt>
                <c:pt idx="456">
                  <c:v>10.430400000000001</c:v>
                </c:pt>
                <c:pt idx="457">
                  <c:v>10.4077</c:v>
                </c:pt>
                <c:pt idx="458">
                  <c:v>10.381</c:v>
                </c:pt>
                <c:pt idx="459">
                  <c:v>10.3527</c:v>
                </c:pt>
                <c:pt idx="460">
                  <c:v>10.3224</c:v>
                </c:pt>
                <c:pt idx="461">
                  <c:v>10.2911</c:v>
                </c:pt>
                <c:pt idx="462">
                  <c:v>11.0045</c:v>
                </c:pt>
                <c:pt idx="463">
                  <c:v>11.046200000000001</c:v>
                </c:pt>
                <c:pt idx="464">
                  <c:v>11.0526</c:v>
                </c:pt>
                <c:pt idx="465">
                  <c:v>11.071999999999999</c:v>
                </c:pt>
                <c:pt idx="466">
                  <c:v>11.097099999999999</c:v>
                </c:pt>
                <c:pt idx="467">
                  <c:v>11.124000000000001</c:v>
                </c:pt>
                <c:pt idx="468">
                  <c:v>11.1516</c:v>
                </c:pt>
                <c:pt idx="469">
                  <c:v>11.178599999999999</c:v>
                </c:pt>
                <c:pt idx="470">
                  <c:v>11.203900000000001</c:v>
                </c:pt>
                <c:pt idx="471">
                  <c:v>11.227499999999999</c:v>
                </c:pt>
                <c:pt idx="472">
                  <c:v>11.249000000000001</c:v>
                </c:pt>
                <c:pt idx="473">
                  <c:v>11.0045</c:v>
                </c:pt>
                <c:pt idx="474">
                  <c:v>11.046200000000001</c:v>
                </c:pt>
                <c:pt idx="475">
                  <c:v>11.0526</c:v>
                </c:pt>
                <c:pt idx="476">
                  <c:v>11.071999999999999</c:v>
                </c:pt>
                <c:pt idx="477">
                  <c:v>11.097099999999999</c:v>
                </c:pt>
                <c:pt idx="478">
                  <c:v>11.124000000000001</c:v>
                </c:pt>
                <c:pt idx="479">
                  <c:v>11.1516</c:v>
                </c:pt>
                <c:pt idx="480">
                  <c:v>11.178599999999999</c:v>
                </c:pt>
                <c:pt idx="481">
                  <c:v>11.203900000000001</c:v>
                </c:pt>
                <c:pt idx="482">
                  <c:v>11.227499999999999</c:v>
                </c:pt>
                <c:pt idx="483">
                  <c:v>11.249000000000001</c:v>
                </c:pt>
                <c:pt idx="484">
                  <c:v>11.0045</c:v>
                </c:pt>
                <c:pt idx="485">
                  <c:v>11.046200000000001</c:v>
                </c:pt>
                <c:pt idx="486">
                  <c:v>11.0526</c:v>
                </c:pt>
                <c:pt idx="487">
                  <c:v>11.071999999999999</c:v>
                </c:pt>
                <c:pt idx="488">
                  <c:v>11.097099999999999</c:v>
                </c:pt>
                <c:pt idx="489">
                  <c:v>11.124000000000001</c:v>
                </c:pt>
                <c:pt idx="490">
                  <c:v>11.1516</c:v>
                </c:pt>
                <c:pt idx="491">
                  <c:v>11.178599999999999</c:v>
                </c:pt>
                <c:pt idx="492">
                  <c:v>11.203900000000001</c:v>
                </c:pt>
                <c:pt idx="493">
                  <c:v>11.227499999999999</c:v>
                </c:pt>
                <c:pt idx="494">
                  <c:v>11.249000000000001</c:v>
                </c:pt>
                <c:pt idx="495">
                  <c:v>11.0045</c:v>
                </c:pt>
                <c:pt idx="496">
                  <c:v>11.046200000000001</c:v>
                </c:pt>
                <c:pt idx="497">
                  <c:v>11.0526</c:v>
                </c:pt>
                <c:pt idx="498">
                  <c:v>11.071999999999999</c:v>
                </c:pt>
                <c:pt idx="499">
                  <c:v>11.097099999999999</c:v>
                </c:pt>
                <c:pt idx="500">
                  <c:v>11.124000000000001</c:v>
                </c:pt>
                <c:pt idx="501">
                  <c:v>11.1516</c:v>
                </c:pt>
                <c:pt idx="502">
                  <c:v>11.178599999999999</c:v>
                </c:pt>
                <c:pt idx="503">
                  <c:v>11.203900000000001</c:v>
                </c:pt>
                <c:pt idx="504">
                  <c:v>11.227499999999999</c:v>
                </c:pt>
                <c:pt idx="505">
                  <c:v>11.249000000000001</c:v>
                </c:pt>
                <c:pt idx="506">
                  <c:v>11.0045</c:v>
                </c:pt>
                <c:pt idx="507">
                  <c:v>11.046200000000001</c:v>
                </c:pt>
                <c:pt idx="508">
                  <c:v>11.0526</c:v>
                </c:pt>
                <c:pt idx="509">
                  <c:v>11.071999999999999</c:v>
                </c:pt>
                <c:pt idx="510">
                  <c:v>11.097099999999999</c:v>
                </c:pt>
                <c:pt idx="511">
                  <c:v>11.124000000000001</c:v>
                </c:pt>
                <c:pt idx="512">
                  <c:v>11.1516</c:v>
                </c:pt>
                <c:pt idx="513">
                  <c:v>11.178599999999999</c:v>
                </c:pt>
                <c:pt idx="514">
                  <c:v>11.203900000000001</c:v>
                </c:pt>
                <c:pt idx="515">
                  <c:v>11.227499999999999</c:v>
                </c:pt>
                <c:pt idx="516">
                  <c:v>11.249000000000001</c:v>
                </c:pt>
                <c:pt idx="517">
                  <c:v>11.0045</c:v>
                </c:pt>
                <c:pt idx="518">
                  <c:v>11.046200000000001</c:v>
                </c:pt>
                <c:pt idx="519">
                  <c:v>11.0526</c:v>
                </c:pt>
                <c:pt idx="520">
                  <c:v>11.071999999999999</c:v>
                </c:pt>
                <c:pt idx="521">
                  <c:v>11.097099999999999</c:v>
                </c:pt>
                <c:pt idx="522">
                  <c:v>11.124000000000001</c:v>
                </c:pt>
                <c:pt idx="523">
                  <c:v>11.1516</c:v>
                </c:pt>
                <c:pt idx="524">
                  <c:v>11.178599999999999</c:v>
                </c:pt>
                <c:pt idx="525">
                  <c:v>11.203900000000001</c:v>
                </c:pt>
                <c:pt idx="526">
                  <c:v>11.227499999999999</c:v>
                </c:pt>
                <c:pt idx="527">
                  <c:v>11.249000000000001</c:v>
                </c:pt>
                <c:pt idx="528">
                  <c:v>63.430100000000003</c:v>
                </c:pt>
                <c:pt idx="529">
                  <c:v>77.202100000000002</c:v>
                </c:pt>
                <c:pt idx="530">
                  <c:v>88.6524</c:v>
                </c:pt>
                <c:pt idx="531">
                  <c:v>95.927700000000002</c:v>
                </c:pt>
                <c:pt idx="532">
                  <c:v>102.08499999999999</c:v>
                </c:pt>
                <c:pt idx="533">
                  <c:v>107.90300000000001</c:v>
                </c:pt>
                <c:pt idx="534">
                  <c:v>113.35899999999999</c:v>
                </c:pt>
                <c:pt idx="535">
                  <c:v>112.352</c:v>
                </c:pt>
                <c:pt idx="536">
                  <c:v>116.88200000000001</c:v>
                </c:pt>
                <c:pt idx="537">
                  <c:v>119.021</c:v>
                </c:pt>
                <c:pt idx="538">
                  <c:v>118.807</c:v>
                </c:pt>
                <c:pt idx="539">
                  <c:v>39.825299999999999</c:v>
                </c:pt>
                <c:pt idx="540">
                  <c:v>50.488500000000002</c:v>
                </c:pt>
                <c:pt idx="541">
                  <c:v>59.515700000000002</c:v>
                </c:pt>
                <c:pt idx="542">
                  <c:v>67.434100000000001</c:v>
                </c:pt>
                <c:pt idx="543">
                  <c:v>76.884600000000006</c:v>
                </c:pt>
                <c:pt idx="544">
                  <c:v>81.319400000000002</c:v>
                </c:pt>
                <c:pt idx="545">
                  <c:v>87.459599999999995</c:v>
                </c:pt>
                <c:pt idx="546">
                  <c:v>92.8904</c:v>
                </c:pt>
                <c:pt idx="547">
                  <c:v>92.200699999999998</c:v>
                </c:pt>
                <c:pt idx="548">
                  <c:v>97.785499999999999</c:v>
                </c:pt>
                <c:pt idx="549">
                  <c:v>96.358400000000003</c:v>
                </c:pt>
                <c:pt idx="550">
                  <c:v>22.860700000000001</c:v>
                </c:pt>
                <c:pt idx="551">
                  <c:v>28.7224</c:v>
                </c:pt>
                <c:pt idx="552">
                  <c:v>32.956200000000003</c:v>
                </c:pt>
                <c:pt idx="553">
                  <c:v>37.492899999999999</c:v>
                </c:pt>
                <c:pt idx="554">
                  <c:v>41.5946</c:v>
                </c:pt>
                <c:pt idx="555">
                  <c:v>48.951999999999998</c:v>
                </c:pt>
                <c:pt idx="556">
                  <c:v>55.331000000000003</c:v>
                </c:pt>
                <c:pt idx="557">
                  <c:v>58.680999999999997</c:v>
                </c:pt>
                <c:pt idx="558">
                  <c:v>62.825600000000001</c:v>
                </c:pt>
                <c:pt idx="559">
                  <c:v>65.539100000000005</c:v>
                </c:pt>
                <c:pt idx="560">
                  <c:v>68.331500000000005</c:v>
                </c:pt>
                <c:pt idx="561">
                  <c:v>9.5771800000000002</c:v>
                </c:pt>
                <c:pt idx="562">
                  <c:v>11.1136</c:v>
                </c:pt>
                <c:pt idx="563">
                  <c:v>13.2204</c:v>
                </c:pt>
                <c:pt idx="564">
                  <c:v>16.534500000000001</c:v>
                </c:pt>
                <c:pt idx="565">
                  <c:v>21.055099999999999</c:v>
                </c:pt>
                <c:pt idx="566">
                  <c:v>22.381900000000002</c:v>
                </c:pt>
                <c:pt idx="567">
                  <c:v>25.340900000000001</c:v>
                </c:pt>
                <c:pt idx="568">
                  <c:v>28.535900000000002</c:v>
                </c:pt>
                <c:pt idx="569">
                  <c:v>31.004200000000001</c:v>
                </c:pt>
                <c:pt idx="570">
                  <c:v>33.201300000000003</c:v>
                </c:pt>
                <c:pt idx="571">
                  <c:v>35.500100000000003</c:v>
                </c:pt>
                <c:pt idx="572">
                  <c:v>10.394399999999999</c:v>
                </c:pt>
                <c:pt idx="573">
                  <c:v>10.417400000000001</c:v>
                </c:pt>
                <c:pt idx="574">
                  <c:v>10.3386</c:v>
                </c:pt>
                <c:pt idx="575">
                  <c:v>9.9930800000000009</c:v>
                </c:pt>
                <c:pt idx="576">
                  <c:v>9.7000499999999992</c:v>
                </c:pt>
                <c:pt idx="577">
                  <c:v>9.4641699999999993</c:v>
                </c:pt>
                <c:pt idx="578">
                  <c:v>9.609</c:v>
                </c:pt>
                <c:pt idx="579">
                  <c:v>10.828900000000001</c:v>
                </c:pt>
                <c:pt idx="580">
                  <c:v>11.730700000000001</c:v>
                </c:pt>
                <c:pt idx="581">
                  <c:v>12.698600000000001</c:v>
                </c:pt>
                <c:pt idx="582">
                  <c:v>13.9436</c:v>
                </c:pt>
                <c:pt idx="583">
                  <c:v>10.9735</c:v>
                </c:pt>
                <c:pt idx="584">
                  <c:v>10.639099999999999</c:v>
                </c:pt>
                <c:pt idx="585">
                  <c:v>10.4512</c:v>
                </c:pt>
                <c:pt idx="586">
                  <c:v>10.456300000000001</c:v>
                </c:pt>
                <c:pt idx="587">
                  <c:v>10.446899999999999</c:v>
                </c:pt>
                <c:pt idx="588">
                  <c:v>10.430400000000001</c:v>
                </c:pt>
                <c:pt idx="589">
                  <c:v>10.4077</c:v>
                </c:pt>
                <c:pt idx="590">
                  <c:v>10.381</c:v>
                </c:pt>
                <c:pt idx="591">
                  <c:v>10.3527</c:v>
                </c:pt>
                <c:pt idx="592">
                  <c:v>10.3224</c:v>
                </c:pt>
                <c:pt idx="593">
                  <c:v>10.2911</c:v>
                </c:pt>
                <c:pt idx="594">
                  <c:v>11.0045</c:v>
                </c:pt>
                <c:pt idx="595">
                  <c:v>11.046200000000001</c:v>
                </c:pt>
                <c:pt idx="596">
                  <c:v>11.0526</c:v>
                </c:pt>
                <c:pt idx="597">
                  <c:v>11.071999999999999</c:v>
                </c:pt>
                <c:pt idx="598">
                  <c:v>11.097099999999999</c:v>
                </c:pt>
                <c:pt idx="599">
                  <c:v>11.124000000000001</c:v>
                </c:pt>
                <c:pt idx="600">
                  <c:v>11.1516</c:v>
                </c:pt>
                <c:pt idx="601">
                  <c:v>11.178599999999999</c:v>
                </c:pt>
                <c:pt idx="602">
                  <c:v>11.203900000000001</c:v>
                </c:pt>
                <c:pt idx="603">
                  <c:v>11.227499999999999</c:v>
                </c:pt>
                <c:pt idx="604">
                  <c:v>11.249000000000001</c:v>
                </c:pt>
                <c:pt idx="605">
                  <c:v>11.0045</c:v>
                </c:pt>
                <c:pt idx="606">
                  <c:v>11.046200000000001</c:v>
                </c:pt>
                <c:pt idx="607">
                  <c:v>11.0526</c:v>
                </c:pt>
                <c:pt idx="608">
                  <c:v>11.071999999999999</c:v>
                </c:pt>
                <c:pt idx="609">
                  <c:v>11.097099999999999</c:v>
                </c:pt>
                <c:pt idx="610">
                  <c:v>11.124000000000001</c:v>
                </c:pt>
                <c:pt idx="611">
                  <c:v>11.1516</c:v>
                </c:pt>
                <c:pt idx="612">
                  <c:v>11.178599999999999</c:v>
                </c:pt>
                <c:pt idx="613">
                  <c:v>11.203900000000001</c:v>
                </c:pt>
                <c:pt idx="614">
                  <c:v>11.227499999999999</c:v>
                </c:pt>
                <c:pt idx="615">
                  <c:v>11.249000000000001</c:v>
                </c:pt>
                <c:pt idx="616">
                  <c:v>11.0045</c:v>
                </c:pt>
                <c:pt idx="617">
                  <c:v>11.046200000000001</c:v>
                </c:pt>
                <c:pt idx="618">
                  <c:v>11.0526</c:v>
                </c:pt>
                <c:pt idx="619">
                  <c:v>11.071999999999999</c:v>
                </c:pt>
                <c:pt idx="620">
                  <c:v>11.097099999999999</c:v>
                </c:pt>
                <c:pt idx="621">
                  <c:v>11.124000000000001</c:v>
                </c:pt>
                <c:pt idx="622">
                  <c:v>11.1516</c:v>
                </c:pt>
                <c:pt idx="623">
                  <c:v>11.178599999999999</c:v>
                </c:pt>
                <c:pt idx="624">
                  <c:v>11.203900000000001</c:v>
                </c:pt>
                <c:pt idx="625">
                  <c:v>11.227499999999999</c:v>
                </c:pt>
                <c:pt idx="626">
                  <c:v>11.249000000000001</c:v>
                </c:pt>
                <c:pt idx="627">
                  <c:v>11.0045</c:v>
                </c:pt>
                <c:pt idx="628">
                  <c:v>11.046200000000001</c:v>
                </c:pt>
                <c:pt idx="629">
                  <c:v>11.0526</c:v>
                </c:pt>
                <c:pt idx="630">
                  <c:v>11.071999999999999</c:v>
                </c:pt>
                <c:pt idx="631">
                  <c:v>11.097099999999999</c:v>
                </c:pt>
                <c:pt idx="632">
                  <c:v>11.124000000000001</c:v>
                </c:pt>
                <c:pt idx="633">
                  <c:v>11.1516</c:v>
                </c:pt>
                <c:pt idx="634">
                  <c:v>11.178599999999999</c:v>
                </c:pt>
                <c:pt idx="635">
                  <c:v>11.203900000000001</c:v>
                </c:pt>
                <c:pt idx="636">
                  <c:v>11.227499999999999</c:v>
                </c:pt>
                <c:pt idx="637">
                  <c:v>11.249000000000001</c:v>
                </c:pt>
                <c:pt idx="638">
                  <c:v>11.0045</c:v>
                </c:pt>
                <c:pt idx="639">
                  <c:v>11.046200000000001</c:v>
                </c:pt>
                <c:pt idx="640">
                  <c:v>11.0526</c:v>
                </c:pt>
                <c:pt idx="641">
                  <c:v>11.071999999999999</c:v>
                </c:pt>
                <c:pt idx="642">
                  <c:v>11.097099999999999</c:v>
                </c:pt>
                <c:pt idx="643">
                  <c:v>11.124000000000001</c:v>
                </c:pt>
                <c:pt idx="644">
                  <c:v>11.1516</c:v>
                </c:pt>
                <c:pt idx="645">
                  <c:v>11.178599999999999</c:v>
                </c:pt>
                <c:pt idx="646">
                  <c:v>11.203900000000001</c:v>
                </c:pt>
                <c:pt idx="647">
                  <c:v>11.227499999999999</c:v>
                </c:pt>
                <c:pt idx="648">
                  <c:v>11.249000000000001</c:v>
                </c:pt>
                <c:pt idx="649">
                  <c:v>11.0045</c:v>
                </c:pt>
                <c:pt idx="650">
                  <c:v>11.046200000000001</c:v>
                </c:pt>
                <c:pt idx="651">
                  <c:v>11.0526</c:v>
                </c:pt>
                <c:pt idx="652">
                  <c:v>11.071999999999999</c:v>
                </c:pt>
                <c:pt idx="653">
                  <c:v>11.097099999999999</c:v>
                </c:pt>
                <c:pt idx="654">
                  <c:v>11.124000000000001</c:v>
                </c:pt>
                <c:pt idx="655">
                  <c:v>11.1516</c:v>
                </c:pt>
                <c:pt idx="656">
                  <c:v>11.178599999999999</c:v>
                </c:pt>
                <c:pt idx="657">
                  <c:v>11.203900000000001</c:v>
                </c:pt>
                <c:pt idx="658">
                  <c:v>11.227499999999999</c:v>
                </c:pt>
                <c:pt idx="659">
                  <c:v>11.249000000000001</c:v>
                </c:pt>
                <c:pt idx="660">
                  <c:v>63.430100000000003</c:v>
                </c:pt>
                <c:pt idx="661">
                  <c:v>77.202100000000002</c:v>
                </c:pt>
                <c:pt idx="662">
                  <c:v>88.6524</c:v>
                </c:pt>
                <c:pt idx="663">
                  <c:v>93.207499999999996</c:v>
                </c:pt>
                <c:pt idx="664">
                  <c:v>101.602</c:v>
                </c:pt>
                <c:pt idx="665">
                  <c:v>106.426</c:v>
                </c:pt>
                <c:pt idx="666">
                  <c:v>113.907</c:v>
                </c:pt>
                <c:pt idx="667">
                  <c:v>113.58799999999999</c:v>
                </c:pt>
                <c:pt idx="668">
                  <c:v>118.818</c:v>
                </c:pt>
                <c:pt idx="669">
                  <c:v>116.83199999999999</c:v>
                </c:pt>
                <c:pt idx="670">
                  <c:v>121.611</c:v>
                </c:pt>
                <c:pt idx="671">
                  <c:v>39.825299999999999</c:v>
                </c:pt>
                <c:pt idx="672">
                  <c:v>50.488500000000002</c:v>
                </c:pt>
                <c:pt idx="673">
                  <c:v>59.515700000000002</c:v>
                </c:pt>
                <c:pt idx="674">
                  <c:v>67.434100000000001</c:v>
                </c:pt>
                <c:pt idx="675">
                  <c:v>73.593500000000006</c:v>
                </c:pt>
                <c:pt idx="676">
                  <c:v>78.350899999999996</c:v>
                </c:pt>
                <c:pt idx="677">
                  <c:v>85.587900000000005</c:v>
                </c:pt>
                <c:pt idx="678">
                  <c:v>91.641499999999994</c:v>
                </c:pt>
                <c:pt idx="679">
                  <c:v>92.102099999999993</c:v>
                </c:pt>
                <c:pt idx="680">
                  <c:v>97.897300000000001</c:v>
                </c:pt>
                <c:pt idx="681">
                  <c:v>100.873</c:v>
                </c:pt>
                <c:pt idx="682">
                  <c:v>22.860700000000001</c:v>
                </c:pt>
                <c:pt idx="683">
                  <c:v>28.7224</c:v>
                </c:pt>
                <c:pt idx="684">
                  <c:v>32.956200000000003</c:v>
                </c:pt>
                <c:pt idx="685">
                  <c:v>37.492899999999999</c:v>
                </c:pt>
                <c:pt idx="686">
                  <c:v>39.771000000000001</c:v>
                </c:pt>
                <c:pt idx="687">
                  <c:v>46.2363</c:v>
                </c:pt>
                <c:pt idx="688">
                  <c:v>52.661900000000003</c:v>
                </c:pt>
                <c:pt idx="689">
                  <c:v>56.417900000000003</c:v>
                </c:pt>
                <c:pt idx="690">
                  <c:v>61.669800000000002</c:v>
                </c:pt>
                <c:pt idx="691">
                  <c:v>64.282300000000006</c:v>
                </c:pt>
                <c:pt idx="692">
                  <c:v>68.760999999999996</c:v>
                </c:pt>
                <c:pt idx="693">
                  <c:v>9.5771800000000002</c:v>
                </c:pt>
                <c:pt idx="694">
                  <c:v>11.1136</c:v>
                </c:pt>
                <c:pt idx="695">
                  <c:v>13.2204</c:v>
                </c:pt>
                <c:pt idx="696">
                  <c:v>15.043799999999999</c:v>
                </c:pt>
                <c:pt idx="697">
                  <c:v>18.659600000000001</c:v>
                </c:pt>
                <c:pt idx="698">
                  <c:v>20.168099999999999</c:v>
                </c:pt>
                <c:pt idx="699">
                  <c:v>23.2515</c:v>
                </c:pt>
                <c:pt idx="700">
                  <c:v>27.154699999999998</c:v>
                </c:pt>
                <c:pt idx="701">
                  <c:v>29.756399999999999</c:v>
                </c:pt>
                <c:pt idx="702">
                  <c:v>32.312800000000003</c:v>
                </c:pt>
                <c:pt idx="703">
                  <c:v>34.543399999999998</c:v>
                </c:pt>
                <c:pt idx="704">
                  <c:v>10.394399999999999</c:v>
                </c:pt>
                <c:pt idx="705">
                  <c:v>10.417400000000001</c:v>
                </c:pt>
                <c:pt idx="706">
                  <c:v>10.3386</c:v>
                </c:pt>
                <c:pt idx="707">
                  <c:v>9.9930800000000009</c:v>
                </c:pt>
                <c:pt idx="708">
                  <c:v>9.7000499999999992</c:v>
                </c:pt>
                <c:pt idx="709">
                  <c:v>9.4641699999999993</c:v>
                </c:pt>
                <c:pt idx="710">
                  <c:v>9.2841000000000005</c:v>
                </c:pt>
                <c:pt idx="711">
                  <c:v>10.003</c:v>
                </c:pt>
                <c:pt idx="712">
                  <c:v>10.9567</c:v>
                </c:pt>
                <c:pt idx="713">
                  <c:v>12.412100000000001</c:v>
                </c:pt>
                <c:pt idx="714">
                  <c:v>13.5532</c:v>
                </c:pt>
                <c:pt idx="715">
                  <c:v>10.9735</c:v>
                </c:pt>
                <c:pt idx="716">
                  <c:v>10.639099999999999</c:v>
                </c:pt>
                <c:pt idx="717">
                  <c:v>10.4512</c:v>
                </c:pt>
                <c:pt idx="718">
                  <c:v>10.456300000000001</c:v>
                </c:pt>
                <c:pt idx="719">
                  <c:v>10.446899999999999</c:v>
                </c:pt>
                <c:pt idx="720">
                  <c:v>10.430400000000001</c:v>
                </c:pt>
                <c:pt idx="721">
                  <c:v>10.4077</c:v>
                </c:pt>
                <c:pt idx="722">
                  <c:v>10.381</c:v>
                </c:pt>
                <c:pt idx="723">
                  <c:v>10.3527</c:v>
                </c:pt>
                <c:pt idx="724">
                  <c:v>10.3224</c:v>
                </c:pt>
                <c:pt idx="725">
                  <c:v>10.418200000000001</c:v>
                </c:pt>
                <c:pt idx="726">
                  <c:v>11.0045</c:v>
                </c:pt>
                <c:pt idx="727">
                  <c:v>11.046200000000001</c:v>
                </c:pt>
                <c:pt idx="728">
                  <c:v>11.0526</c:v>
                </c:pt>
                <c:pt idx="729">
                  <c:v>11.071999999999999</c:v>
                </c:pt>
                <c:pt idx="730">
                  <c:v>11.097099999999999</c:v>
                </c:pt>
                <c:pt idx="731">
                  <c:v>11.124000000000001</c:v>
                </c:pt>
                <c:pt idx="732">
                  <c:v>11.1516</c:v>
                </c:pt>
                <c:pt idx="733">
                  <c:v>11.178599999999999</c:v>
                </c:pt>
                <c:pt idx="734">
                  <c:v>11.203900000000001</c:v>
                </c:pt>
                <c:pt idx="735">
                  <c:v>11.227499999999999</c:v>
                </c:pt>
                <c:pt idx="736">
                  <c:v>11.249000000000001</c:v>
                </c:pt>
                <c:pt idx="737">
                  <c:v>11.0045</c:v>
                </c:pt>
                <c:pt idx="738">
                  <c:v>11.046200000000001</c:v>
                </c:pt>
                <c:pt idx="739">
                  <c:v>11.0526</c:v>
                </c:pt>
                <c:pt idx="740">
                  <c:v>11.071999999999999</c:v>
                </c:pt>
                <c:pt idx="741">
                  <c:v>11.097099999999999</c:v>
                </c:pt>
                <c:pt idx="742">
                  <c:v>11.124000000000001</c:v>
                </c:pt>
                <c:pt idx="743">
                  <c:v>11.1516</c:v>
                </c:pt>
                <c:pt idx="744">
                  <c:v>11.178599999999999</c:v>
                </c:pt>
                <c:pt idx="745">
                  <c:v>11.203900000000001</c:v>
                </c:pt>
                <c:pt idx="746">
                  <c:v>11.227499999999999</c:v>
                </c:pt>
                <c:pt idx="747">
                  <c:v>11.249000000000001</c:v>
                </c:pt>
                <c:pt idx="748">
                  <c:v>11.0045</c:v>
                </c:pt>
                <c:pt idx="749">
                  <c:v>11.046200000000001</c:v>
                </c:pt>
                <c:pt idx="750">
                  <c:v>11.0526</c:v>
                </c:pt>
                <c:pt idx="751">
                  <c:v>11.071999999999999</c:v>
                </c:pt>
                <c:pt idx="752">
                  <c:v>11.097099999999999</c:v>
                </c:pt>
                <c:pt idx="753">
                  <c:v>11.124000000000001</c:v>
                </c:pt>
                <c:pt idx="754">
                  <c:v>11.1516</c:v>
                </c:pt>
                <c:pt idx="755">
                  <c:v>11.178599999999999</c:v>
                </c:pt>
                <c:pt idx="756">
                  <c:v>11.203900000000001</c:v>
                </c:pt>
                <c:pt idx="757">
                  <c:v>11.227499999999999</c:v>
                </c:pt>
                <c:pt idx="758">
                  <c:v>11.249000000000001</c:v>
                </c:pt>
                <c:pt idx="759">
                  <c:v>11.0045</c:v>
                </c:pt>
                <c:pt idx="760">
                  <c:v>11.046200000000001</c:v>
                </c:pt>
                <c:pt idx="761">
                  <c:v>11.0526</c:v>
                </c:pt>
                <c:pt idx="762">
                  <c:v>11.071999999999999</c:v>
                </c:pt>
                <c:pt idx="763">
                  <c:v>11.097099999999999</c:v>
                </c:pt>
                <c:pt idx="764">
                  <c:v>11.124000000000001</c:v>
                </c:pt>
                <c:pt idx="765">
                  <c:v>11.1516</c:v>
                </c:pt>
                <c:pt idx="766">
                  <c:v>11.178599999999999</c:v>
                </c:pt>
                <c:pt idx="767">
                  <c:v>11.203900000000001</c:v>
                </c:pt>
                <c:pt idx="768">
                  <c:v>11.227499999999999</c:v>
                </c:pt>
                <c:pt idx="769">
                  <c:v>11.249000000000001</c:v>
                </c:pt>
                <c:pt idx="770">
                  <c:v>11.0045</c:v>
                </c:pt>
                <c:pt idx="771">
                  <c:v>11.046200000000001</c:v>
                </c:pt>
                <c:pt idx="772">
                  <c:v>11.0526</c:v>
                </c:pt>
                <c:pt idx="773">
                  <c:v>11.071999999999999</c:v>
                </c:pt>
                <c:pt idx="774">
                  <c:v>11.097099999999999</c:v>
                </c:pt>
                <c:pt idx="775">
                  <c:v>11.124000000000001</c:v>
                </c:pt>
                <c:pt idx="776">
                  <c:v>11.1516</c:v>
                </c:pt>
                <c:pt idx="777">
                  <c:v>11.178599999999999</c:v>
                </c:pt>
                <c:pt idx="778">
                  <c:v>11.203900000000001</c:v>
                </c:pt>
                <c:pt idx="779">
                  <c:v>11.227499999999999</c:v>
                </c:pt>
                <c:pt idx="780">
                  <c:v>11.249000000000001</c:v>
                </c:pt>
                <c:pt idx="781">
                  <c:v>11.0045</c:v>
                </c:pt>
                <c:pt idx="782">
                  <c:v>11.046200000000001</c:v>
                </c:pt>
                <c:pt idx="783">
                  <c:v>11.0526</c:v>
                </c:pt>
                <c:pt idx="784">
                  <c:v>11.071999999999999</c:v>
                </c:pt>
                <c:pt idx="785">
                  <c:v>11.097099999999999</c:v>
                </c:pt>
                <c:pt idx="786">
                  <c:v>11.124000000000001</c:v>
                </c:pt>
                <c:pt idx="787">
                  <c:v>11.1516</c:v>
                </c:pt>
                <c:pt idx="788">
                  <c:v>11.178599999999999</c:v>
                </c:pt>
                <c:pt idx="789">
                  <c:v>11.203900000000001</c:v>
                </c:pt>
                <c:pt idx="790">
                  <c:v>11.227499999999999</c:v>
                </c:pt>
                <c:pt idx="791">
                  <c:v>11.249000000000001</c:v>
                </c:pt>
                <c:pt idx="792">
                  <c:v>63.430100000000003</c:v>
                </c:pt>
                <c:pt idx="793">
                  <c:v>77.202100000000002</c:v>
                </c:pt>
                <c:pt idx="794">
                  <c:v>88.6524</c:v>
                </c:pt>
                <c:pt idx="795">
                  <c:v>93.207499999999996</c:v>
                </c:pt>
                <c:pt idx="796">
                  <c:v>98.927199999999999</c:v>
                </c:pt>
                <c:pt idx="797">
                  <c:v>105.38800000000001</c:v>
                </c:pt>
                <c:pt idx="798">
                  <c:v>112.59</c:v>
                </c:pt>
                <c:pt idx="799">
                  <c:v>113.227</c:v>
                </c:pt>
                <c:pt idx="800">
                  <c:v>120.264</c:v>
                </c:pt>
                <c:pt idx="801">
                  <c:v>120.649</c:v>
                </c:pt>
                <c:pt idx="802">
                  <c:v>123.008</c:v>
                </c:pt>
                <c:pt idx="803">
                  <c:v>39.825299999999999</c:v>
                </c:pt>
                <c:pt idx="804">
                  <c:v>50.488500000000002</c:v>
                </c:pt>
                <c:pt idx="805">
                  <c:v>59.515700000000002</c:v>
                </c:pt>
                <c:pt idx="806">
                  <c:v>67.434100000000001</c:v>
                </c:pt>
                <c:pt idx="807">
                  <c:v>73.283100000000005</c:v>
                </c:pt>
                <c:pt idx="808">
                  <c:v>75.828100000000006</c:v>
                </c:pt>
                <c:pt idx="809">
                  <c:v>82.593100000000007</c:v>
                </c:pt>
                <c:pt idx="810">
                  <c:v>89.244799999999998</c:v>
                </c:pt>
                <c:pt idx="811">
                  <c:v>90.470100000000002</c:v>
                </c:pt>
                <c:pt idx="812">
                  <c:v>96.799199999999999</c:v>
                </c:pt>
                <c:pt idx="813">
                  <c:v>96.822599999999994</c:v>
                </c:pt>
                <c:pt idx="814">
                  <c:v>22.860700000000001</c:v>
                </c:pt>
                <c:pt idx="815">
                  <c:v>28.7224</c:v>
                </c:pt>
                <c:pt idx="816">
                  <c:v>32.956200000000003</c:v>
                </c:pt>
                <c:pt idx="817">
                  <c:v>37.492899999999999</c:v>
                </c:pt>
                <c:pt idx="818">
                  <c:v>39.771000000000001</c:v>
                </c:pt>
                <c:pt idx="819">
                  <c:v>44.000500000000002</c:v>
                </c:pt>
                <c:pt idx="820">
                  <c:v>49.571599999999997</c:v>
                </c:pt>
                <c:pt idx="821">
                  <c:v>53.779800000000002</c:v>
                </c:pt>
                <c:pt idx="822">
                  <c:v>59.553600000000003</c:v>
                </c:pt>
                <c:pt idx="823">
                  <c:v>62.816099999999999</c:v>
                </c:pt>
                <c:pt idx="824">
                  <c:v>67.462999999999994</c:v>
                </c:pt>
                <c:pt idx="825">
                  <c:v>9.5771800000000002</c:v>
                </c:pt>
                <c:pt idx="826">
                  <c:v>11.1136</c:v>
                </c:pt>
                <c:pt idx="827">
                  <c:v>13.2204</c:v>
                </c:pt>
                <c:pt idx="828">
                  <c:v>15.043799999999999</c:v>
                </c:pt>
                <c:pt idx="829">
                  <c:v>16.5717</c:v>
                </c:pt>
                <c:pt idx="830">
                  <c:v>17.993300000000001</c:v>
                </c:pt>
                <c:pt idx="831">
                  <c:v>21.5246</c:v>
                </c:pt>
                <c:pt idx="832">
                  <c:v>25.381699999999999</c:v>
                </c:pt>
                <c:pt idx="833">
                  <c:v>27.9937</c:v>
                </c:pt>
                <c:pt idx="834">
                  <c:v>29.983799999999999</c:v>
                </c:pt>
                <c:pt idx="835">
                  <c:v>32.892099999999999</c:v>
                </c:pt>
                <c:pt idx="836">
                  <c:v>10.394399999999999</c:v>
                </c:pt>
                <c:pt idx="837">
                  <c:v>10.417400000000001</c:v>
                </c:pt>
                <c:pt idx="838">
                  <c:v>10.3386</c:v>
                </c:pt>
                <c:pt idx="839">
                  <c:v>9.9930800000000009</c:v>
                </c:pt>
                <c:pt idx="840">
                  <c:v>9.7000499999999992</c:v>
                </c:pt>
                <c:pt idx="841">
                  <c:v>9.4641699999999993</c:v>
                </c:pt>
                <c:pt idx="842">
                  <c:v>9.2841000000000005</c:v>
                </c:pt>
                <c:pt idx="843">
                  <c:v>9.1595899999999997</c:v>
                </c:pt>
                <c:pt idx="844">
                  <c:v>10.673500000000001</c:v>
                </c:pt>
                <c:pt idx="845">
                  <c:v>12.025700000000001</c:v>
                </c:pt>
                <c:pt idx="846">
                  <c:v>13.077199999999999</c:v>
                </c:pt>
                <c:pt idx="847">
                  <c:v>10.9735</c:v>
                </c:pt>
                <c:pt idx="848">
                  <c:v>10.639099999999999</c:v>
                </c:pt>
                <c:pt idx="849">
                  <c:v>10.4512</c:v>
                </c:pt>
                <c:pt idx="850">
                  <c:v>10.456300000000001</c:v>
                </c:pt>
                <c:pt idx="851">
                  <c:v>10.446899999999999</c:v>
                </c:pt>
                <c:pt idx="852">
                  <c:v>10.430400000000001</c:v>
                </c:pt>
                <c:pt idx="853">
                  <c:v>10.4077</c:v>
                </c:pt>
                <c:pt idx="854">
                  <c:v>10.381</c:v>
                </c:pt>
                <c:pt idx="855">
                  <c:v>10.3527</c:v>
                </c:pt>
                <c:pt idx="856">
                  <c:v>10.3224</c:v>
                </c:pt>
                <c:pt idx="857">
                  <c:v>10.2911</c:v>
                </c:pt>
                <c:pt idx="858">
                  <c:v>11.0045</c:v>
                </c:pt>
                <c:pt idx="859">
                  <c:v>11.046200000000001</c:v>
                </c:pt>
                <c:pt idx="860">
                  <c:v>11.0526</c:v>
                </c:pt>
                <c:pt idx="861">
                  <c:v>11.071999999999999</c:v>
                </c:pt>
                <c:pt idx="862">
                  <c:v>11.097099999999999</c:v>
                </c:pt>
                <c:pt idx="863">
                  <c:v>11.124000000000001</c:v>
                </c:pt>
                <c:pt idx="864">
                  <c:v>11.1516</c:v>
                </c:pt>
                <c:pt idx="865">
                  <c:v>11.178599999999999</c:v>
                </c:pt>
                <c:pt idx="866">
                  <c:v>11.203900000000001</c:v>
                </c:pt>
                <c:pt idx="867">
                  <c:v>11.227499999999999</c:v>
                </c:pt>
                <c:pt idx="868">
                  <c:v>11.249000000000001</c:v>
                </c:pt>
                <c:pt idx="869">
                  <c:v>11.0045</c:v>
                </c:pt>
                <c:pt idx="870">
                  <c:v>11.046200000000001</c:v>
                </c:pt>
                <c:pt idx="871">
                  <c:v>11.0526</c:v>
                </c:pt>
                <c:pt idx="872">
                  <c:v>11.071999999999999</c:v>
                </c:pt>
                <c:pt idx="873">
                  <c:v>11.097099999999999</c:v>
                </c:pt>
                <c:pt idx="874">
                  <c:v>11.124000000000001</c:v>
                </c:pt>
                <c:pt idx="875">
                  <c:v>11.1516</c:v>
                </c:pt>
                <c:pt idx="876">
                  <c:v>11.178599999999999</c:v>
                </c:pt>
                <c:pt idx="877">
                  <c:v>11.203900000000001</c:v>
                </c:pt>
                <c:pt idx="878">
                  <c:v>11.227499999999999</c:v>
                </c:pt>
                <c:pt idx="879">
                  <c:v>11.249000000000001</c:v>
                </c:pt>
                <c:pt idx="880">
                  <c:v>11.0045</c:v>
                </c:pt>
                <c:pt idx="881">
                  <c:v>11.046200000000001</c:v>
                </c:pt>
                <c:pt idx="882">
                  <c:v>11.0526</c:v>
                </c:pt>
                <c:pt idx="883">
                  <c:v>11.071999999999999</c:v>
                </c:pt>
                <c:pt idx="884">
                  <c:v>11.097099999999999</c:v>
                </c:pt>
                <c:pt idx="885">
                  <c:v>11.124000000000001</c:v>
                </c:pt>
                <c:pt idx="886">
                  <c:v>11.1516</c:v>
                </c:pt>
                <c:pt idx="887">
                  <c:v>11.178599999999999</c:v>
                </c:pt>
                <c:pt idx="888">
                  <c:v>11.203900000000001</c:v>
                </c:pt>
                <c:pt idx="889">
                  <c:v>11.227499999999999</c:v>
                </c:pt>
                <c:pt idx="890">
                  <c:v>11.249000000000001</c:v>
                </c:pt>
                <c:pt idx="891">
                  <c:v>11.0045</c:v>
                </c:pt>
                <c:pt idx="892">
                  <c:v>11.046200000000001</c:v>
                </c:pt>
                <c:pt idx="893">
                  <c:v>11.0526</c:v>
                </c:pt>
                <c:pt idx="894">
                  <c:v>11.071999999999999</c:v>
                </c:pt>
                <c:pt idx="895">
                  <c:v>11.097099999999999</c:v>
                </c:pt>
                <c:pt idx="896">
                  <c:v>11.124000000000001</c:v>
                </c:pt>
                <c:pt idx="897">
                  <c:v>11.1516</c:v>
                </c:pt>
                <c:pt idx="898">
                  <c:v>11.178599999999999</c:v>
                </c:pt>
                <c:pt idx="899">
                  <c:v>11.203900000000001</c:v>
                </c:pt>
                <c:pt idx="900">
                  <c:v>11.227499999999999</c:v>
                </c:pt>
                <c:pt idx="901">
                  <c:v>11.249000000000001</c:v>
                </c:pt>
                <c:pt idx="902">
                  <c:v>11.0045</c:v>
                </c:pt>
                <c:pt idx="903">
                  <c:v>11.046200000000001</c:v>
                </c:pt>
                <c:pt idx="904">
                  <c:v>11.0526</c:v>
                </c:pt>
                <c:pt idx="905">
                  <c:v>11.071999999999999</c:v>
                </c:pt>
                <c:pt idx="906">
                  <c:v>11.097099999999999</c:v>
                </c:pt>
                <c:pt idx="907">
                  <c:v>11.124000000000001</c:v>
                </c:pt>
                <c:pt idx="908">
                  <c:v>11.1516</c:v>
                </c:pt>
                <c:pt idx="909">
                  <c:v>11.178599999999999</c:v>
                </c:pt>
                <c:pt idx="910">
                  <c:v>11.203900000000001</c:v>
                </c:pt>
                <c:pt idx="911">
                  <c:v>11.227499999999999</c:v>
                </c:pt>
                <c:pt idx="912">
                  <c:v>11.249000000000001</c:v>
                </c:pt>
                <c:pt idx="913">
                  <c:v>11.0045</c:v>
                </c:pt>
                <c:pt idx="914">
                  <c:v>11.046200000000001</c:v>
                </c:pt>
                <c:pt idx="915">
                  <c:v>11.0526</c:v>
                </c:pt>
                <c:pt idx="916">
                  <c:v>11.071999999999999</c:v>
                </c:pt>
                <c:pt idx="917">
                  <c:v>11.097099999999999</c:v>
                </c:pt>
                <c:pt idx="918">
                  <c:v>11.124000000000001</c:v>
                </c:pt>
                <c:pt idx="919">
                  <c:v>11.1516</c:v>
                </c:pt>
                <c:pt idx="920">
                  <c:v>11.178599999999999</c:v>
                </c:pt>
                <c:pt idx="921">
                  <c:v>11.203900000000001</c:v>
                </c:pt>
                <c:pt idx="922">
                  <c:v>11.227499999999999</c:v>
                </c:pt>
                <c:pt idx="923">
                  <c:v>11.249000000000001</c:v>
                </c:pt>
                <c:pt idx="924">
                  <c:v>63.430100000000003</c:v>
                </c:pt>
                <c:pt idx="925">
                  <c:v>77.202100000000002</c:v>
                </c:pt>
                <c:pt idx="926">
                  <c:v>88.6524</c:v>
                </c:pt>
                <c:pt idx="927">
                  <c:v>93.207499999999996</c:v>
                </c:pt>
                <c:pt idx="928">
                  <c:v>98.927199999999999</c:v>
                </c:pt>
                <c:pt idx="929">
                  <c:v>102.60899999999999</c:v>
                </c:pt>
                <c:pt idx="930">
                  <c:v>109.836</c:v>
                </c:pt>
                <c:pt idx="931">
                  <c:v>111.401</c:v>
                </c:pt>
                <c:pt idx="932">
                  <c:v>117.696</c:v>
                </c:pt>
                <c:pt idx="933">
                  <c:v>120.506</c:v>
                </c:pt>
                <c:pt idx="934">
                  <c:v>123.081</c:v>
                </c:pt>
                <c:pt idx="935">
                  <c:v>39.825299999999999</c:v>
                </c:pt>
                <c:pt idx="936">
                  <c:v>50.488500000000002</c:v>
                </c:pt>
                <c:pt idx="937">
                  <c:v>59.515700000000002</c:v>
                </c:pt>
                <c:pt idx="938">
                  <c:v>67.434100000000001</c:v>
                </c:pt>
                <c:pt idx="939">
                  <c:v>73.283100000000005</c:v>
                </c:pt>
                <c:pt idx="940">
                  <c:v>75.828100000000006</c:v>
                </c:pt>
                <c:pt idx="941">
                  <c:v>79.625799999999998</c:v>
                </c:pt>
                <c:pt idx="942">
                  <c:v>86.011399999999995</c:v>
                </c:pt>
                <c:pt idx="943">
                  <c:v>89.645200000000003</c:v>
                </c:pt>
                <c:pt idx="944">
                  <c:v>95.0124</c:v>
                </c:pt>
                <c:pt idx="945">
                  <c:v>95.278999999999996</c:v>
                </c:pt>
                <c:pt idx="946">
                  <c:v>22.860700000000001</c:v>
                </c:pt>
                <c:pt idx="947">
                  <c:v>28.7224</c:v>
                </c:pt>
                <c:pt idx="948">
                  <c:v>32.956200000000003</c:v>
                </c:pt>
                <c:pt idx="949">
                  <c:v>37.492899999999999</c:v>
                </c:pt>
                <c:pt idx="950">
                  <c:v>39.771000000000001</c:v>
                </c:pt>
                <c:pt idx="951">
                  <c:v>44.000500000000002</c:v>
                </c:pt>
                <c:pt idx="952">
                  <c:v>48.244199999999999</c:v>
                </c:pt>
                <c:pt idx="953">
                  <c:v>50.936900000000001</c:v>
                </c:pt>
                <c:pt idx="954">
                  <c:v>56.837800000000001</c:v>
                </c:pt>
                <c:pt idx="955">
                  <c:v>60.455199999999998</c:v>
                </c:pt>
                <c:pt idx="956">
                  <c:v>65.327699999999993</c:v>
                </c:pt>
                <c:pt idx="957">
                  <c:v>9.5771800000000002</c:v>
                </c:pt>
                <c:pt idx="958">
                  <c:v>11.1136</c:v>
                </c:pt>
                <c:pt idx="959">
                  <c:v>13.2204</c:v>
                </c:pt>
                <c:pt idx="960">
                  <c:v>15.043799999999999</c:v>
                </c:pt>
                <c:pt idx="961">
                  <c:v>16.5717</c:v>
                </c:pt>
                <c:pt idx="962">
                  <c:v>16.343599999999999</c:v>
                </c:pt>
                <c:pt idx="963">
                  <c:v>19.341000000000001</c:v>
                </c:pt>
                <c:pt idx="964">
                  <c:v>23.043099999999999</c:v>
                </c:pt>
                <c:pt idx="965">
                  <c:v>25.7989</c:v>
                </c:pt>
                <c:pt idx="966">
                  <c:v>28.2346</c:v>
                </c:pt>
                <c:pt idx="967">
                  <c:v>31.199100000000001</c:v>
                </c:pt>
                <c:pt idx="968">
                  <c:v>10.394399999999999</c:v>
                </c:pt>
                <c:pt idx="969">
                  <c:v>10.417400000000001</c:v>
                </c:pt>
                <c:pt idx="970">
                  <c:v>10.3386</c:v>
                </c:pt>
                <c:pt idx="971">
                  <c:v>9.9930800000000009</c:v>
                </c:pt>
                <c:pt idx="972">
                  <c:v>9.7000499999999992</c:v>
                </c:pt>
                <c:pt idx="973">
                  <c:v>9.4641699999999993</c:v>
                </c:pt>
                <c:pt idx="974">
                  <c:v>9.2841000000000005</c:v>
                </c:pt>
                <c:pt idx="975">
                  <c:v>9.1595899999999997</c:v>
                </c:pt>
                <c:pt idx="976">
                  <c:v>9.4915699999999994</c:v>
                </c:pt>
                <c:pt idx="977">
                  <c:v>10.711600000000001</c:v>
                </c:pt>
                <c:pt idx="978">
                  <c:v>11.673299999999999</c:v>
                </c:pt>
                <c:pt idx="979">
                  <c:v>10.9735</c:v>
                </c:pt>
                <c:pt idx="980">
                  <c:v>10.639099999999999</c:v>
                </c:pt>
                <c:pt idx="981">
                  <c:v>10.4512</c:v>
                </c:pt>
                <c:pt idx="982">
                  <c:v>10.456300000000001</c:v>
                </c:pt>
                <c:pt idx="983">
                  <c:v>10.446899999999999</c:v>
                </c:pt>
                <c:pt idx="984">
                  <c:v>10.430400000000001</c:v>
                </c:pt>
                <c:pt idx="985">
                  <c:v>10.4077</c:v>
                </c:pt>
                <c:pt idx="986">
                  <c:v>10.381</c:v>
                </c:pt>
                <c:pt idx="987">
                  <c:v>10.3527</c:v>
                </c:pt>
                <c:pt idx="988">
                  <c:v>10.3224</c:v>
                </c:pt>
                <c:pt idx="989">
                  <c:v>10.2911</c:v>
                </c:pt>
                <c:pt idx="990">
                  <c:v>11.0045</c:v>
                </c:pt>
                <c:pt idx="991">
                  <c:v>11.046200000000001</c:v>
                </c:pt>
                <c:pt idx="992">
                  <c:v>11.0526</c:v>
                </c:pt>
                <c:pt idx="993">
                  <c:v>11.071999999999999</c:v>
                </c:pt>
                <c:pt idx="994">
                  <c:v>11.097099999999999</c:v>
                </c:pt>
                <c:pt idx="995">
                  <c:v>11.124000000000001</c:v>
                </c:pt>
                <c:pt idx="996">
                  <c:v>11.1516</c:v>
                </c:pt>
                <c:pt idx="997">
                  <c:v>11.178599999999999</c:v>
                </c:pt>
                <c:pt idx="998">
                  <c:v>11.203900000000001</c:v>
                </c:pt>
                <c:pt idx="999">
                  <c:v>11.227499999999999</c:v>
                </c:pt>
                <c:pt idx="1000">
                  <c:v>11.249000000000001</c:v>
                </c:pt>
                <c:pt idx="1001">
                  <c:v>11.0045</c:v>
                </c:pt>
                <c:pt idx="1002">
                  <c:v>11.046200000000001</c:v>
                </c:pt>
                <c:pt idx="1003">
                  <c:v>11.0526</c:v>
                </c:pt>
                <c:pt idx="1004">
                  <c:v>11.071999999999999</c:v>
                </c:pt>
                <c:pt idx="1005">
                  <c:v>11.097099999999999</c:v>
                </c:pt>
                <c:pt idx="1006">
                  <c:v>11.124000000000001</c:v>
                </c:pt>
                <c:pt idx="1007">
                  <c:v>11.1516</c:v>
                </c:pt>
                <c:pt idx="1008">
                  <c:v>11.178599999999999</c:v>
                </c:pt>
                <c:pt idx="1009">
                  <c:v>11.203900000000001</c:v>
                </c:pt>
                <c:pt idx="1010">
                  <c:v>11.227499999999999</c:v>
                </c:pt>
                <c:pt idx="1011">
                  <c:v>11.249000000000001</c:v>
                </c:pt>
                <c:pt idx="1012">
                  <c:v>11.0045</c:v>
                </c:pt>
                <c:pt idx="1013">
                  <c:v>11.046200000000001</c:v>
                </c:pt>
                <c:pt idx="1014">
                  <c:v>11.0526</c:v>
                </c:pt>
                <c:pt idx="1015">
                  <c:v>11.071999999999999</c:v>
                </c:pt>
                <c:pt idx="1016">
                  <c:v>11.097099999999999</c:v>
                </c:pt>
                <c:pt idx="1017">
                  <c:v>11.124000000000001</c:v>
                </c:pt>
                <c:pt idx="1018">
                  <c:v>11.1516</c:v>
                </c:pt>
                <c:pt idx="1019">
                  <c:v>11.178599999999999</c:v>
                </c:pt>
                <c:pt idx="1020">
                  <c:v>11.203900000000001</c:v>
                </c:pt>
                <c:pt idx="1021">
                  <c:v>11.227499999999999</c:v>
                </c:pt>
                <c:pt idx="1022">
                  <c:v>11.249000000000001</c:v>
                </c:pt>
                <c:pt idx="1023">
                  <c:v>11.0045</c:v>
                </c:pt>
                <c:pt idx="1024">
                  <c:v>11.046200000000001</c:v>
                </c:pt>
                <c:pt idx="1025">
                  <c:v>11.0526</c:v>
                </c:pt>
                <c:pt idx="1026">
                  <c:v>11.071999999999999</c:v>
                </c:pt>
                <c:pt idx="1027">
                  <c:v>11.097099999999999</c:v>
                </c:pt>
                <c:pt idx="1028">
                  <c:v>11.124000000000001</c:v>
                </c:pt>
                <c:pt idx="1029">
                  <c:v>11.1516</c:v>
                </c:pt>
                <c:pt idx="1030">
                  <c:v>11.178599999999999</c:v>
                </c:pt>
                <c:pt idx="1031">
                  <c:v>11.203900000000001</c:v>
                </c:pt>
                <c:pt idx="1032">
                  <c:v>11.227499999999999</c:v>
                </c:pt>
                <c:pt idx="1033">
                  <c:v>11.249000000000001</c:v>
                </c:pt>
                <c:pt idx="1034">
                  <c:v>11.0045</c:v>
                </c:pt>
                <c:pt idx="1035">
                  <c:v>11.046200000000001</c:v>
                </c:pt>
                <c:pt idx="1036">
                  <c:v>11.0526</c:v>
                </c:pt>
                <c:pt idx="1037">
                  <c:v>11.071999999999999</c:v>
                </c:pt>
                <c:pt idx="1038">
                  <c:v>11.097099999999999</c:v>
                </c:pt>
                <c:pt idx="1039">
                  <c:v>11.124000000000001</c:v>
                </c:pt>
                <c:pt idx="1040">
                  <c:v>11.1516</c:v>
                </c:pt>
                <c:pt idx="1041">
                  <c:v>11.178599999999999</c:v>
                </c:pt>
                <c:pt idx="1042">
                  <c:v>11.203900000000001</c:v>
                </c:pt>
                <c:pt idx="1043">
                  <c:v>11.227499999999999</c:v>
                </c:pt>
                <c:pt idx="1044">
                  <c:v>11.249000000000001</c:v>
                </c:pt>
                <c:pt idx="1045">
                  <c:v>11.0045</c:v>
                </c:pt>
                <c:pt idx="1046">
                  <c:v>11.046200000000001</c:v>
                </c:pt>
                <c:pt idx="1047">
                  <c:v>11.0526</c:v>
                </c:pt>
                <c:pt idx="1048">
                  <c:v>11.071999999999999</c:v>
                </c:pt>
                <c:pt idx="1049">
                  <c:v>11.097099999999999</c:v>
                </c:pt>
                <c:pt idx="1050">
                  <c:v>11.124000000000001</c:v>
                </c:pt>
                <c:pt idx="1051">
                  <c:v>11.1516</c:v>
                </c:pt>
                <c:pt idx="1052">
                  <c:v>11.178599999999999</c:v>
                </c:pt>
                <c:pt idx="1053">
                  <c:v>11.203900000000001</c:v>
                </c:pt>
                <c:pt idx="1054">
                  <c:v>11.227499999999999</c:v>
                </c:pt>
                <c:pt idx="1055">
                  <c:v>11.249000000000001</c:v>
                </c:pt>
                <c:pt idx="1056">
                  <c:v>63.430100000000003</c:v>
                </c:pt>
                <c:pt idx="1057">
                  <c:v>77.202100000000002</c:v>
                </c:pt>
                <c:pt idx="1058">
                  <c:v>88.6524</c:v>
                </c:pt>
                <c:pt idx="1059">
                  <c:v>93.207499999999996</c:v>
                </c:pt>
                <c:pt idx="1060">
                  <c:v>98.927199999999999</c:v>
                </c:pt>
                <c:pt idx="1061">
                  <c:v>102.60899999999999</c:v>
                </c:pt>
                <c:pt idx="1062">
                  <c:v>106.381</c:v>
                </c:pt>
                <c:pt idx="1063">
                  <c:v>108.376</c:v>
                </c:pt>
                <c:pt idx="1064">
                  <c:v>115.48699999999999</c:v>
                </c:pt>
                <c:pt idx="1065">
                  <c:v>119.133</c:v>
                </c:pt>
                <c:pt idx="1066">
                  <c:v>122.185</c:v>
                </c:pt>
                <c:pt idx="1067">
                  <c:v>39.825299999999999</c:v>
                </c:pt>
                <c:pt idx="1068">
                  <c:v>50.488500000000002</c:v>
                </c:pt>
                <c:pt idx="1069">
                  <c:v>59.515700000000002</c:v>
                </c:pt>
                <c:pt idx="1070">
                  <c:v>67.434100000000001</c:v>
                </c:pt>
                <c:pt idx="1071">
                  <c:v>73.283100000000005</c:v>
                </c:pt>
                <c:pt idx="1072">
                  <c:v>75.828100000000006</c:v>
                </c:pt>
                <c:pt idx="1073">
                  <c:v>79.625799999999998</c:v>
                </c:pt>
                <c:pt idx="1074">
                  <c:v>83.778400000000005</c:v>
                </c:pt>
                <c:pt idx="1075">
                  <c:v>86.308099999999996</c:v>
                </c:pt>
                <c:pt idx="1076">
                  <c:v>92.265900000000002</c:v>
                </c:pt>
                <c:pt idx="1077">
                  <c:v>92.733400000000003</c:v>
                </c:pt>
                <c:pt idx="1078">
                  <c:v>22.860700000000001</c:v>
                </c:pt>
                <c:pt idx="1079">
                  <c:v>28.7224</c:v>
                </c:pt>
                <c:pt idx="1080">
                  <c:v>32.956200000000003</c:v>
                </c:pt>
                <c:pt idx="1081">
                  <c:v>37.492899999999999</c:v>
                </c:pt>
                <c:pt idx="1082">
                  <c:v>39.771000000000001</c:v>
                </c:pt>
                <c:pt idx="1083">
                  <c:v>44.000500000000002</c:v>
                </c:pt>
                <c:pt idx="1084">
                  <c:v>48.244199999999999</c:v>
                </c:pt>
                <c:pt idx="1085">
                  <c:v>49.4955</c:v>
                </c:pt>
                <c:pt idx="1086">
                  <c:v>53.637099999999997</c:v>
                </c:pt>
                <c:pt idx="1087">
                  <c:v>57.553600000000003</c:v>
                </c:pt>
                <c:pt idx="1088">
                  <c:v>58.773000000000003</c:v>
                </c:pt>
                <c:pt idx="1089">
                  <c:v>9.5771800000000002</c:v>
                </c:pt>
                <c:pt idx="1090">
                  <c:v>11.1136</c:v>
                </c:pt>
                <c:pt idx="1091">
                  <c:v>13.2204</c:v>
                </c:pt>
                <c:pt idx="1092">
                  <c:v>15.043799999999999</c:v>
                </c:pt>
                <c:pt idx="1093">
                  <c:v>16.5717</c:v>
                </c:pt>
                <c:pt idx="1094">
                  <c:v>16.343599999999999</c:v>
                </c:pt>
                <c:pt idx="1095">
                  <c:v>17.042999999999999</c:v>
                </c:pt>
                <c:pt idx="1096">
                  <c:v>20.332899999999999</c:v>
                </c:pt>
                <c:pt idx="1097">
                  <c:v>23.313099999999999</c:v>
                </c:pt>
                <c:pt idx="1098">
                  <c:v>26.116399999999999</c:v>
                </c:pt>
                <c:pt idx="1099">
                  <c:v>29.5426</c:v>
                </c:pt>
                <c:pt idx="1100">
                  <c:v>10.394399999999999</c:v>
                </c:pt>
                <c:pt idx="1101">
                  <c:v>10.417400000000001</c:v>
                </c:pt>
                <c:pt idx="1102">
                  <c:v>10.3386</c:v>
                </c:pt>
                <c:pt idx="1103">
                  <c:v>9.9930800000000009</c:v>
                </c:pt>
                <c:pt idx="1104">
                  <c:v>9.7000499999999992</c:v>
                </c:pt>
                <c:pt idx="1105">
                  <c:v>9.4641699999999993</c:v>
                </c:pt>
                <c:pt idx="1106">
                  <c:v>9.2841000000000005</c:v>
                </c:pt>
                <c:pt idx="1107">
                  <c:v>9.1595899999999997</c:v>
                </c:pt>
                <c:pt idx="1108">
                  <c:v>9.0908899999999999</c:v>
                </c:pt>
                <c:pt idx="1109">
                  <c:v>9.5208999999999993</c:v>
                </c:pt>
                <c:pt idx="1110">
                  <c:v>10.999700000000001</c:v>
                </c:pt>
                <c:pt idx="1111">
                  <c:v>10.9735</c:v>
                </c:pt>
                <c:pt idx="1112">
                  <c:v>10.639099999999999</c:v>
                </c:pt>
                <c:pt idx="1113">
                  <c:v>10.4512</c:v>
                </c:pt>
                <c:pt idx="1114">
                  <c:v>10.456300000000001</c:v>
                </c:pt>
                <c:pt idx="1115">
                  <c:v>10.446899999999999</c:v>
                </c:pt>
                <c:pt idx="1116">
                  <c:v>10.430400000000001</c:v>
                </c:pt>
                <c:pt idx="1117">
                  <c:v>10.4077</c:v>
                </c:pt>
                <c:pt idx="1118">
                  <c:v>10.381</c:v>
                </c:pt>
                <c:pt idx="1119">
                  <c:v>10.3527</c:v>
                </c:pt>
                <c:pt idx="1120">
                  <c:v>10.3224</c:v>
                </c:pt>
                <c:pt idx="1121">
                  <c:v>10.2911</c:v>
                </c:pt>
                <c:pt idx="1122">
                  <c:v>11.0045</c:v>
                </c:pt>
                <c:pt idx="1123">
                  <c:v>11.046200000000001</c:v>
                </c:pt>
                <c:pt idx="1124">
                  <c:v>11.0526</c:v>
                </c:pt>
                <c:pt idx="1125">
                  <c:v>11.071999999999999</c:v>
                </c:pt>
                <c:pt idx="1126">
                  <c:v>11.097099999999999</c:v>
                </c:pt>
                <c:pt idx="1127">
                  <c:v>11.124000000000001</c:v>
                </c:pt>
                <c:pt idx="1128">
                  <c:v>11.1516</c:v>
                </c:pt>
                <c:pt idx="1129">
                  <c:v>11.178599999999999</c:v>
                </c:pt>
                <c:pt idx="1130">
                  <c:v>11.203900000000001</c:v>
                </c:pt>
                <c:pt idx="1131">
                  <c:v>11.227499999999999</c:v>
                </c:pt>
                <c:pt idx="1132">
                  <c:v>11.249000000000001</c:v>
                </c:pt>
                <c:pt idx="1133">
                  <c:v>11.0045</c:v>
                </c:pt>
                <c:pt idx="1134">
                  <c:v>11.046200000000001</c:v>
                </c:pt>
                <c:pt idx="1135">
                  <c:v>11.0526</c:v>
                </c:pt>
                <c:pt idx="1136">
                  <c:v>11.071999999999999</c:v>
                </c:pt>
                <c:pt idx="1137">
                  <c:v>11.097099999999999</c:v>
                </c:pt>
                <c:pt idx="1138">
                  <c:v>11.124000000000001</c:v>
                </c:pt>
                <c:pt idx="1139">
                  <c:v>11.1516</c:v>
                </c:pt>
                <c:pt idx="1140">
                  <c:v>11.178599999999999</c:v>
                </c:pt>
                <c:pt idx="1141">
                  <c:v>11.203900000000001</c:v>
                </c:pt>
                <c:pt idx="1142">
                  <c:v>11.227499999999999</c:v>
                </c:pt>
                <c:pt idx="1143">
                  <c:v>11.249000000000001</c:v>
                </c:pt>
                <c:pt idx="1144">
                  <c:v>11.0045</c:v>
                </c:pt>
                <c:pt idx="1145">
                  <c:v>11.046200000000001</c:v>
                </c:pt>
                <c:pt idx="1146">
                  <c:v>11.0526</c:v>
                </c:pt>
                <c:pt idx="1147">
                  <c:v>11.071999999999999</c:v>
                </c:pt>
                <c:pt idx="1148">
                  <c:v>11.097099999999999</c:v>
                </c:pt>
                <c:pt idx="1149">
                  <c:v>11.124000000000001</c:v>
                </c:pt>
                <c:pt idx="1150">
                  <c:v>11.1516</c:v>
                </c:pt>
                <c:pt idx="1151">
                  <c:v>11.178599999999999</c:v>
                </c:pt>
                <c:pt idx="1152">
                  <c:v>11.203900000000001</c:v>
                </c:pt>
                <c:pt idx="1153">
                  <c:v>11.227499999999999</c:v>
                </c:pt>
                <c:pt idx="1154">
                  <c:v>11.249000000000001</c:v>
                </c:pt>
                <c:pt idx="1155">
                  <c:v>11.0045</c:v>
                </c:pt>
                <c:pt idx="1156">
                  <c:v>11.046200000000001</c:v>
                </c:pt>
                <c:pt idx="1157">
                  <c:v>11.0526</c:v>
                </c:pt>
                <c:pt idx="1158">
                  <c:v>11.071999999999999</c:v>
                </c:pt>
                <c:pt idx="1159">
                  <c:v>11.097099999999999</c:v>
                </c:pt>
                <c:pt idx="1160">
                  <c:v>11.124000000000001</c:v>
                </c:pt>
                <c:pt idx="1161">
                  <c:v>11.1516</c:v>
                </c:pt>
                <c:pt idx="1162">
                  <c:v>11.178599999999999</c:v>
                </c:pt>
                <c:pt idx="1163">
                  <c:v>11.203900000000001</c:v>
                </c:pt>
                <c:pt idx="1164">
                  <c:v>11.227499999999999</c:v>
                </c:pt>
                <c:pt idx="1165">
                  <c:v>11.249000000000001</c:v>
                </c:pt>
                <c:pt idx="1166">
                  <c:v>11.0045</c:v>
                </c:pt>
                <c:pt idx="1167">
                  <c:v>11.046200000000001</c:v>
                </c:pt>
                <c:pt idx="1168">
                  <c:v>11.0526</c:v>
                </c:pt>
                <c:pt idx="1169">
                  <c:v>11.071999999999999</c:v>
                </c:pt>
                <c:pt idx="1170">
                  <c:v>11.097099999999999</c:v>
                </c:pt>
                <c:pt idx="1171">
                  <c:v>11.124000000000001</c:v>
                </c:pt>
                <c:pt idx="1172">
                  <c:v>11.1516</c:v>
                </c:pt>
                <c:pt idx="1173">
                  <c:v>11.178599999999999</c:v>
                </c:pt>
                <c:pt idx="1174">
                  <c:v>11.203900000000001</c:v>
                </c:pt>
                <c:pt idx="1175">
                  <c:v>11.227499999999999</c:v>
                </c:pt>
                <c:pt idx="1176">
                  <c:v>11.249000000000001</c:v>
                </c:pt>
                <c:pt idx="1177">
                  <c:v>11.0045</c:v>
                </c:pt>
                <c:pt idx="1178">
                  <c:v>11.046200000000001</c:v>
                </c:pt>
                <c:pt idx="1179">
                  <c:v>11.0526</c:v>
                </c:pt>
                <c:pt idx="1180">
                  <c:v>11.071999999999999</c:v>
                </c:pt>
                <c:pt idx="1181">
                  <c:v>11.097099999999999</c:v>
                </c:pt>
                <c:pt idx="1182">
                  <c:v>11.124000000000001</c:v>
                </c:pt>
                <c:pt idx="1183">
                  <c:v>11.1516</c:v>
                </c:pt>
                <c:pt idx="1184">
                  <c:v>11.178599999999999</c:v>
                </c:pt>
                <c:pt idx="1185">
                  <c:v>11.203900000000001</c:v>
                </c:pt>
                <c:pt idx="1186">
                  <c:v>11.227499999999999</c:v>
                </c:pt>
                <c:pt idx="1187">
                  <c:v>11.249000000000001</c:v>
                </c:pt>
                <c:pt idx="1188">
                  <c:v>63.430100000000003</c:v>
                </c:pt>
                <c:pt idx="1189">
                  <c:v>77.202100000000002</c:v>
                </c:pt>
                <c:pt idx="1190">
                  <c:v>88.6524</c:v>
                </c:pt>
                <c:pt idx="1191">
                  <c:v>93.207499999999996</c:v>
                </c:pt>
                <c:pt idx="1192">
                  <c:v>98.927199999999999</c:v>
                </c:pt>
                <c:pt idx="1193">
                  <c:v>102.60899999999999</c:v>
                </c:pt>
                <c:pt idx="1194">
                  <c:v>106.381</c:v>
                </c:pt>
                <c:pt idx="1195">
                  <c:v>105.24299999999999</c:v>
                </c:pt>
                <c:pt idx="1196">
                  <c:v>112.295</c:v>
                </c:pt>
                <c:pt idx="1197">
                  <c:v>116.64700000000001</c:v>
                </c:pt>
                <c:pt idx="1198">
                  <c:v>120.306</c:v>
                </c:pt>
                <c:pt idx="1199">
                  <c:v>39.825299999999999</c:v>
                </c:pt>
                <c:pt idx="1200">
                  <c:v>50.488500000000002</c:v>
                </c:pt>
                <c:pt idx="1201">
                  <c:v>59.515700000000002</c:v>
                </c:pt>
                <c:pt idx="1202">
                  <c:v>67.434100000000001</c:v>
                </c:pt>
                <c:pt idx="1203">
                  <c:v>73.283100000000005</c:v>
                </c:pt>
                <c:pt idx="1204">
                  <c:v>75.828100000000006</c:v>
                </c:pt>
                <c:pt idx="1205">
                  <c:v>79.625799999999998</c:v>
                </c:pt>
                <c:pt idx="1206">
                  <c:v>83.778400000000005</c:v>
                </c:pt>
                <c:pt idx="1207">
                  <c:v>84.28</c:v>
                </c:pt>
                <c:pt idx="1208">
                  <c:v>88.916799999999995</c:v>
                </c:pt>
                <c:pt idx="1209">
                  <c:v>89.577399999999997</c:v>
                </c:pt>
                <c:pt idx="1210">
                  <c:v>22.860700000000001</c:v>
                </c:pt>
                <c:pt idx="1211">
                  <c:v>28.7224</c:v>
                </c:pt>
                <c:pt idx="1212">
                  <c:v>32.956200000000003</c:v>
                </c:pt>
                <c:pt idx="1213">
                  <c:v>37.492899999999999</c:v>
                </c:pt>
                <c:pt idx="1214">
                  <c:v>39.771000000000001</c:v>
                </c:pt>
                <c:pt idx="1215">
                  <c:v>44.000500000000002</c:v>
                </c:pt>
                <c:pt idx="1216">
                  <c:v>48.244199999999999</c:v>
                </c:pt>
                <c:pt idx="1217">
                  <c:v>49.4955</c:v>
                </c:pt>
                <c:pt idx="1218">
                  <c:v>52.445999999999998</c:v>
                </c:pt>
                <c:pt idx="1219">
                  <c:v>54.239800000000002</c:v>
                </c:pt>
                <c:pt idx="1220">
                  <c:v>55.495899999999999</c:v>
                </c:pt>
                <c:pt idx="1221">
                  <c:v>9.5771800000000002</c:v>
                </c:pt>
                <c:pt idx="1222">
                  <c:v>11.1136</c:v>
                </c:pt>
                <c:pt idx="1223">
                  <c:v>13.2204</c:v>
                </c:pt>
                <c:pt idx="1224">
                  <c:v>15.043799999999999</c:v>
                </c:pt>
                <c:pt idx="1225">
                  <c:v>16.5717</c:v>
                </c:pt>
                <c:pt idx="1226">
                  <c:v>16.343599999999999</c:v>
                </c:pt>
                <c:pt idx="1227">
                  <c:v>17.042999999999999</c:v>
                </c:pt>
                <c:pt idx="1228">
                  <c:v>18.1724</c:v>
                </c:pt>
                <c:pt idx="1229">
                  <c:v>21.019500000000001</c:v>
                </c:pt>
                <c:pt idx="1230">
                  <c:v>23.488099999999999</c:v>
                </c:pt>
                <c:pt idx="1231">
                  <c:v>27.582899999999999</c:v>
                </c:pt>
                <c:pt idx="1232">
                  <c:v>10.394399999999999</c:v>
                </c:pt>
                <c:pt idx="1233">
                  <c:v>10.417400000000001</c:v>
                </c:pt>
                <c:pt idx="1234">
                  <c:v>10.3386</c:v>
                </c:pt>
                <c:pt idx="1235">
                  <c:v>9.9930800000000009</c:v>
                </c:pt>
                <c:pt idx="1236">
                  <c:v>9.7000499999999992</c:v>
                </c:pt>
                <c:pt idx="1237">
                  <c:v>9.4641699999999993</c:v>
                </c:pt>
                <c:pt idx="1238">
                  <c:v>9.2841000000000005</c:v>
                </c:pt>
                <c:pt idx="1239">
                  <c:v>9.1595899999999997</c:v>
                </c:pt>
                <c:pt idx="1240">
                  <c:v>9.0908899999999999</c:v>
                </c:pt>
                <c:pt idx="1241">
                  <c:v>9.0752299999999995</c:v>
                </c:pt>
                <c:pt idx="1242">
                  <c:v>10.1851</c:v>
                </c:pt>
                <c:pt idx="1243">
                  <c:v>10.9735</c:v>
                </c:pt>
                <c:pt idx="1244">
                  <c:v>10.639099999999999</c:v>
                </c:pt>
                <c:pt idx="1245">
                  <c:v>10.4512</c:v>
                </c:pt>
                <c:pt idx="1246">
                  <c:v>10.456300000000001</c:v>
                </c:pt>
                <c:pt idx="1247">
                  <c:v>10.446899999999999</c:v>
                </c:pt>
                <c:pt idx="1248">
                  <c:v>10.430400000000001</c:v>
                </c:pt>
                <c:pt idx="1249">
                  <c:v>10.4077</c:v>
                </c:pt>
                <c:pt idx="1250">
                  <c:v>10.381</c:v>
                </c:pt>
                <c:pt idx="1251">
                  <c:v>10.3527</c:v>
                </c:pt>
                <c:pt idx="1252">
                  <c:v>10.3224</c:v>
                </c:pt>
                <c:pt idx="1253">
                  <c:v>10.2911</c:v>
                </c:pt>
                <c:pt idx="1254">
                  <c:v>11.0045</c:v>
                </c:pt>
                <c:pt idx="1255">
                  <c:v>11.046200000000001</c:v>
                </c:pt>
                <c:pt idx="1256">
                  <c:v>11.0526</c:v>
                </c:pt>
                <c:pt idx="1257">
                  <c:v>11.071999999999999</c:v>
                </c:pt>
                <c:pt idx="1258">
                  <c:v>11.097099999999999</c:v>
                </c:pt>
                <c:pt idx="1259">
                  <c:v>11.124000000000001</c:v>
                </c:pt>
                <c:pt idx="1260">
                  <c:v>11.1516</c:v>
                </c:pt>
                <c:pt idx="1261">
                  <c:v>11.178599999999999</c:v>
                </c:pt>
                <c:pt idx="1262">
                  <c:v>11.203900000000001</c:v>
                </c:pt>
                <c:pt idx="1263">
                  <c:v>11.227499999999999</c:v>
                </c:pt>
                <c:pt idx="1264">
                  <c:v>11.249000000000001</c:v>
                </c:pt>
                <c:pt idx="1265">
                  <c:v>11.0045</c:v>
                </c:pt>
                <c:pt idx="1266">
                  <c:v>11.046200000000001</c:v>
                </c:pt>
                <c:pt idx="1267">
                  <c:v>11.0526</c:v>
                </c:pt>
                <c:pt idx="1268">
                  <c:v>11.071999999999999</c:v>
                </c:pt>
                <c:pt idx="1269">
                  <c:v>11.097099999999999</c:v>
                </c:pt>
                <c:pt idx="1270">
                  <c:v>11.124000000000001</c:v>
                </c:pt>
                <c:pt idx="1271">
                  <c:v>11.1516</c:v>
                </c:pt>
                <c:pt idx="1272">
                  <c:v>11.178599999999999</c:v>
                </c:pt>
                <c:pt idx="1273">
                  <c:v>11.203900000000001</c:v>
                </c:pt>
                <c:pt idx="1274">
                  <c:v>11.227499999999999</c:v>
                </c:pt>
                <c:pt idx="1275">
                  <c:v>11.249000000000001</c:v>
                </c:pt>
                <c:pt idx="1276">
                  <c:v>11.0045</c:v>
                </c:pt>
                <c:pt idx="1277">
                  <c:v>11.046200000000001</c:v>
                </c:pt>
                <c:pt idx="1278">
                  <c:v>11.0526</c:v>
                </c:pt>
                <c:pt idx="1279">
                  <c:v>11.071999999999999</c:v>
                </c:pt>
                <c:pt idx="1280">
                  <c:v>11.097099999999999</c:v>
                </c:pt>
                <c:pt idx="1281">
                  <c:v>11.124000000000001</c:v>
                </c:pt>
                <c:pt idx="1282">
                  <c:v>11.1516</c:v>
                </c:pt>
                <c:pt idx="1283">
                  <c:v>11.178599999999999</c:v>
                </c:pt>
                <c:pt idx="1284">
                  <c:v>11.203900000000001</c:v>
                </c:pt>
                <c:pt idx="1285">
                  <c:v>11.227499999999999</c:v>
                </c:pt>
                <c:pt idx="1286">
                  <c:v>11.249000000000001</c:v>
                </c:pt>
                <c:pt idx="1287">
                  <c:v>11.0045</c:v>
                </c:pt>
                <c:pt idx="1288">
                  <c:v>11.046200000000001</c:v>
                </c:pt>
                <c:pt idx="1289">
                  <c:v>11.0526</c:v>
                </c:pt>
                <c:pt idx="1290">
                  <c:v>11.071999999999999</c:v>
                </c:pt>
                <c:pt idx="1291">
                  <c:v>11.097099999999999</c:v>
                </c:pt>
                <c:pt idx="1292">
                  <c:v>11.124000000000001</c:v>
                </c:pt>
                <c:pt idx="1293">
                  <c:v>11.1516</c:v>
                </c:pt>
                <c:pt idx="1294">
                  <c:v>11.178599999999999</c:v>
                </c:pt>
                <c:pt idx="1295">
                  <c:v>11.203900000000001</c:v>
                </c:pt>
                <c:pt idx="1296">
                  <c:v>11.227499999999999</c:v>
                </c:pt>
                <c:pt idx="1297">
                  <c:v>11.249000000000001</c:v>
                </c:pt>
                <c:pt idx="1298">
                  <c:v>11.0045</c:v>
                </c:pt>
                <c:pt idx="1299">
                  <c:v>11.046200000000001</c:v>
                </c:pt>
                <c:pt idx="1300">
                  <c:v>11.0526</c:v>
                </c:pt>
                <c:pt idx="1301">
                  <c:v>11.071999999999999</c:v>
                </c:pt>
                <c:pt idx="1302">
                  <c:v>11.097099999999999</c:v>
                </c:pt>
                <c:pt idx="1303">
                  <c:v>11.124000000000001</c:v>
                </c:pt>
                <c:pt idx="1304">
                  <c:v>11.1516</c:v>
                </c:pt>
                <c:pt idx="1305">
                  <c:v>11.178599999999999</c:v>
                </c:pt>
                <c:pt idx="1306">
                  <c:v>11.203900000000001</c:v>
                </c:pt>
                <c:pt idx="1307">
                  <c:v>11.227499999999999</c:v>
                </c:pt>
                <c:pt idx="1308">
                  <c:v>11.249000000000001</c:v>
                </c:pt>
                <c:pt idx="1309">
                  <c:v>11.0045</c:v>
                </c:pt>
                <c:pt idx="1310">
                  <c:v>11.046200000000001</c:v>
                </c:pt>
                <c:pt idx="1311">
                  <c:v>11.0526</c:v>
                </c:pt>
                <c:pt idx="1312">
                  <c:v>11.071999999999999</c:v>
                </c:pt>
                <c:pt idx="1313">
                  <c:v>11.097099999999999</c:v>
                </c:pt>
                <c:pt idx="1314">
                  <c:v>11.124000000000001</c:v>
                </c:pt>
                <c:pt idx="1315">
                  <c:v>11.1516</c:v>
                </c:pt>
                <c:pt idx="1316">
                  <c:v>11.178599999999999</c:v>
                </c:pt>
                <c:pt idx="1317">
                  <c:v>11.203900000000001</c:v>
                </c:pt>
                <c:pt idx="1318">
                  <c:v>11.227499999999999</c:v>
                </c:pt>
                <c:pt idx="1319">
                  <c:v>11.249000000000001</c:v>
                </c:pt>
                <c:pt idx="1320">
                  <c:v>63.430100000000003</c:v>
                </c:pt>
                <c:pt idx="1321">
                  <c:v>77.202100000000002</c:v>
                </c:pt>
                <c:pt idx="1322">
                  <c:v>88.6524</c:v>
                </c:pt>
                <c:pt idx="1323">
                  <c:v>93.207499999999996</c:v>
                </c:pt>
                <c:pt idx="1324">
                  <c:v>98.927199999999999</c:v>
                </c:pt>
                <c:pt idx="1325">
                  <c:v>102.60899999999999</c:v>
                </c:pt>
                <c:pt idx="1326">
                  <c:v>106.381</c:v>
                </c:pt>
                <c:pt idx="1327">
                  <c:v>105.24299999999999</c:v>
                </c:pt>
                <c:pt idx="1328">
                  <c:v>109.57299999999999</c:v>
                </c:pt>
                <c:pt idx="1329">
                  <c:v>113.34099999999999</c:v>
                </c:pt>
                <c:pt idx="1330">
                  <c:v>113.958</c:v>
                </c:pt>
                <c:pt idx="1331">
                  <c:v>39.825299999999999</c:v>
                </c:pt>
                <c:pt idx="1332">
                  <c:v>50.488500000000002</c:v>
                </c:pt>
                <c:pt idx="1333">
                  <c:v>59.515700000000002</c:v>
                </c:pt>
                <c:pt idx="1334">
                  <c:v>67.434100000000001</c:v>
                </c:pt>
                <c:pt idx="1335">
                  <c:v>73.283100000000005</c:v>
                </c:pt>
                <c:pt idx="1336">
                  <c:v>75.828100000000006</c:v>
                </c:pt>
                <c:pt idx="1337">
                  <c:v>79.625799999999998</c:v>
                </c:pt>
                <c:pt idx="1338">
                  <c:v>83.778400000000005</c:v>
                </c:pt>
                <c:pt idx="1339">
                  <c:v>84.28</c:v>
                </c:pt>
                <c:pt idx="1340">
                  <c:v>87.246300000000005</c:v>
                </c:pt>
                <c:pt idx="1341">
                  <c:v>86.114800000000002</c:v>
                </c:pt>
                <c:pt idx="1342">
                  <c:v>22.860700000000001</c:v>
                </c:pt>
                <c:pt idx="1343">
                  <c:v>28.7224</c:v>
                </c:pt>
                <c:pt idx="1344">
                  <c:v>32.956200000000003</c:v>
                </c:pt>
                <c:pt idx="1345">
                  <c:v>37.492899999999999</c:v>
                </c:pt>
                <c:pt idx="1346">
                  <c:v>39.771000000000001</c:v>
                </c:pt>
                <c:pt idx="1347">
                  <c:v>44.000500000000002</c:v>
                </c:pt>
                <c:pt idx="1348">
                  <c:v>48.244199999999999</c:v>
                </c:pt>
                <c:pt idx="1349">
                  <c:v>49.4955</c:v>
                </c:pt>
                <c:pt idx="1350">
                  <c:v>52.445999999999998</c:v>
                </c:pt>
                <c:pt idx="1351">
                  <c:v>53.596699999999998</c:v>
                </c:pt>
                <c:pt idx="1352">
                  <c:v>52.7727</c:v>
                </c:pt>
                <c:pt idx="1353">
                  <c:v>9.5771800000000002</c:v>
                </c:pt>
                <c:pt idx="1354">
                  <c:v>11.1136</c:v>
                </c:pt>
                <c:pt idx="1355">
                  <c:v>13.2204</c:v>
                </c:pt>
                <c:pt idx="1356">
                  <c:v>15.043799999999999</c:v>
                </c:pt>
                <c:pt idx="1357">
                  <c:v>16.5717</c:v>
                </c:pt>
                <c:pt idx="1358">
                  <c:v>16.343599999999999</c:v>
                </c:pt>
                <c:pt idx="1359">
                  <c:v>17.042999999999999</c:v>
                </c:pt>
                <c:pt idx="1360">
                  <c:v>18.1724</c:v>
                </c:pt>
                <c:pt idx="1361">
                  <c:v>18.7347</c:v>
                </c:pt>
                <c:pt idx="1362">
                  <c:v>20.546700000000001</c:v>
                </c:pt>
                <c:pt idx="1363">
                  <c:v>25.112500000000001</c:v>
                </c:pt>
                <c:pt idx="1364">
                  <c:v>10.394399999999999</c:v>
                </c:pt>
                <c:pt idx="1365">
                  <c:v>10.417400000000001</c:v>
                </c:pt>
                <c:pt idx="1366">
                  <c:v>10.3386</c:v>
                </c:pt>
                <c:pt idx="1367">
                  <c:v>9.9930800000000009</c:v>
                </c:pt>
                <c:pt idx="1368">
                  <c:v>9.7000499999999992</c:v>
                </c:pt>
                <c:pt idx="1369">
                  <c:v>9.4641699999999993</c:v>
                </c:pt>
                <c:pt idx="1370">
                  <c:v>9.2841000000000005</c:v>
                </c:pt>
                <c:pt idx="1371">
                  <c:v>9.1595899999999997</c:v>
                </c:pt>
                <c:pt idx="1372">
                  <c:v>9.0908899999999999</c:v>
                </c:pt>
                <c:pt idx="1373">
                  <c:v>9.0752299999999995</c:v>
                </c:pt>
                <c:pt idx="1374">
                  <c:v>9.1115600000000008</c:v>
                </c:pt>
                <c:pt idx="1375">
                  <c:v>10.9735</c:v>
                </c:pt>
                <c:pt idx="1376">
                  <c:v>10.639099999999999</c:v>
                </c:pt>
                <c:pt idx="1377">
                  <c:v>10.4512</c:v>
                </c:pt>
                <c:pt idx="1378">
                  <c:v>10.456300000000001</c:v>
                </c:pt>
                <c:pt idx="1379">
                  <c:v>10.446899999999999</c:v>
                </c:pt>
                <c:pt idx="1380">
                  <c:v>10.430400000000001</c:v>
                </c:pt>
                <c:pt idx="1381">
                  <c:v>10.4077</c:v>
                </c:pt>
                <c:pt idx="1382">
                  <c:v>10.381</c:v>
                </c:pt>
                <c:pt idx="1383">
                  <c:v>10.3527</c:v>
                </c:pt>
                <c:pt idx="1384">
                  <c:v>10.3224</c:v>
                </c:pt>
                <c:pt idx="1385">
                  <c:v>10.2911</c:v>
                </c:pt>
                <c:pt idx="1386">
                  <c:v>11.0045</c:v>
                </c:pt>
                <c:pt idx="1387">
                  <c:v>11.046200000000001</c:v>
                </c:pt>
                <c:pt idx="1388">
                  <c:v>11.0526</c:v>
                </c:pt>
                <c:pt idx="1389">
                  <c:v>11.071999999999999</c:v>
                </c:pt>
                <c:pt idx="1390">
                  <c:v>11.097099999999999</c:v>
                </c:pt>
                <c:pt idx="1391">
                  <c:v>11.124000000000001</c:v>
                </c:pt>
                <c:pt idx="1392">
                  <c:v>11.1516</c:v>
                </c:pt>
                <c:pt idx="1393">
                  <c:v>11.178599999999999</c:v>
                </c:pt>
                <c:pt idx="1394">
                  <c:v>11.203900000000001</c:v>
                </c:pt>
                <c:pt idx="1395">
                  <c:v>11.227499999999999</c:v>
                </c:pt>
                <c:pt idx="1396">
                  <c:v>11.249000000000001</c:v>
                </c:pt>
                <c:pt idx="1397">
                  <c:v>11.0045</c:v>
                </c:pt>
                <c:pt idx="1398">
                  <c:v>11.046200000000001</c:v>
                </c:pt>
                <c:pt idx="1399">
                  <c:v>11.0526</c:v>
                </c:pt>
                <c:pt idx="1400">
                  <c:v>11.071999999999999</c:v>
                </c:pt>
                <c:pt idx="1401">
                  <c:v>11.097099999999999</c:v>
                </c:pt>
                <c:pt idx="1402">
                  <c:v>11.124000000000001</c:v>
                </c:pt>
                <c:pt idx="1403">
                  <c:v>11.1516</c:v>
                </c:pt>
                <c:pt idx="1404">
                  <c:v>11.178599999999999</c:v>
                </c:pt>
                <c:pt idx="1405">
                  <c:v>11.203900000000001</c:v>
                </c:pt>
                <c:pt idx="1406">
                  <c:v>11.227499999999999</c:v>
                </c:pt>
                <c:pt idx="1407">
                  <c:v>11.249000000000001</c:v>
                </c:pt>
                <c:pt idx="1408">
                  <c:v>11.0045</c:v>
                </c:pt>
                <c:pt idx="1409">
                  <c:v>11.046200000000001</c:v>
                </c:pt>
                <c:pt idx="1410">
                  <c:v>11.0526</c:v>
                </c:pt>
                <c:pt idx="1411">
                  <c:v>11.071999999999999</c:v>
                </c:pt>
                <c:pt idx="1412">
                  <c:v>11.097099999999999</c:v>
                </c:pt>
                <c:pt idx="1413">
                  <c:v>11.124000000000001</c:v>
                </c:pt>
                <c:pt idx="1414">
                  <c:v>11.1516</c:v>
                </c:pt>
                <c:pt idx="1415">
                  <c:v>11.178599999999999</c:v>
                </c:pt>
                <c:pt idx="1416">
                  <c:v>11.203900000000001</c:v>
                </c:pt>
                <c:pt idx="1417">
                  <c:v>11.227499999999999</c:v>
                </c:pt>
                <c:pt idx="1418">
                  <c:v>11.249000000000001</c:v>
                </c:pt>
                <c:pt idx="1419">
                  <c:v>11.0045</c:v>
                </c:pt>
                <c:pt idx="1420">
                  <c:v>11.046200000000001</c:v>
                </c:pt>
                <c:pt idx="1421">
                  <c:v>11.0526</c:v>
                </c:pt>
                <c:pt idx="1422">
                  <c:v>11.071999999999999</c:v>
                </c:pt>
                <c:pt idx="1423">
                  <c:v>11.097099999999999</c:v>
                </c:pt>
                <c:pt idx="1424">
                  <c:v>11.124000000000001</c:v>
                </c:pt>
                <c:pt idx="1425">
                  <c:v>11.1516</c:v>
                </c:pt>
                <c:pt idx="1426">
                  <c:v>11.178599999999999</c:v>
                </c:pt>
                <c:pt idx="1427">
                  <c:v>11.203900000000001</c:v>
                </c:pt>
                <c:pt idx="1428">
                  <c:v>11.227499999999999</c:v>
                </c:pt>
                <c:pt idx="1429">
                  <c:v>11.249000000000001</c:v>
                </c:pt>
                <c:pt idx="1430">
                  <c:v>11.0045</c:v>
                </c:pt>
                <c:pt idx="1431">
                  <c:v>11.046200000000001</c:v>
                </c:pt>
                <c:pt idx="1432">
                  <c:v>11.0526</c:v>
                </c:pt>
                <c:pt idx="1433">
                  <c:v>11.071999999999999</c:v>
                </c:pt>
                <c:pt idx="1434">
                  <c:v>11.097099999999999</c:v>
                </c:pt>
                <c:pt idx="1435">
                  <c:v>11.124000000000001</c:v>
                </c:pt>
                <c:pt idx="1436">
                  <c:v>11.1516</c:v>
                </c:pt>
                <c:pt idx="1437">
                  <c:v>11.178599999999999</c:v>
                </c:pt>
                <c:pt idx="1438">
                  <c:v>11.203900000000001</c:v>
                </c:pt>
                <c:pt idx="1439">
                  <c:v>11.227499999999999</c:v>
                </c:pt>
                <c:pt idx="1440">
                  <c:v>11.249000000000001</c:v>
                </c:pt>
                <c:pt idx="1441">
                  <c:v>11.0045</c:v>
                </c:pt>
                <c:pt idx="1442">
                  <c:v>11.046200000000001</c:v>
                </c:pt>
                <c:pt idx="1443">
                  <c:v>11.0526</c:v>
                </c:pt>
                <c:pt idx="1444">
                  <c:v>11.071999999999999</c:v>
                </c:pt>
                <c:pt idx="1445">
                  <c:v>11.097099999999999</c:v>
                </c:pt>
                <c:pt idx="1446">
                  <c:v>11.124000000000001</c:v>
                </c:pt>
                <c:pt idx="1447">
                  <c:v>11.1516</c:v>
                </c:pt>
                <c:pt idx="1448">
                  <c:v>11.178599999999999</c:v>
                </c:pt>
                <c:pt idx="1449">
                  <c:v>11.203900000000001</c:v>
                </c:pt>
                <c:pt idx="1450">
                  <c:v>11.227499999999999</c:v>
                </c:pt>
                <c:pt idx="1451">
                  <c:v>11.249000000000001</c:v>
                </c:pt>
                <c:pt idx="1452">
                  <c:v>63.430100000000003</c:v>
                </c:pt>
                <c:pt idx="1453">
                  <c:v>77.202100000000002</c:v>
                </c:pt>
                <c:pt idx="1454">
                  <c:v>88.6524</c:v>
                </c:pt>
                <c:pt idx="1455">
                  <c:v>93.207499999999996</c:v>
                </c:pt>
                <c:pt idx="1456">
                  <c:v>98.927199999999999</c:v>
                </c:pt>
                <c:pt idx="1457">
                  <c:v>102.60899999999999</c:v>
                </c:pt>
                <c:pt idx="1458">
                  <c:v>106.381</c:v>
                </c:pt>
                <c:pt idx="1459">
                  <c:v>105.24299999999999</c:v>
                </c:pt>
                <c:pt idx="1460">
                  <c:v>109.57299999999999</c:v>
                </c:pt>
                <c:pt idx="1461">
                  <c:v>110.881</c:v>
                </c:pt>
                <c:pt idx="1462">
                  <c:v>110.496</c:v>
                </c:pt>
                <c:pt idx="1463">
                  <c:v>39.825299999999999</c:v>
                </c:pt>
                <c:pt idx="1464">
                  <c:v>50.488500000000002</c:v>
                </c:pt>
                <c:pt idx="1465">
                  <c:v>59.515700000000002</c:v>
                </c:pt>
                <c:pt idx="1466">
                  <c:v>67.434100000000001</c:v>
                </c:pt>
                <c:pt idx="1467">
                  <c:v>73.283100000000005</c:v>
                </c:pt>
                <c:pt idx="1468">
                  <c:v>75.828100000000006</c:v>
                </c:pt>
                <c:pt idx="1469">
                  <c:v>79.625799999999998</c:v>
                </c:pt>
                <c:pt idx="1470">
                  <c:v>83.778400000000005</c:v>
                </c:pt>
                <c:pt idx="1471">
                  <c:v>84.28</c:v>
                </c:pt>
                <c:pt idx="1472">
                  <c:v>87.246300000000005</c:v>
                </c:pt>
                <c:pt idx="1473">
                  <c:v>85.766400000000004</c:v>
                </c:pt>
                <c:pt idx="1474">
                  <c:v>22.860700000000001</c:v>
                </c:pt>
                <c:pt idx="1475">
                  <c:v>28.7224</c:v>
                </c:pt>
                <c:pt idx="1476">
                  <c:v>32.956200000000003</c:v>
                </c:pt>
                <c:pt idx="1477">
                  <c:v>37.492899999999999</c:v>
                </c:pt>
                <c:pt idx="1478">
                  <c:v>39.771000000000001</c:v>
                </c:pt>
                <c:pt idx="1479">
                  <c:v>44.000500000000002</c:v>
                </c:pt>
                <c:pt idx="1480">
                  <c:v>48.244199999999999</c:v>
                </c:pt>
                <c:pt idx="1481">
                  <c:v>49.4955</c:v>
                </c:pt>
                <c:pt idx="1482">
                  <c:v>52.445999999999998</c:v>
                </c:pt>
                <c:pt idx="1483">
                  <c:v>53.596699999999998</c:v>
                </c:pt>
                <c:pt idx="1484">
                  <c:v>52.7727</c:v>
                </c:pt>
                <c:pt idx="1485">
                  <c:v>9.5771800000000002</c:v>
                </c:pt>
                <c:pt idx="1486">
                  <c:v>11.1136</c:v>
                </c:pt>
                <c:pt idx="1487">
                  <c:v>13.2204</c:v>
                </c:pt>
                <c:pt idx="1488">
                  <c:v>15.043799999999999</c:v>
                </c:pt>
                <c:pt idx="1489">
                  <c:v>16.5717</c:v>
                </c:pt>
                <c:pt idx="1490">
                  <c:v>16.343599999999999</c:v>
                </c:pt>
                <c:pt idx="1491">
                  <c:v>17.042999999999999</c:v>
                </c:pt>
                <c:pt idx="1492">
                  <c:v>18.1724</c:v>
                </c:pt>
                <c:pt idx="1493">
                  <c:v>18.7347</c:v>
                </c:pt>
                <c:pt idx="1494">
                  <c:v>19.057200000000002</c:v>
                </c:pt>
                <c:pt idx="1495">
                  <c:v>22.4879</c:v>
                </c:pt>
                <c:pt idx="1496">
                  <c:v>10.394399999999999</c:v>
                </c:pt>
                <c:pt idx="1497">
                  <c:v>10.417400000000001</c:v>
                </c:pt>
                <c:pt idx="1498">
                  <c:v>10.3386</c:v>
                </c:pt>
                <c:pt idx="1499">
                  <c:v>9.9930800000000009</c:v>
                </c:pt>
                <c:pt idx="1500">
                  <c:v>9.7000499999999992</c:v>
                </c:pt>
                <c:pt idx="1501">
                  <c:v>9.4641699999999993</c:v>
                </c:pt>
                <c:pt idx="1502">
                  <c:v>9.2841000000000005</c:v>
                </c:pt>
                <c:pt idx="1503">
                  <c:v>9.1595899999999997</c:v>
                </c:pt>
                <c:pt idx="1504">
                  <c:v>9.0908899999999999</c:v>
                </c:pt>
                <c:pt idx="1505">
                  <c:v>9.0752299999999995</c:v>
                </c:pt>
                <c:pt idx="1506">
                  <c:v>9.1115600000000008</c:v>
                </c:pt>
                <c:pt idx="1507">
                  <c:v>10.9735</c:v>
                </c:pt>
                <c:pt idx="1508">
                  <c:v>10.639099999999999</c:v>
                </c:pt>
                <c:pt idx="1509">
                  <c:v>10.4512</c:v>
                </c:pt>
                <c:pt idx="1510">
                  <c:v>10.456300000000001</c:v>
                </c:pt>
                <c:pt idx="1511">
                  <c:v>10.446899999999999</c:v>
                </c:pt>
                <c:pt idx="1512">
                  <c:v>10.430400000000001</c:v>
                </c:pt>
                <c:pt idx="1513">
                  <c:v>10.4077</c:v>
                </c:pt>
                <c:pt idx="1514">
                  <c:v>10.381</c:v>
                </c:pt>
                <c:pt idx="1515">
                  <c:v>10.3527</c:v>
                </c:pt>
                <c:pt idx="1516">
                  <c:v>10.3224</c:v>
                </c:pt>
                <c:pt idx="1517">
                  <c:v>10.2911</c:v>
                </c:pt>
                <c:pt idx="1518">
                  <c:v>11.0045</c:v>
                </c:pt>
                <c:pt idx="1519">
                  <c:v>11.046200000000001</c:v>
                </c:pt>
                <c:pt idx="1520">
                  <c:v>11.0526</c:v>
                </c:pt>
                <c:pt idx="1521">
                  <c:v>11.071999999999999</c:v>
                </c:pt>
                <c:pt idx="1522">
                  <c:v>11.097099999999999</c:v>
                </c:pt>
                <c:pt idx="1523">
                  <c:v>11.124000000000001</c:v>
                </c:pt>
                <c:pt idx="1524">
                  <c:v>11.1516</c:v>
                </c:pt>
                <c:pt idx="1525">
                  <c:v>11.178599999999999</c:v>
                </c:pt>
                <c:pt idx="1526">
                  <c:v>11.203900000000001</c:v>
                </c:pt>
                <c:pt idx="1527">
                  <c:v>11.227499999999999</c:v>
                </c:pt>
                <c:pt idx="1528">
                  <c:v>11.249000000000001</c:v>
                </c:pt>
                <c:pt idx="1529">
                  <c:v>11.0045</c:v>
                </c:pt>
                <c:pt idx="1530">
                  <c:v>11.046200000000001</c:v>
                </c:pt>
                <c:pt idx="1531">
                  <c:v>11.0526</c:v>
                </c:pt>
                <c:pt idx="1532">
                  <c:v>11.071999999999999</c:v>
                </c:pt>
                <c:pt idx="1533">
                  <c:v>11.097099999999999</c:v>
                </c:pt>
                <c:pt idx="1534">
                  <c:v>11.124000000000001</c:v>
                </c:pt>
                <c:pt idx="1535">
                  <c:v>11.1516</c:v>
                </c:pt>
                <c:pt idx="1536">
                  <c:v>11.178599999999999</c:v>
                </c:pt>
                <c:pt idx="1537">
                  <c:v>11.203900000000001</c:v>
                </c:pt>
                <c:pt idx="1538">
                  <c:v>11.227499999999999</c:v>
                </c:pt>
                <c:pt idx="1539">
                  <c:v>11.249000000000001</c:v>
                </c:pt>
                <c:pt idx="1540">
                  <c:v>11.0045</c:v>
                </c:pt>
                <c:pt idx="1541">
                  <c:v>11.046200000000001</c:v>
                </c:pt>
                <c:pt idx="1542">
                  <c:v>11.0526</c:v>
                </c:pt>
                <c:pt idx="1543">
                  <c:v>11.071999999999999</c:v>
                </c:pt>
                <c:pt idx="1544">
                  <c:v>11.097099999999999</c:v>
                </c:pt>
                <c:pt idx="1545">
                  <c:v>11.124000000000001</c:v>
                </c:pt>
                <c:pt idx="1546">
                  <c:v>11.1516</c:v>
                </c:pt>
                <c:pt idx="1547">
                  <c:v>11.178599999999999</c:v>
                </c:pt>
                <c:pt idx="1548">
                  <c:v>11.203900000000001</c:v>
                </c:pt>
                <c:pt idx="1549">
                  <c:v>11.227499999999999</c:v>
                </c:pt>
                <c:pt idx="1550">
                  <c:v>11.249000000000001</c:v>
                </c:pt>
                <c:pt idx="1551">
                  <c:v>11.0045</c:v>
                </c:pt>
                <c:pt idx="1552">
                  <c:v>11.046200000000001</c:v>
                </c:pt>
                <c:pt idx="1553">
                  <c:v>11.0526</c:v>
                </c:pt>
                <c:pt idx="1554">
                  <c:v>11.071999999999999</c:v>
                </c:pt>
                <c:pt idx="1555">
                  <c:v>11.097099999999999</c:v>
                </c:pt>
                <c:pt idx="1556">
                  <c:v>11.124000000000001</c:v>
                </c:pt>
                <c:pt idx="1557">
                  <c:v>11.1516</c:v>
                </c:pt>
                <c:pt idx="1558">
                  <c:v>11.178599999999999</c:v>
                </c:pt>
                <c:pt idx="1559">
                  <c:v>11.203900000000001</c:v>
                </c:pt>
                <c:pt idx="1560">
                  <c:v>11.227499999999999</c:v>
                </c:pt>
                <c:pt idx="1561">
                  <c:v>11.249000000000001</c:v>
                </c:pt>
                <c:pt idx="1562">
                  <c:v>11.0045</c:v>
                </c:pt>
                <c:pt idx="1563">
                  <c:v>11.046200000000001</c:v>
                </c:pt>
                <c:pt idx="1564">
                  <c:v>11.0526</c:v>
                </c:pt>
                <c:pt idx="1565">
                  <c:v>11.071999999999999</c:v>
                </c:pt>
                <c:pt idx="1566">
                  <c:v>11.097099999999999</c:v>
                </c:pt>
                <c:pt idx="1567">
                  <c:v>11.124000000000001</c:v>
                </c:pt>
                <c:pt idx="1568">
                  <c:v>11.1516</c:v>
                </c:pt>
                <c:pt idx="1569">
                  <c:v>11.178599999999999</c:v>
                </c:pt>
                <c:pt idx="1570">
                  <c:v>11.203900000000001</c:v>
                </c:pt>
                <c:pt idx="1571">
                  <c:v>11.227499999999999</c:v>
                </c:pt>
                <c:pt idx="1572">
                  <c:v>11.249000000000001</c:v>
                </c:pt>
                <c:pt idx="1573">
                  <c:v>11.0045</c:v>
                </c:pt>
                <c:pt idx="1574">
                  <c:v>11.046200000000001</c:v>
                </c:pt>
                <c:pt idx="1575">
                  <c:v>11.0526</c:v>
                </c:pt>
                <c:pt idx="1576">
                  <c:v>11.071999999999999</c:v>
                </c:pt>
                <c:pt idx="1577">
                  <c:v>11.097099999999999</c:v>
                </c:pt>
                <c:pt idx="1578">
                  <c:v>11.124000000000001</c:v>
                </c:pt>
                <c:pt idx="1579">
                  <c:v>11.1516</c:v>
                </c:pt>
                <c:pt idx="1580">
                  <c:v>11.178599999999999</c:v>
                </c:pt>
                <c:pt idx="1581">
                  <c:v>11.203900000000001</c:v>
                </c:pt>
                <c:pt idx="1582">
                  <c:v>11.227499999999999</c:v>
                </c:pt>
                <c:pt idx="1583">
                  <c:v>11.249000000000001</c:v>
                </c:pt>
                <c:pt idx="1584">
                  <c:v>61.015300000000003</c:v>
                </c:pt>
                <c:pt idx="1585">
                  <c:v>79.069599999999994</c:v>
                </c:pt>
                <c:pt idx="1586">
                  <c:v>82.563800000000001</c:v>
                </c:pt>
                <c:pt idx="1587">
                  <c:v>88.564499999999995</c:v>
                </c:pt>
                <c:pt idx="1588">
                  <c:v>90.2333</c:v>
                </c:pt>
                <c:pt idx="1589">
                  <c:v>92.266999999999996</c:v>
                </c:pt>
                <c:pt idx="1590">
                  <c:v>93.706999999999994</c:v>
                </c:pt>
                <c:pt idx="1591">
                  <c:v>94.7179</c:v>
                </c:pt>
                <c:pt idx="1592">
                  <c:v>94.819100000000006</c:v>
                </c:pt>
                <c:pt idx="1593">
                  <c:v>94.028199999999998</c:v>
                </c:pt>
                <c:pt idx="1594">
                  <c:v>91.912300000000002</c:v>
                </c:pt>
                <c:pt idx="1595">
                  <c:v>32.992199999999997</c:v>
                </c:pt>
                <c:pt idx="1596">
                  <c:v>46.147399999999998</c:v>
                </c:pt>
                <c:pt idx="1597">
                  <c:v>55.268900000000002</c:v>
                </c:pt>
                <c:pt idx="1598">
                  <c:v>64.024600000000007</c:v>
                </c:pt>
                <c:pt idx="1599">
                  <c:v>66.493200000000002</c:v>
                </c:pt>
                <c:pt idx="1600">
                  <c:v>71.617099999999994</c:v>
                </c:pt>
                <c:pt idx="1601">
                  <c:v>72.290700000000001</c:v>
                </c:pt>
                <c:pt idx="1602">
                  <c:v>75.990399999999994</c:v>
                </c:pt>
                <c:pt idx="1603">
                  <c:v>75.316000000000003</c:v>
                </c:pt>
                <c:pt idx="1604">
                  <c:v>77.725700000000003</c:v>
                </c:pt>
                <c:pt idx="1605">
                  <c:v>76.652100000000004</c:v>
                </c:pt>
                <c:pt idx="1606">
                  <c:v>15.187900000000001</c:v>
                </c:pt>
                <c:pt idx="1607">
                  <c:v>18.567599999999999</c:v>
                </c:pt>
                <c:pt idx="1608">
                  <c:v>25.656700000000001</c:v>
                </c:pt>
                <c:pt idx="1609">
                  <c:v>29.871600000000001</c:v>
                </c:pt>
                <c:pt idx="1610">
                  <c:v>33.423999999999999</c:v>
                </c:pt>
                <c:pt idx="1611">
                  <c:v>37.728099999999998</c:v>
                </c:pt>
                <c:pt idx="1612">
                  <c:v>40.254899999999999</c:v>
                </c:pt>
                <c:pt idx="1613">
                  <c:v>42.532699999999998</c:v>
                </c:pt>
                <c:pt idx="1614">
                  <c:v>44.866300000000003</c:v>
                </c:pt>
                <c:pt idx="1615">
                  <c:v>46.2592</c:v>
                </c:pt>
                <c:pt idx="1616">
                  <c:v>47.331299999999999</c:v>
                </c:pt>
                <c:pt idx="1617">
                  <c:v>11.4657</c:v>
                </c:pt>
                <c:pt idx="1618">
                  <c:v>12.131600000000001</c:v>
                </c:pt>
                <c:pt idx="1619">
                  <c:v>11.943899999999999</c:v>
                </c:pt>
                <c:pt idx="1620">
                  <c:v>11.645799999999999</c:v>
                </c:pt>
                <c:pt idx="1621">
                  <c:v>11.2128</c:v>
                </c:pt>
                <c:pt idx="1622">
                  <c:v>12.474299999999999</c:v>
                </c:pt>
                <c:pt idx="1623">
                  <c:v>13.6965</c:v>
                </c:pt>
                <c:pt idx="1624">
                  <c:v>14.5238</c:v>
                </c:pt>
                <c:pt idx="1625">
                  <c:v>15.8323</c:v>
                </c:pt>
                <c:pt idx="1626">
                  <c:v>16.9194</c:v>
                </c:pt>
                <c:pt idx="1627">
                  <c:v>17.552900000000001</c:v>
                </c:pt>
                <c:pt idx="1628">
                  <c:v>13.580500000000001</c:v>
                </c:pt>
                <c:pt idx="1629">
                  <c:v>12.8447</c:v>
                </c:pt>
                <c:pt idx="1630">
                  <c:v>12.911199999999999</c:v>
                </c:pt>
                <c:pt idx="1631">
                  <c:v>13.7072</c:v>
                </c:pt>
                <c:pt idx="1632">
                  <c:v>13.726000000000001</c:v>
                </c:pt>
                <c:pt idx="1633">
                  <c:v>13.739100000000001</c:v>
                </c:pt>
                <c:pt idx="1634">
                  <c:v>13.7453</c:v>
                </c:pt>
                <c:pt idx="1635">
                  <c:v>13.7502</c:v>
                </c:pt>
                <c:pt idx="1636">
                  <c:v>13.750999999999999</c:v>
                </c:pt>
                <c:pt idx="1637">
                  <c:v>13.750999999999999</c:v>
                </c:pt>
                <c:pt idx="1638">
                  <c:v>13.747299999999999</c:v>
                </c:pt>
                <c:pt idx="1639">
                  <c:v>13.580500000000001</c:v>
                </c:pt>
                <c:pt idx="1640">
                  <c:v>12.9474</c:v>
                </c:pt>
                <c:pt idx="1641">
                  <c:v>12.961</c:v>
                </c:pt>
                <c:pt idx="1642">
                  <c:v>13.7072</c:v>
                </c:pt>
                <c:pt idx="1643">
                  <c:v>13.726000000000001</c:v>
                </c:pt>
                <c:pt idx="1644">
                  <c:v>13.739100000000001</c:v>
                </c:pt>
                <c:pt idx="1645">
                  <c:v>13.7453</c:v>
                </c:pt>
                <c:pt idx="1646">
                  <c:v>13.7502</c:v>
                </c:pt>
                <c:pt idx="1647">
                  <c:v>13.750999999999999</c:v>
                </c:pt>
                <c:pt idx="1648">
                  <c:v>13.750999999999999</c:v>
                </c:pt>
                <c:pt idx="1649">
                  <c:v>13.747299999999999</c:v>
                </c:pt>
                <c:pt idx="1650">
                  <c:v>13.580500000000001</c:v>
                </c:pt>
                <c:pt idx="1651">
                  <c:v>12.9474</c:v>
                </c:pt>
                <c:pt idx="1652">
                  <c:v>12.961</c:v>
                </c:pt>
                <c:pt idx="1653">
                  <c:v>13.7072</c:v>
                </c:pt>
                <c:pt idx="1654">
                  <c:v>13.726000000000001</c:v>
                </c:pt>
                <c:pt idx="1655">
                  <c:v>13.739100000000001</c:v>
                </c:pt>
                <c:pt idx="1656">
                  <c:v>13.7453</c:v>
                </c:pt>
                <c:pt idx="1657">
                  <c:v>13.7502</c:v>
                </c:pt>
                <c:pt idx="1658">
                  <c:v>13.750999999999999</c:v>
                </c:pt>
                <c:pt idx="1659">
                  <c:v>13.750999999999999</c:v>
                </c:pt>
                <c:pt idx="1660">
                  <c:v>13.747299999999999</c:v>
                </c:pt>
                <c:pt idx="1661">
                  <c:v>13.580500000000001</c:v>
                </c:pt>
                <c:pt idx="1662">
                  <c:v>12.9474</c:v>
                </c:pt>
                <c:pt idx="1663">
                  <c:v>12.961</c:v>
                </c:pt>
                <c:pt idx="1664">
                  <c:v>13.7072</c:v>
                </c:pt>
                <c:pt idx="1665">
                  <c:v>13.726000000000001</c:v>
                </c:pt>
                <c:pt idx="1666">
                  <c:v>13.739100000000001</c:v>
                </c:pt>
                <c:pt idx="1667">
                  <c:v>13.7453</c:v>
                </c:pt>
                <c:pt idx="1668">
                  <c:v>13.7502</c:v>
                </c:pt>
                <c:pt idx="1669">
                  <c:v>13.750999999999999</c:v>
                </c:pt>
                <c:pt idx="1670">
                  <c:v>13.750999999999999</c:v>
                </c:pt>
                <c:pt idx="1671">
                  <c:v>13.747299999999999</c:v>
                </c:pt>
                <c:pt idx="1672">
                  <c:v>13.580500000000001</c:v>
                </c:pt>
                <c:pt idx="1673">
                  <c:v>12.9474</c:v>
                </c:pt>
                <c:pt idx="1674">
                  <c:v>12.961</c:v>
                </c:pt>
                <c:pt idx="1675">
                  <c:v>13.7072</c:v>
                </c:pt>
                <c:pt idx="1676">
                  <c:v>13.726000000000001</c:v>
                </c:pt>
                <c:pt idx="1677">
                  <c:v>13.739100000000001</c:v>
                </c:pt>
                <c:pt idx="1678">
                  <c:v>13.7453</c:v>
                </c:pt>
                <c:pt idx="1679">
                  <c:v>13.7502</c:v>
                </c:pt>
                <c:pt idx="1680">
                  <c:v>13.750999999999999</c:v>
                </c:pt>
                <c:pt idx="1681">
                  <c:v>13.750999999999999</c:v>
                </c:pt>
                <c:pt idx="1682">
                  <c:v>13.747299999999999</c:v>
                </c:pt>
                <c:pt idx="1683">
                  <c:v>13.580500000000001</c:v>
                </c:pt>
                <c:pt idx="1684">
                  <c:v>12.9474</c:v>
                </c:pt>
                <c:pt idx="1685">
                  <c:v>12.961</c:v>
                </c:pt>
                <c:pt idx="1686">
                  <c:v>13.7072</c:v>
                </c:pt>
                <c:pt idx="1687">
                  <c:v>13.726000000000001</c:v>
                </c:pt>
                <c:pt idx="1688">
                  <c:v>13.739100000000001</c:v>
                </c:pt>
                <c:pt idx="1689">
                  <c:v>13.7453</c:v>
                </c:pt>
                <c:pt idx="1690">
                  <c:v>13.7502</c:v>
                </c:pt>
                <c:pt idx="1691">
                  <c:v>13.750999999999999</c:v>
                </c:pt>
                <c:pt idx="1692">
                  <c:v>13.750999999999999</c:v>
                </c:pt>
                <c:pt idx="1693">
                  <c:v>13.747299999999999</c:v>
                </c:pt>
                <c:pt idx="1694">
                  <c:v>13.580500000000001</c:v>
                </c:pt>
                <c:pt idx="1695">
                  <c:v>12.9474</c:v>
                </c:pt>
                <c:pt idx="1696">
                  <c:v>12.961</c:v>
                </c:pt>
                <c:pt idx="1697">
                  <c:v>13.7072</c:v>
                </c:pt>
                <c:pt idx="1698">
                  <c:v>13.726000000000001</c:v>
                </c:pt>
                <c:pt idx="1699">
                  <c:v>13.739100000000001</c:v>
                </c:pt>
                <c:pt idx="1700">
                  <c:v>13.7453</c:v>
                </c:pt>
                <c:pt idx="1701">
                  <c:v>13.7502</c:v>
                </c:pt>
                <c:pt idx="1702">
                  <c:v>13.750999999999999</c:v>
                </c:pt>
                <c:pt idx="1703">
                  <c:v>13.750999999999999</c:v>
                </c:pt>
                <c:pt idx="1704">
                  <c:v>13.747299999999999</c:v>
                </c:pt>
                <c:pt idx="1705">
                  <c:v>13.580500000000001</c:v>
                </c:pt>
                <c:pt idx="1706">
                  <c:v>12.9474</c:v>
                </c:pt>
                <c:pt idx="1707">
                  <c:v>12.961</c:v>
                </c:pt>
                <c:pt idx="1708">
                  <c:v>13.7072</c:v>
                </c:pt>
                <c:pt idx="1709">
                  <c:v>13.726000000000001</c:v>
                </c:pt>
                <c:pt idx="1710">
                  <c:v>13.739100000000001</c:v>
                </c:pt>
                <c:pt idx="1711">
                  <c:v>13.7453</c:v>
                </c:pt>
                <c:pt idx="1712">
                  <c:v>13.7502</c:v>
                </c:pt>
                <c:pt idx="1713">
                  <c:v>13.750999999999999</c:v>
                </c:pt>
                <c:pt idx="1714">
                  <c:v>13.750999999999999</c:v>
                </c:pt>
                <c:pt idx="1715">
                  <c:v>13.747299999999999</c:v>
                </c:pt>
                <c:pt idx="1716">
                  <c:v>60.465899999999998</c:v>
                </c:pt>
                <c:pt idx="1717">
                  <c:v>77.565200000000004</c:v>
                </c:pt>
                <c:pt idx="1718">
                  <c:v>87.906199999999998</c:v>
                </c:pt>
                <c:pt idx="1719">
                  <c:v>91.493200000000002</c:v>
                </c:pt>
                <c:pt idx="1720">
                  <c:v>96.271900000000002</c:v>
                </c:pt>
                <c:pt idx="1721">
                  <c:v>98.656599999999997</c:v>
                </c:pt>
                <c:pt idx="1722">
                  <c:v>100.60299999999999</c:v>
                </c:pt>
                <c:pt idx="1723">
                  <c:v>102.78100000000001</c:v>
                </c:pt>
                <c:pt idx="1724">
                  <c:v>101.608</c:v>
                </c:pt>
                <c:pt idx="1725">
                  <c:v>103.23699999999999</c:v>
                </c:pt>
                <c:pt idx="1726">
                  <c:v>104.792</c:v>
                </c:pt>
                <c:pt idx="1727">
                  <c:v>32.992199999999997</c:v>
                </c:pt>
                <c:pt idx="1728">
                  <c:v>44.000799999999998</c:v>
                </c:pt>
                <c:pt idx="1729">
                  <c:v>51.4786</c:v>
                </c:pt>
                <c:pt idx="1730">
                  <c:v>61.138100000000001</c:v>
                </c:pt>
                <c:pt idx="1731">
                  <c:v>67.475700000000003</c:v>
                </c:pt>
                <c:pt idx="1732">
                  <c:v>70.605500000000006</c:v>
                </c:pt>
                <c:pt idx="1733">
                  <c:v>75.827399999999997</c:v>
                </c:pt>
                <c:pt idx="1734">
                  <c:v>76.567599999999999</c:v>
                </c:pt>
                <c:pt idx="1735">
                  <c:v>79.888099999999994</c:v>
                </c:pt>
                <c:pt idx="1736">
                  <c:v>80.322299999999998</c:v>
                </c:pt>
                <c:pt idx="1737">
                  <c:v>82.309299999999993</c:v>
                </c:pt>
                <c:pt idx="1738">
                  <c:v>15.187900000000001</c:v>
                </c:pt>
                <c:pt idx="1739">
                  <c:v>17.122499999999999</c:v>
                </c:pt>
                <c:pt idx="1740">
                  <c:v>22.989899999999999</c:v>
                </c:pt>
                <c:pt idx="1741">
                  <c:v>27.639299999999999</c:v>
                </c:pt>
                <c:pt idx="1742">
                  <c:v>33.159799999999997</c:v>
                </c:pt>
                <c:pt idx="1743">
                  <c:v>36.629600000000003</c:v>
                </c:pt>
                <c:pt idx="1744">
                  <c:v>40.004899999999999</c:v>
                </c:pt>
                <c:pt idx="1745">
                  <c:v>43.225999999999999</c:v>
                </c:pt>
                <c:pt idx="1746">
                  <c:v>45.452500000000001</c:v>
                </c:pt>
                <c:pt idx="1747">
                  <c:v>46.822400000000002</c:v>
                </c:pt>
                <c:pt idx="1748">
                  <c:v>47.5139</c:v>
                </c:pt>
                <c:pt idx="1749">
                  <c:v>11.4657</c:v>
                </c:pt>
                <c:pt idx="1750">
                  <c:v>12.131600000000001</c:v>
                </c:pt>
                <c:pt idx="1751">
                  <c:v>11.943899999999999</c:v>
                </c:pt>
                <c:pt idx="1752">
                  <c:v>11.645799999999999</c:v>
                </c:pt>
                <c:pt idx="1753">
                  <c:v>11.2128</c:v>
                </c:pt>
                <c:pt idx="1754">
                  <c:v>11.949199999999999</c:v>
                </c:pt>
                <c:pt idx="1755">
                  <c:v>13.351699999999999</c:v>
                </c:pt>
                <c:pt idx="1756">
                  <c:v>14.972899999999999</c:v>
                </c:pt>
                <c:pt idx="1757">
                  <c:v>16.709</c:v>
                </c:pt>
                <c:pt idx="1758">
                  <c:v>17.0989</c:v>
                </c:pt>
                <c:pt idx="1759">
                  <c:v>17.978400000000001</c:v>
                </c:pt>
                <c:pt idx="1760">
                  <c:v>13.580500000000001</c:v>
                </c:pt>
                <c:pt idx="1761">
                  <c:v>12.8447</c:v>
                </c:pt>
                <c:pt idx="1762">
                  <c:v>12.911199999999999</c:v>
                </c:pt>
                <c:pt idx="1763">
                  <c:v>13.7072</c:v>
                </c:pt>
                <c:pt idx="1764">
                  <c:v>13.726000000000001</c:v>
                </c:pt>
                <c:pt idx="1765">
                  <c:v>13.739100000000001</c:v>
                </c:pt>
                <c:pt idx="1766">
                  <c:v>13.7453</c:v>
                </c:pt>
                <c:pt idx="1767">
                  <c:v>13.7502</c:v>
                </c:pt>
                <c:pt idx="1768">
                  <c:v>13.750999999999999</c:v>
                </c:pt>
                <c:pt idx="1769">
                  <c:v>13.750999999999999</c:v>
                </c:pt>
                <c:pt idx="1770">
                  <c:v>13.747299999999999</c:v>
                </c:pt>
                <c:pt idx="1771">
                  <c:v>13.580500000000001</c:v>
                </c:pt>
                <c:pt idx="1772">
                  <c:v>12.9474</c:v>
                </c:pt>
                <c:pt idx="1773">
                  <c:v>12.961</c:v>
                </c:pt>
                <c:pt idx="1774">
                  <c:v>13.7072</c:v>
                </c:pt>
                <c:pt idx="1775">
                  <c:v>13.726000000000001</c:v>
                </c:pt>
                <c:pt idx="1776">
                  <c:v>13.739100000000001</c:v>
                </c:pt>
                <c:pt idx="1777">
                  <c:v>13.7453</c:v>
                </c:pt>
                <c:pt idx="1778">
                  <c:v>13.7502</c:v>
                </c:pt>
                <c:pt idx="1779">
                  <c:v>13.750999999999999</c:v>
                </c:pt>
                <c:pt idx="1780">
                  <c:v>13.750999999999999</c:v>
                </c:pt>
                <c:pt idx="1781">
                  <c:v>13.747299999999999</c:v>
                </c:pt>
                <c:pt idx="1782">
                  <c:v>13.580500000000001</c:v>
                </c:pt>
                <c:pt idx="1783">
                  <c:v>12.9474</c:v>
                </c:pt>
                <c:pt idx="1784">
                  <c:v>12.961</c:v>
                </c:pt>
                <c:pt idx="1785">
                  <c:v>13.7072</c:v>
                </c:pt>
                <c:pt idx="1786">
                  <c:v>13.726000000000001</c:v>
                </c:pt>
                <c:pt idx="1787">
                  <c:v>13.739100000000001</c:v>
                </c:pt>
                <c:pt idx="1788">
                  <c:v>13.7453</c:v>
                </c:pt>
                <c:pt idx="1789">
                  <c:v>13.7502</c:v>
                </c:pt>
                <c:pt idx="1790">
                  <c:v>13.750999999999999</c:v>
                </c:pt>
                <c:pt idx="1791">
                  <c:v>13.750999999999999</c:v>
                </c:pt>
                <c:pt idx="1792">
                  <c:v>13.747299999999999</c:v>
                </c:pt>
                <c:pt idx="1793">
                  <c:v>13.580500000000001</c:v>
                </c:pt>
                <c:pt idx="1794">
                  <c:v>12.9474</c:v>
                </c:pt>
                <c:pt idx="1795">
                  <c:v>12.961</c:v>
                </c:pt>
                <c:pt idx="1796">
                  <c:v>13.7072</c:v>
                </c:pt>
                <c:pt idx="1797">
                  <c:v>13.726000000000001</c:v>
                </c:pt>
                <c:pt idx="1798">
                  <c:v>13.739100000000001</c:v>
                </c:pt>
                <c:pt idx="1799">
                  <c:v>13.7453</c:v>
                </c:pt>
                <c:pt idx="1800">
                  <c:v>13.7502</c:v>
                </c:pt>
                <c:pt idx="1801">
                  <c:v>13.750999999999999</c:v>
                </c:pt>
                <c:pt idx="1802">
                  <c:v>13.750999999999999</c:v>
                </c:pt>
                <c:pt idx="1803">
                  <c:v>13.747299999999999</c:v>
                </c:pt>
                <c:pt idx="1804">
                  <c:v>13.580500000000001</c:v>
                </c:pt>
                <c:pt idx="1805">
                  <c:v>12.9474</c:v>
                </c:pt>
                <c:pt idx="1806">
                  <c:v>12.961</c:v>
                </c:pt>
                <c:pt idx="1807">
                  <c:v>13.7072</c:v>
                </c:pt>
                <c:pt idx="1808">
                  <c:v>13.726000000000001</c:v>
                </c:pt>
                <c:pt idx="1809">
                  <c:v>13.739100000000001</c:v>
                </c:pt>
                <c:pt idx="1810">
                  <c:v>13.7453</c:v>
                </c:pt>
                <c:pt idx="1811">
                  <c:v>13.7502</c:v>
                </c:pt>
                <c:pt idx="1812">
                  <c:v>13.750999999999999</c:v>
                </c:pt>
                <c:pt idx="1813">
                  <c:v>13.750999999999999</c:v>
                </c:pt>
                <c:pt idx="1814">
                  <c:v>13.747299999999999</c:v>
                </c:pt>
                <c:pt idx="1815">
                  <c:v>13.580500000000001</c:v>
                </c:pt>
                <c:pt idx="1816">
                  <c:v>12.9474</c:v>
                </c:pt>
                <c:pt idx="1817">
                  <c:v>12.961</c:v>
                </c:pt>
                <c:pt idx="1818">
                  <c:v>13.7072</c:v>
                </c:pt>
                <c:pt idx="1819">
                  <c:v>13.726000000000001</c:v>
                </c:pt>
                <c:pt idx="1820">
                  <c:v>13.739100000000001</c:v>
                </c:pt>
                <c:pt idx="1821">
                  <c:v>13.7453</c:v>
                </c:pt>
                <c:pt idx="1822">
                  <c:v>13.7502</c:v>
                </c:pt>
                <c:pt idx="1823">
                  <c:v>13.750999999999999</c:v>
                </c:pt>
                <c:pt idx="1824">
                  <c:v>13.750999999999999</c:v>
                </c:pt>
                <c:pt idx="1825">
                  <c:v>13.747299999999999</c:v>
                </c:pt>
                <c:pt idx="1826">
                  <c:v>13.580500000000001</c:v>
                </c:pt>
                <c:pt idx="1827">
                  <c:v>12.9474</c:v>
                </c:pt>
                <c:pt idx="1828">
                  <c:v>12.961</c:v>
                </c:pt>
                <c:pt idx="1829">
                  <c:v>13.7072</c:v>
                </c:pt>
                <c:pt idx="1830">
                  <c:v>13.726000000000001</c:v>
                </c:pt>
                <c:pt idx="1831">
                  <c:v>13.739100000000001</c:v>
                </c:pt>
                <c:pt idx="1832">
                  <c:v>13.7453</c:v>
                </c:pt>
                <c:pt idx="1833">
                  <c:v>13.7502</c:v>
                </c:pt>
                <c:pt idx="1834">
                  <c:v>13.750999999999999</c:v>
                </c:pt>
                <c:pt idx="1835">
                  <c:v>13.750999999999999</c:v>
                </c:pt>
                <c:pt idx="1836">
                  <c:v>13.747299999999999</c:v>
                </c:pt>
                <c:pt idx="1837">
                  <c:v>13.580500000000001</c:v>
                </c:pt>
                <c:pt idx="1838">
                  <c:v>12.9474</c:v>
                </c:pt>
                <c:pt idx="1839">
                  <c:v>12.961</c:v>
                </c:pt>
                <c:pt idx="1840">
                  <c:v>13.7072</c:v>
                </c:pt>
                <c:pt idx="1841">
                  <c:v>13.726000000000001</c:v>
                </c:pt>
                <c:pt idx="1842">
                  <c:v>13.739100000000001</c:v>
                </c:pt>
                <c:pt idx="1843">
                  <c:v>13.7453</c:v>
                </c:pt>
                <c:pt idx="1844">
                  <c:v>13.7502</c:v>
                </c:pt>
                <c:pt idx="1845">
                  <c:v>13.750999999999999</c:v>
                </c:pt>
                <c:pt idx="1846">
                  <c:v>13.750999999999999</c:v>
                </c:pt>
                <c:pt idx="1847">
                  <c:v>13.747299999999999</c:v>
                </c:pt>
                <c:pt idx="1848">
                  <c:v>60.465899999999998</c:v>
                </c:pt>
                <c:pt idx="1849">
                  <c:v>74.974500000000006</c:v>
                </c:pt>
                <c:pt idx="1850">
                  <c:v>86.540300000000002</c:v>
                </c:pt>
                <c:pt idx="1851">
                  <c:v>95.960300000000004</c:v>
                </c:pt>
                <c:pt idx="1852">
                  <c:v>99.76</c:v>
                </c:pt>
                <c:pt idx="1853">
                  <c:v>103.608</c:v>
                </c:pt>
                <c:pt idx="1854">
                  <c:v>106.158</c:v>
                </c:pt>
                <c:pt idx="1855">
                  <c:v>107.991</c:v>
                </c:pt>
                <c:pt idx="1856">
                  <c:v>108.18</c:v>
                </c:pt>
                <c:pt idx="1857">
                  <c:v>111.419</c:v>
                </c:pt>
                <c:pt idx="1858">
                  <c:v>110.76</c:v>
                </c:pt>
                <c:pt idx="1859">
                  <c:v>32.992199999999997</c:v>
                </c:pt>
                <c:pt idx="1860">
                  <c:v>42.511099999999999</c:v>
                </c:pt>
                <c:pt idx="1861">
                  <c:v>48.773600000000002</c:v>
                </c:pt>
                <c:pt idx="1862">
                  <c:v>59.424100000000003</c:v>
                </c:pt>
                <c:pt idx="1863">
                  <c:v>68.033299999999997</c:v>
                </c:pt>
                <c:pt idx="1864">
                  <c:v>73.389099999999999</c:v>
                </c:pt>
                <c:pt idx="1865">
                  <c:v>77.021799999999999</c:v>
                </c:pt>
                <c:pt idx="1866">
                  <c:v>78.334900000000005</c:v>
                </c:pt>
                <c:pt idx="1867">
                  <c:v>81.763499999999993</c:v>
                </c:pt>
                <c:pt idx="1868">
                  <c:v>83.320400000000006</c:v>
                </c:pt>
                <c:pt idx="1869">
                  <c:v>85.382999999999996</c:v>
                </c:pt>
                <c:pt idx="1870">
                  <c:v>15.187900000000001</c:v>
                </c:pt>
                <c:pt idx="1871">
                  <c:v>17.122499999999999</c:v>
                </c:pt>
                <c:pt idx="1872">
                  <c:v>20.419599999999999</c:v>
                </c:pt>
                <c:pt idx="1873">
                  <c:v>26.1617</c:v>
                </c:pt>
                <c:pt idx="1874">
                  <c:v>30.361899999999999</c:v>
                </c:pt>
                <c:pt idx="1875">
                  <c:v>35.336500000000001</c:v>
                </c:pt>
                <c:pt idx="1876">
                  <c:v>39.792099999999998</c:v>
                </c:pt>
                <c:pt idx="1877">
                  <c:v>41.689500000000002</c:v>
                </c:pt>
                <c:pt idx="1878">
                  <c:v>45.142699999999998</c:v>
                </c:pt>
                <c:pt idx="1879">
                  <c:v>47.331200000000003</c:v>
                </c:pt>
                <c:pt idx="1880">
                  <c:v>48.947000000000003</c:v>
                </c:pt>
                <c:pt idx="1881">
                  <c:v>11.4657</c:v>
                </c:pt>
                <c:pt idx="1882">
                  <c:v>12.131600000000001</c:v>
                </c:pt>
                <c:pt idx="1883">
                  <c:v>11.943899999999999</c:v>
                </c:pt>
                <c:pt idx="1884">
                  <c:v>11.645799999999999</c:v>
                </c:pt>
                <c:pt idx="1885">
                  <c:v>11.2128</c:v>
                </c:pt>
                <c:pt idx="1886">
                  <c:v>11.300800000000001</c:v>
                </c:pt>
                <c:pt idx="1887">
                  <c:v>13.1701</c:v>
                </c:pt>
                <c:pt idx="1888">
                  <c:v>14.8169</c:v>
                </c:pt>
                <c:pt idx="1889">
                  <c:v>16.106000000000002</c:v>
                </c:pt>
                <c:pt idx="1890">
                  <c:v>16.6172</c:v>
                </c:pt>
                <c:pt idx="1891">
                  <c:v>17.999199999999998</c:v>
                </c:pt>
                <c:pt idx="1892">
                  <c:v>13.580500000000001</c:v>
                </c:pt>
                <c:pt idx="1893">
                  <c:v>12.8447</c:v>
                </c:pt>
                <c:pt idx="1894">
                  <c:v>12.911199999999999</c:v>
                </c:pt>
                <c:pt idx="1895">
                  <c:v>13.7072</c:v>
                </c:pt>
                <c:pt idx="1896">
                  <c:v>13.726000000000001</c:v>
                </c:pt>
                <c:pt idx="1897">
                  <c:v>13.739100000000001</c:v>
                </c:pt>
                <c:pt idx="1898">
                  <c:v>13.7453</c:v>
                </c:pt>
                <c:pt idx="1899">
                  <c:v>13.7502</c:v>
                </c:pt>
                <c:pt idx="1900">
                  <c:v>13.750999999999999</c:v>
                </c:pt>
                <c:pt idx="1901">
                  <c:v>13.750999999999999</c:v>
                </c:pt>
                <c:pt idx="1902">
                  <c:v>13.747299999999999</c:v>
                </c:pt>
                <c:pt idx="1903">
                  <c:v>13.580500000000001</c:v>
                </c:pt>
                <c:pt idx="1904">
                  <c:v>12.9474</c:v>
                </c:pt>
                <c:pt idx="1905">
                  <c:v>12.961</c:v>
                </c:pt>
                <c:pt idx="1906">
                  <c:v>13.7072</c:v>
                </c:pt>
                <c:pt idx="1907">
                  <c:v>13.726000000000001</c:v>
                </c:pt>
                <c:pt idx="1908">
                  <c:v>13.739100000000001</c:v>
                </c:pt>
                <c:pt idx="1909">
                  <c:v>13.7453</c:v>
                </c:pt>
                <c:pt idx="1910">
                  <c:v>13.7502</c:v>
                </c:pt>
                <c:pt idx="1911">
                  <c:v>13.750999999999999</c:v>
                </c:pt>
                <c:pt idx="1912">
                  <c:v>13.750999999999999</c:v>
                </c:pt>
                <c:pt idx="1913">
                  <c:v>13.747299999999999</c:v>
                </c:pt>
                <c:pt idx="1914">
                  <c:v>13.580500000000001</c:v>
                </c:pt>
                <c:pt idx="1915">
                  <c:v>12.9474</c:v>
                </c:pt>
                <c:pt idx="1916">
                  <c:v>12.961</c:v>
                </c:pt>
                <c:pt idx="1917">
                  <c:v>13.7072</c:v>
                </c:pt>
                <c:pt idx="1918">
                  <c:v>13.726000000000001</c:v>
                </c:pt>
                <c:pt idx="1919">
                  <c:v>13.739100000000001</c:v>
                </c:pt>
                <c:pt idx="1920">
                  <c:v>13.7453</c:v>
                </c:pt>
                <c:pt idx="1921">
                  <c:v>13.7502</c:v>
                </c:pt>
                <c:pt idx="1922">
                  <c:v>13.750999999999999</c:v>
                </c:pt>
                <c:pt idx="1923">
                  <c:v>13.750999999999999</c:v>
                </c:pt>
                <c:pt idx="1924">
                  <c:v>13.747299999999999</c:v>
                </c:pt>
                <c:pt idx="1925">
                  <c:v>13.580500000000001</c:v>
                </c:pt>
                <c:pt idx="1926">
                  <c:v>12.9474</c:v>
                </c:pt>
                <c:pt idx="1927">
                  <c:v>12.961</c:v>
                </c:pt>
                <c:pt idx="1928">
                  <c:v>13.7072</c:v>
                </c:pt>
                <c:pt idx="1929">
                  <c:v>13.726000000000001</c:v>
                </c:pt>
                <c:pt idx="1930">
                  <c:v>13.739100000000001</c:v>
                </c:pt>
                <c:pt idx="1931">
                  <c:v>13.7453</c:v>
                </c:pt>
                <c:pt idx="1932">
                  <c:v>13.7502</c:v>
                </c:pt>
                <c:pt idx="1933">
                  <c:v>13.750999999999999</c:v>
                </c:pt>
                <c:pt idx="1934">
                  <c:v>13.750999999999999</c:v>
                </c:pt>
                <c:pt idx="1935">
                  <c:v>13.747299999999999</c:v>
                </c:pt>
                <c:pt idx="1936">
                  <c:v>13.580500000000001</c:v>
                </c:pt>
                <c:pt idx="1937">
                  <c:v>12.9474</c:v>
                </c:pt>
                <c:pt idx="1938">
                  <c:v>12.961</c:v>
                </c:pt>
                <c:pt idx="1939">
                  <c:v>13.7072</c:v>
                </c:pt>
                <c:pt idx="1940">
                  <c:v>13.726000000000001</c:v>
                </c:pt>
                <c:pt idx="1941">
                  <c:v>13.739100000000001</c:v>
                </c:pt>
                <c:pt idx="1942">
                  <c:v>13.7453</c:v>
                </c:pt>
                <c:pt idx="1943">
                  <c:v>13.7502</c:v>
                </c:pt>
                <c:pt idx="1944">
                  <c:v>13.750999999999999</c:v>
                </c:pt>
                <c:pt idx="1945">
                  <c:v>13.750999999999999</c:v>
                </c:pt>
                <c:pt idx="1946">
                  <c:v>13.747299999999999</c:v>
                </c:pt>
                <c:pt idx="1947">
                  <c:v>13.580500000000001</c:v>
                </c:pt>
                <c:pt idx="1948">
                  <c:v>12.9474</c:v>
                </c:pt>
                <c:pt idx="1949">
                  <c:v>12.961</c:v>
                </c:pt>
                <c:pt idx="1950">
                  <c:v>13.7072</c:v>
                </c:pt>
                <c:pt idx="1951">
                  <c:v>13.726000000000001</c:v>
                </c:pt>
                <c:pt idx="1952">
                  <c:v>13.739100000000001</c:v>
                </c:pt>
                <c:pt idx="1953">
                  <c:v>13.7453</c:v>
                </c:pt>
                <c:pt idx="1954">
                  <c:v>13.7502</c:v>
                </c:pt>
                <c:pt idx="1955">
                  <c:v>13.750999999999999</c:v>
                </c:pt>
                <c:pt idx="1956">
                  <c:v>13.750999999999999</c:v>
                </c:pt>
                <c:pt idx="1957">
                  <c:v>13.747299999999999</c:v>
                </c:pt>
                <c:pt idx="1958">
                  <c:v>13.580500000000001</c:v>
                </c:pt>
                <c:pt idx="1959">
                  <c:v>12.9474</c:v>
                </c:pt>
                <c:pt idx="1960">
                  <c:v>12.961</c:v>
                </c:pt>
                <c:pt idx="1961">
                  <c:v>13.7072</c:v>
                </c:pt>
                <c:pt idx="1962">
                  <c:v>13.726000000000001</c:v>
                </c:pt>
                <c:pt idx="1963">
                  <c:v>13.739100000000001</c:v>
                </c:pt>
                <c:pt idx="1964">
                  <c:v>13.7453</c:v>
                </c:pt>
                <c:pt idx="1965">
                  <c:v>13.7502</c:v>
                </c:pt>
                <c:pt idx="1966">
                  <c:v>13.750999999999999</c:v>
                </c:pt>
                <c:pt idx="1967">
                  <c:v>13.750999999999999</c:v>
                </c:pt>
                <c:pt idx="1968">
                  <c:v>13.747299999999999</c:v>
                </c:pt>
                <c:pt idx="1969">
                  <c:v>13.580500000000001</c:v>
                </c:pt>
                <c:pt idx="1970">
                  <c:v>12.9474</c:v>
                </c:pt>
                <c:pt idx="1971">
                  <c:v>12.961</c:v>
                </c:pt>
                <c:pt idx="1972">
                  <c:v>13.7072</c:v>
                </c:pt>
                <c:pt idx="1973">
                  <c:v>13.726000000000001</c:v>
                </c:pt>
                <c:pt idx="1974">
                  <c:v>13.739100000000001</c:v>
                </c:pt>
                <c:pt idx="1975">
                  <c:v>13.7453</c:v>
                </c:pt>
                <c:pt idx="1976">
                  <c:v>13.7502</c:v>
                </c:pt>
                <c:pt idx="1977">
                  <c:v>13.750999999999999</c:v>
                </c:pt>
                <c:pt idx="1978">
                  <c:v>13.750999999999999</c:v>
                </c:pt>
                <c:pt idx="1979">
                  <c:v>13.747299999999999</c:v>
                </c:pt>
                <c:pt idx="1980">
                  <c:v>60.465899999999998</c:v>
                </c:pt>
                <c:pt idx="1981">
                  <c:v>74.974500000000006</c:v>
                </c:pt>
                <c:pt idx="1982">
                  <c:v>83.3797</c:v>
                </c:pt>
                <c:pt idx="1983">
                  <c:v>94.717500000000001</c:v>
                </c:pt>
                <c:pt idx="1984">
                  <c:v>100.626</c:v>
                </c:pt>
                <c:pt idx="1985">
                  <c:v>105.399</c:v>
                </c:pt>
                <c:pt idx="1986">
                  <c:v>104.81399999999999</c:v>
                </c:pt>
                <c:pt idx="1987">
                  <c:v>107.343</c:v>
                </c:pt>
                <c:pt idx="1988">
                  <c:v>110.03100000000001</c:v>
                </c:pt>
                <c:pt idx="1989">
                  <c:v>113.714</c:v>
                </c:pt>
                <c:pt idx="1990">
                  <c:v>111.495</c:v>
                </c:pt>
                <c:pt idx="1991">
                  <c:v>32.992199999999997</c:v>
                </c:pt>
                <c:pt idx="1992">
                  <c:v>42.511099999999999</c:v>
                </c:pt>
                <c:pt idx="1993">
                  <c:v>47.669600000000003</c:v>
                </c:pt>
                <c:pt idx="1994">
                  <c:v>56.441600000000001</c:v>
                </c:pt>
                <c:pt idx="1995">
                  <c:v>66.024000000000001</c:v>
                </c:pt>
                <c:pt idx="1996">
                  <c:v>72.462699999999998</c:v>
                </c:pt>
                <c:pt idx="1997">
                  <c:v>77.610500000000002</c:v>
                </c:pt>
                <c:pt idx="1998">
                  <c:v>79.305800000000005</c:v>
                </c:pt>
                <c:pt idx="1999">
                  <c:v>83.496099999999998</c:v>
                </c:pt>
                <c:pt idx="2000">
                  <c:v>85.571200000000005</c:v>
                </c:pt>
                <c:pt idx="2001">
                  <c:v>87.960300000000004</c:v>
                </c:pt>
                <c:pt idx="2002">
                  <c:v>15.187900000000001</c:v>
                </c:pt>
                <c:pt idx="2003">
                  <c:v>17.122499999999999</c:v>
                </c:pt>
                <c:pt idx="2004">
                  <c:v>19.802199999999999</c:v>
                </c:pt>
                <c:pt idx="2005">
                  <c:v>24.051100000000002</c:v>
                </c:pt>
                <c:pt idx="2006">
                  <c:v>28.529399999999999</c:v>
                </c:pt>
                <c:pt idx="2007">
                  <c:v>33.488999999999997</c:v>
                </c:pt>
                <c:pt idx="2008">
                  <c:v>38.6111</c:v>
                </c:pt>
                <c:pt idx="2009">
                  <c:v>41.028199999999998</c:v>
                </c:pt>
                <c:pt idx="2010">
                  <c:v>44.963500000000003</c:v>
                </c:pt>
                <c:pt idx="2011">
                  <c:v>47.220399999999998</c:v>
                </c:pt>
                <c:pt idx="2012">
                  <c:v>49.111699999999999</c:v>
                </c:pt>
                <c:pt idx="2013">
                  <c:v>11.4657</c:v>
                </c:pt>
                <c:pt idx="2014">
                  <c:v>12.131600000000001</c:v>
                </c:pt>
                <c:pt idx="2015">
                  <c:v>11.943899999999999</c:v>
                </c:pt>
                <c:pt idx="2016">
                  <c:v>11.645799999999999</c:v>
                </c:pt>
                <c:pt idx="2017">
                  <c:v>11.2128</c:v>
                </c:pt>
                <c:pt idx="2018">
                  <c:v>10.815099999999999</c:v>
                </c:pt>
                <c:pt idx="2019">
                  <c:v>12.037800000000001</c:v>
                </c:pt>
                <c:pt idx="2020">
                  <c:v>13.764699999999999</c:v>
                </c:pt>
                <c:pt idx="2021">
                  <c:v>15.783200000000001</c:v>
                </c:pt>
                <c:pt idx="2022">
                  <c:v>17.011600000000001</c:v>
                </c:pt>
                <c:pt idx="2023">
                  <c:v>18.254899999999999</c:v>
                </c:pt>
                <c:pt idx="2024">
                  <c:v>13.580500000000001</c:v>
                </c:pt>
                <c:pt idx="2025">
                  <c:v>12.8447</c:v>
                </c:pt>
                <c:pt idx="2026">
                  <c:v>12.911199999999999</c:v>
                </c:pt>
                <c:pt idx="2027">
                  <c:v>13.7072</c:v>
                </c:pt>
                <c:pt idx="2028">
                  <c:v>13.726000000000001</c:v>
                </c:pt>
                <c:pt idx="2029">
                  <c:v>13.739100000000001</c:v>
                </c:pt>
                <c:pt idx="2030">
                  <c:v>13.7453</c:v>
                </c:pt>
                <c:pt idx="2031">
                  <c:v>13.7502</c:v>
                </c:pt>
                <c:pt idx="2032">
                  <c:v>13.750999999999999</c:v>
                </c:pt>
                <c:pt idx="2033">
                  <c:v>13.750999999999999</c:v>
                </c:pt>
                <c:pt idx="2034">
                  <c:v>13.747299999999999</c:v>
                </c:pt>
                <c:pt idx="2035">
                  <c:v>13.580500000000001</c:v>
                </c:pt>
                <c:pt idx="2036">
                  <c:v>12.9474</c:v>
                </c:pt>
                <c:pt idx="2037">
                  <c:v>12.961</c:v>
                </c:pt>
                <c:pt idx="2038">
                  <c:v>13.7072</c:v>
                </c:pt>
                <c:pt idx="2039">
                  <c:v>13.726000000000001</c:v>
                </c:pt>
                <c:pt idx="2040">
                  <c:v>13.739100000000001</c:v>
                </c:pt>
                <c:pt idx="2041">
                  <c:v>13.7453</c:v>
                </c:pt>
                <c:pt idx="2042">
                  <c:v>13.7502</c:v>
                </c:pt>
                <c:pt idx="2043">
                  <c:v>13.750999999999999</c:v>
                </c:pt>
                <c:pt idx="2044">
                  <c:v>13.750999999999999</c:v>
                </c:pt>
                <c:pt idx="2045">
                  <c:v>13.747299999999999</c:v>
                </c:pt>
                <c:pt idx="2046">
                  <c:v>13.580500000000001</c:v>
                </c:pt>
                <c:pt idx="2047">
                  <c:v>12.9474</c:v>
                </c:pt>
                <c:pt idx="2048">
                  <c:v>12.961</c:v>
                </c:pt>
                <c:pt idx="2049">
                  <c:v>13.7072</c:v>
                </c:pt>
                <c:pt idx="2050">
                  <c:v>13.726000000000001</c:v>
                </c:pt>
                <c:pt idx="2051">
                  <c:v>13.739100000000001</c:v>
                </c:pt>
                <c:pt idx="2052">
                  <c:v>13.7453</c:v>
                </c:pt>
                <c:pt idx="2053">
                  <c:v>13.7502</c:v>
                </c:pt>
                <c:pt idx="2054">
                  <c:v>13.750999999999999</c:v>
                </c:pt>
                <c:pt idx="2055">
                  <c:v>13.750999999999999</c:v>
                </c:pt>
                <c:pt idx="2056">
                  <c:v>13.747299999999999</c:v>
                </c:pt>
                <c:pt idx="2057">
                  <c:v>13.580500000000001</c:v>
                </c:pt>
                <c:pt idx="2058">
                  <c:v>12.9474</c:v>
                </c:pt>
                <c:pt idx="2059">
                  <c:v>12.961</c:v>
                </c:pt>
                <c:pt idx="2060">
                  <c:v>13.7072</c:v>
                </c:pt>
                <c:pt idx="2061">
                  <c:v>13.726000000000001</c:v>
                </c:pt>
                <c:pt idx="2062">
                  <c:v>13.739100000000001</c:v>
                </c:pt>
                <c:pt idx="2063">
                  <c:v>13.7453</c:v>
                </c:pt>
                <c:pt idx="2064">
                  <c:v>13.7502</c:v>
                </c:pt>
                <c:pt idx="2065">
                  <c:v>13.750999999999999</c:v>
                </c:pt>
                <c:pt idx="2066">
                  <c:v>13.750999999999999</c:v>
                </c:pt>
                <c:pt idx="2067">
                  <c:v>13.747299999999999</c:v>
                </c:pt>
                <c:pt idx="2068">
                  <c:v>13.580500000000001</c:v>
                </c:pt>
                <c:pt idx="2069">
                  <c:v>12.9474</c:v>
                </c:pt>
                <c:pt idx="2070">
                  <c:v>12.961</c:v>
                </c:pt>
                <c:pt idx="2071">
                  <c:v>13.7072</c:v>
                </c:pt>
                <c:pt idx="2072">
                  <c:v>13.726000000000001</c:v>
                </c:pt>
                <c:pt idx="2073">
                  <c:v>13.739100000000001</c:v>
                </c:pt>
                <c:pt idx="2074">
                  <c:v>13.7453</c:v>
                </c:pt>
                <c:pt idx="2075">
                  <c:v>13.7502</c:v>
                </c:pt>
                <c:pt idx="2076">
                  <c:v>13.750999999999999</c:v>
                </c:pt>
                <c:pt idx="2077">
                  <c:v>13.750999999999999</c:v>
                </c:pt>
                <c:pt idx="2078">
                  <c:v>13.747299999999999</c:v>
                </c:pt>
                <c:pt idx="2079">
                  <c:v>13.580500000000001</c:v>
                </c:pt>
                <c:pt idx="2080">
                  <c:v>12.9474</c:v>
                </c:pt>
                <c:pt idx="2081">
                  <c:v>12.961</c:v>
                </c:pt>
                <c:pt idx="2082">
                  <c:v>13.7072</c:v>
                </c:pt>
                <c:pt idx="2083">
                  <c:v>13.726000000000001</c:v>
                </c:pt>
                <c:pt idx="2084">
                  <c:v>13.739100000000001</c:v>
                </c:pt>
                <c:pt idx="2085">
                  <c:v>13.7453</c:v>
                </c:pt>
                <c:pt idx="2086">
                  <c:v>13.7502</c:v>
                </c:pt>
                <c:pt idx="2087">
                  <c:v>13.750999999999999</c:v>
                </c:pt>
                <c:pt idx="2088">
                  <c:v>13.750999999999999</c:v>
                </c:pt>
                <c:pt idx="2089">
                  <c:v>13.747299999999999</c:v>
                </c:pt>
                <c:pt idx="2090">
                  <c:v>13.580500000000001</c:v>
                </c:pt>
                <c:pt idx="2091">
                  <c:v>12.9474</c:v>
                </c:pt>
                <c:pt idx="2092">
                  <c:v>12.961</c:v>
                </c:pt>
                <c:pt idx="2093">
                  <c:v>13.7072</c:v>
                </c:pt>
                <c:pt idx="2094">
                  <c:v>13.726000000000001</c:v>
                </c:pt>
                <c:pt idx="2095">
                  <c:v>13.739100000000001</c:v>
                </c:pt>
                <c:pt idx="2096">
                  <c:v>13.7453</c:v>
                </c:pt>
                <c:pt idx="2097">
                  <c:v>13.7502</c:v>
                </c:pt>
                <c:pt idx="2098">
                  <c:v>13.750999999999999</c:v>
                </c:pt>
                <c:pt idx="2099">
                  <c:v>13.750999999999999</c:v>
                </c:pt>
                <c:pt idx="2100">
                  <c:v>13.747299999999999</c:v>
                </c:pt>
                <c:pt idx="2101">
                  <c:v>13.580500000000001</c:v>
                </c:pt>
                <c:pt idx="2102">
                  <c:v>12.9474</c:v>
                </c:pt>
                <c:pt idx="2103">
                  <c:v>12.961</c:v>
                </c:pt>
                <c:pt idx="2104">
                  <c:v>13.7072</c:v>
                </c:pt>
                <c:pt idx="2105">
                  <c:v>13.726000000000001</c:v>
                </c:pt>
                <c:pt idx="2106">
                  <c:v>13.739100000000001</c:v>
                </c:pt>
                <c:pt idx="2107">
                  <c:v>13.7453</c:v>
                </c:pt>
                <c:pt idx="2108">
                  <c:v>13.7502</c:v>
                </c:pt>
                <c:pt idx="2109">
                  <c:v>13.750999999999999</c:v>
                </c:pt>
                <c:pt idx="2110">
                  <c:v>13.750999999999999</c:v>
                </c:pt>
                <c:pt idx="2111">
                  <c:v>13.747299999999999</c:v>
                </c:pt>
                <c:pt idx="2112">
                  <c:v>60.465899999999998</c:v>
                </c:pt>
                <c:pt idx="2113">
                  <c:v>74.974500000000006</c:v>
                </c:pt>
                <c:pt idx="2114">
                  <c:v>83.082999999999998</c:v>
                </c:pt>
                <c:pt idx="2115">
                  <c:v>91.706699999999998</c:v>
                </c:pt>
                <c:pt idx="2116">
                  <c:v>99.440600000000003</c:v>
                </c:pt>
                <c:pt idx="2117">
                  <c:v>105.32</c:v>
                </c:pt>
                <c:pt idx="2118">
                  <c:v>109.723</c:v>
                </c:pt>
                <c:pt idx="2119">
                  <c:v>110.756</c:v>
                </c:pt>
                <c:pt idx="2120">
                  <c:v>114.544</c:v>
                </c:pt>
                <c:pt idx="2121">
                  <c:v>112.416</c:v>
                </c:pt>
                <c:pt idx="2122">
                  <c:v>116.553</c:v>
                </c:pt>
                <c:pt idx="2123">
                  <c:v>32.992199999999997</c:v>
                </c:pt>
                <c:pt idx="2124">
                  <c:v>42.511099999999999</c:v>
                </c:pt>
                <c:pt idx="2125">
                  <c:v>47.669600000000003</c:v>
                </c:pt>
                <c:pt idx="2126">
                  <c:v>55.031399999999998</c:v>
                </c:pt>
                <c:pt idx="2127">
                  <c:v>63.0124</c:v>
                </c:pt>
                <c:pt idx="2128">
                  <c:v>69.906700000000001</c:v>
                </c:pt>
                <c:pt idx="2129">
                  <c:v>72.180099999999996</c:v>
                </c:pt>
                <c:pt idx="2130">
                  <c:v>78.849000000000004</c:v>
                </c:pt>
                <c:pt idx="2131">
                  <c:v>84.458299999999994</c:v>
                </c:pt>
                <c:pt idx="2132">
                  <c:v>86.182000000000002</c:v>
                </c:pt>
                <c:pt idx="2133">
                  <c:v>89.238</c:v>
                </c:pt>
                <c:pt idx="2134">
                  <c:v>15.187900000000001</c:v>
                </c:pt>
                <c:pt idx="2135">
                  <c:v>17.122499999999999</c:v>
                </c:pt>
                <c:pt idx="2136">
                  <c:v>19.802199999999999</c:v>
                </c:pt>
                <c:pt idx="2137">
                  <c:v>22.1754</c:v>
                </c:pt>
                <c:pt idx="2138">
                  <c:v>26.117999999999999</c:v>
                </c:pt>
                <c:pt idx="2139">
                  <c:v>31.844100000000001</c:v>
                </c:pt>
                <c:pt idx="2140">
                  <c:v>35.152200000000001</c:v>
                </c:pt>
                <c:pt idx="2141">
                  <c:v>39.867699999999999</c:v>
                </c:pt>
                <c:pt idx="2142">
                  <c:v>43.55</c:v>
                </c:pt>
                <c:pt idx="2143">
                  <c:v>46.043799999999997</c:v>
                </c:pt>
                <c:pt idx="2144">
                  <c:v>48.321899999999999</c:v>
                </c:pt>
                <c:pt idx="2145">
                  <c:v>11.4657</c:v>
                </c:pt>
                <c:pt idx="2146">
                  <c:v>12.131600000000001</c:v>
                </c:pt>
                <c:pt idx="2147">
                  <c:v>11.943899999999999</c:v>
                </c:pt>
                <c:pt idx="2148">
                  <c:v>11.645799999999999</c:v>
                </c:pt>
                <c:pt idx="2149">
                  <c:v>11.2128</c:v>
                </c:pt>
                <c:pt idx="2150">
                  <c:v>10.815099999999999</c:v>
                </c:pt>
                <c:pt idx="2151">
                  <c:v>11.506</c:v>
                </c:pt>
                <c:pt idx="2152">
                  <c:v>12.7974</c:v>
                </c:pt>
                <c:pt idx="2153">
                  <c:v>15.252800000000001</c:v>
                </c:pt>
                <c:pt idx="2154">
                  <c:v>16.5244</c:v>
                </c:pt>
                <c:pt idx="2155">
                  <c:v>17.258600000000001</c:v>
                </c:pt>
                <c:pt idx="2156">
                  <c:v>13.580500000000001</c:v>
                </c:pt>
                <c:pt idx="2157">
                  <c:v>12.8447</c:v>
                </c:pt>
                <c:pt idx="2158">
                  <c:v>12.911199999999999</c:v>
                </c:pt>
                <c:pt idx="2159">
                  <c:v>13.7072</c:v>
                </c:pt>
                <c:pt idx="2160">
                  <c:v>13.726000000000001</c:v>
                </c:pt>
                <c:pt idx="2161">
                  <c:v>13.739100000000001</c:v>
                </c:pt>
                <c:pt idx="2162">
                  <c:v>13.7453</c:v>
                </c:pt>
                <c:pt idx="2163">
                  <c:v>13.7502</c:v>
                </c:pt>
                <c:pt idx="2164">
                  <c:v>13.750999999999999</c:v>
                </c:pt>
                <c:pt idx="2165">
                  <c:v>13.750999999999999</c:v>
                </c:pt>
                <c:pt idx="2166">
                  <c:v>13.747299999999999</c:v>
                </c:pt>
                <c:pt idx="2167">
                  <c:v>13.580500000000001</c:v>
                </c:pt>
                <c:pt idx="2168">
                  <c:v>12.9474</c:v>
                </c:pt>
                <c:pt idx="2169">
                  <c:v>12.961</c:v>
                </c:pt>
                <c:pt idx="2170">
                  <c:v>13.7072</c:v>
                </c:pt>
                <c:pt idx="2171">
                  <c:v>13.726000000000001</c:v>
                </c:pt>
                <c:pt idx="2172">
                  <c:v>13.739100000000001</c:v>
                </c:pt>
                <c:pt idx="2173">
                  <c:v>13.7453</c:v>
                </c:pt>
                <c:pt idx="2174">
                  <c:v>13.7502</c:v>
                </c:pt>
                <c:pt idx="2175">
                  <c:v>13.750999999999999</c:v>
                </c:pt>
                <c:pt idx="2176">
                  <c:v>13.750999999999999</c:v>
                </c:pt>
                <c:pt idx="2177">
                  <c:v>13.747299999999999</c:v>
                </c:pt>
                <c:pt idx="2178">
                  <c:v>13.580500000000001</c:v>
                </c:pt>
                <c:pt idx="2179">
                  <c:v>12.9474</c:v>
                </c:pt>
                <c:pt idx="2180">
                  <c:v>12.961</c:v>
                </c:pt>
                <c:pt idx="2181">
                  <c:v>13.7072</c:v>
                </c:pt>
                <c:pt idx="2182">
                  <c:v>13.726000000000001</c:v>
                </c:pt>
                <c:pt idx="2183">
                  <c:v>13.739100000000001</c:v>
                </c:pt>
                <c:pt idx="2184">
                  <c:v>13.7453</c:v>
                </c:pt>
                <c:pt idx="2185">
                  <c:v>13.7502</c:v>
                </c:pt>
                <c:pt idx="2186">
                  <c:v>13.750999999999999</c:v>
                </c:pt>
                <c:pt idx="2187">
                  <c:v>13.750999999999999</c:v>
                </c:pt>
                <c:pt idx="2188">
                  <c:v>13.747299999999999</c:v>
                </c:pt>
                <c:pt idx="2189">
                  <c:v>13.580500000000001</c:v>
                </c:pt>
                <c:pt idx="2190">
                  <c:v>12.9474</c:v>
                </c:pt>
                <c:pt idx="2191">
                  <c:v>12.961</c:v>
                </c:pt>
                <c:pt idx="2192">
                  <c:v>13.7072</c:v>
                </c:pt>
                <c:pt idx="2193">
                  <c:v>13.726000000000001</c:v>
                </c:pt>
                <c:pt idx="2194">
                  <c:v>13.739100000000001</c:v>
                </c:pt>
                <c:pt idx="2195">
                  <c:v>13.7453</c:v>
                </c:pt>
                <c:pt idx="2196">
                  <c:v>13.7502</c:v>
                </c:pt>
                <c:pt idx="2197">
                  <c:v>13.750999999999999</c:v>
                </c:pt>
                <c:pt idx="2198">
                  <c:v>13.750999999999999</c:v>
                </c:pt>
                <c:pt idx="2199">
                  <c:v>13.747299999999999</c:v>
                </c:pt>
                <c:pt idx="2200">
                  <c:v>13.580500000000001</c:v>
                </c:pt>
                <c:pt idx="2201">
                  <c:v>12.9474</c:v>
                </c:pt>
                <c:pt idx="2202">
                  <c:v>12.961</c:v>
                </c:pt>
                <c:pt idx="2203">
                  <c:v>13.7072</c:v>
                </c:pt>
                <c:pt idx="2204">
                  <c:v>13.726000000000001</c:v>
                </c:pt>
                <c:pt idx="2205">
                  <c:v>13.739100000000001</c:v>
                </c:pt>
                <c:pt idx="2206">
                  <c:v>13.7453</c:v>
                </c:pt>
                <c:pt idx="2207">
                  <c:v>13.7502</c:v>
                </c:pt>
                <c:pt idx="2208">
                  <c:v>13.750999999999999</c:v>
                </c:pt>
                <c:pt idx="2209">
                  <c:v>13.750999999999999</c:v>
                </c:pt>
                <c:pt idx="2210">
                  <c:v>13.747299999999999</c:v>
                </c:pt>
                <c:pt idx="2211">
                  <c:v>13.580500000000001</c:v>
                </c:pt>
                <c:pt idx="2212">
                  <c:v>12.9474</c:v>
                </c:pt>
                <c:pt idx="2213">
                  <c:v>12.961</c:v>
                </c:pt>
                <c:pt idx="2214">
                  <c:v>13.7072</c:v>
                </c:pt>
                <c:pt idx="2215">
                  <c:v>13.726000000000001</c:v>
                </c:pt>
                <c:pt idx="2216">
                  <c:v>13.739100000000001</c:v>
                </c:pt>
                <c:pt idx="2217">
                  <c:v>13.7453</c:v>
                </c:pt>
                <c:pt idx="2218">
                  <c:v>13.7502</c:v>
                </c:pt>
                <c:pt idx="2219">
                  <c:v>13.750999999999999</c:v>
                </c:pt>
                <c:pt idx="2220">
                  <c:v>13.750999999999999</c:v>
                </c:pt>
                <c:pt idx="2221">
                  <c:v>13.747299999999999</c:v>
                </c:pt>
                <c:pt idx="2222">
                  <c:v>13.580500000000001</c:v>
                </c:pt>
                <c:pt idx="2223">
                  <c:v>12.9474</c:v>
                </c:pt>
                <c:pt idx="2224">
                  <c:v>12.961</c:v>
                </c:pt>
                <c:pt idx="2225">
                  <c:v>13.7072</c:v>
                </c:pt>
                <c:pt idx="2226">
                  <c:v>13.726000000000001</c:v>
                </c:pt>
                <c:pt idx="2227">
                  <c:v>13.739100000000001</c:v>
                </c:pt>
                <c:pt idx="2228">
                  <c:v>13.7453</c:v>
                </c:pt>
                <c:pt idx="2229">
                  <c:v>13.7502</c:v>
                </c:pt>
                <c:pt idx="2230">
                  <c:v>13.750999999999999</c:v>
                </c:pt>
                <c:pt idx="2231">
                  <c:v>13.750999999999999</c:v>
                </c:pt>
                <c:pt idx="2232">
                  <c:v>13.747299999999999</c:v>
                </c:pt>
                <c:pt idx="2233">
                  <c:v>13.580500000000001</c:v>
                </c:pt>
                <c:pt idx="2234">
                  <c:v>12.9474</c:v>
                </c:pt>
                <c:pt idx="2235">
                  <c:v>12.961</c:v>
                </c:pt>
                <c:pt idx="2236">
                  <c:v>13.7072</c:v>
                </c:pt>
                <c:pt idx="2237">
                  <c:v>13.726000000000001</c:v>
                </c:pt>
                <c:pt idx="2238">
                  <c:v>13.739100000000001</c:v>
                </c:pt>
                <c:pt idx="2239">
                  <c:v>13.7453</c:v>
                </c:pt>
                <c:pt idx="2240">
                  <c:v>13.7502</c:v>
                </c:pt>
                <c:pt idx="2241">
                  <c:v>13.750999999999999</c:v>
                </c:pt>
                <c:pt idx="2242">
                  <c:v>13.750999999999999</c:v>
                </c:pt>
                <c:pt idx="2243">
                  <c:v>13.747299999999999</c:v>
                </c:pt>
                <c:pt idx="2244">
                  <c:v>60.465899999999998</c:v>
                </c:pt>
                <c:pt idx="2245">
                  <c:v>74.974500000000006</c:v>
                </c:pt>
                <c:pt idx="2246">
                  <c:v>83.082999999999998</c:v>
                </c:pt>
                <c:pt idx="2247">
                  <c:v>90.424800000000005</c:v>
                </c:pt>
                <c:pt idx="2248">
                  <c:v>96.562600000000003</c:v>
                </c:pt>
                <c:pt idx="2249">
                  <c:v>103.626</c:v>
                </c:pt>
                <c:pt idx="2250">
                  <c:v>105.53100000000001</c:v>
                </c:pt>
                <c:pt idx="2251">
                  <c:v>109.277</c:v>
                </c:pt>
                <c:pt idx="2252">
                  <c:v>115.9</c:v>
                </c:pt>
                <c:pt idx="2253">
                  <c:v>112.746</c:v>
                </c:pt>
                <c:pt idx="2254">
                  <c:v>118.892</c:v>
                </c:pt>
                <c:pt idx="2255">
                  <c:v>32.992199999999997</c:v>
                </c:pt>
                <c:pt idx="2256">
                  <c:v>42.511099999999999</c:v>
                </c:pt>
                <c:pt idx="2257">
                  <c:v>47.669600000000003</c:v>
                </c:pt>
                <c:pt idx="2258">
                  <c:v>55.031399999999998</c:v>
                </c:pt>
                <c:pt idx="2259">
                  <c:v>61.273099999999999</c:v>
                </c:pt>
                <c:pt idx="2260">
                  <c:v>66.628</c:v>
                </c:pt>
                <c:pt idx="2261">
                  <c:v>71.398700000000005</c:v>
                </c:pt>
                <c:pt idx="2262">
                  <c:v>77.044399999999996</c:v>
                </c:pt>
                <c:pt idx="2263">
                  <c:v>83.2577</c:v>
                </c:pt>
                <c:pt idx="2264">
                  <c:v>85.692300000000003</c:v>
                </c:pt>
                <c:pt idx="2265">
                  <c:v>89.344300000000004</c:v>
                </c:pt>
                <c:pt idx="2266">
                  <c:v>15.187900000000001</c:v>
                </c:pt>
                <c:pt idx="2267">
                  <c:v>17.122499999999999</c:v>
                </c:pt>
                <c:pt idx="2268">
                  <c:v>19.802199999999999</c:v>
                </c:pt>
                <c:pt idx="2269">
                  <c:v>22.1754</c:v>
                </c:pt>
                <c:pt idx="2270">
                  <c:v>24.191099999999999</c:v>
                </c:pt>
                <c:pt idx="2271">
                  <c:v>29.560600000000001</c:v>
                </c:pt>
                <c:pt idx="2272">
                  <c:v>32.741399999999999</c:v>
                </c:pt>
                <c:pt idx="2273">
                  <c:v>37.994100000000003</c:v>
                </c:pt>
                <c:pt idx="2274">
                  <c:v>41.606000000000002</c:v>
                </c:pt>
                <c:pt idx="2275">
                  <c:v>43.7089</c:v>
                </c:pt>
                <c:pt idx="2276">
                  <c:v>47.271599999999999</c:v>
                </c:pt>
                <c:pt idx="2277">
                  <c:v>11.4657</c:v>
                </c:pt>
                <c:pt idx="2278">
                  <c:v>12.131600000000001</c:v>
                </c:pt>
                <c:pt idx="2279">
                  <c:v>11.943899999999999</c:v>
                </c:pt>
                <c:pt idx="2280">
                  <c:v>11.645799999999999</c:v>
                </c:pt>
                <c:pt idx="2281">
                  <c:v>11.2128</c:v>
                </c:pt>
                <c:pt idx="2282">
                  <c:v>10.815099999999999</c:v>
                </c:pt>
                <c:pt idx="2283">
                  <c:v>10.4466</c:v>
                </c:pt>
                <c:pt idx="2284">
                  <c:v>11.915699999999999</c:v>
                </c:pt>
                <c:pt idx="2285">
                  <c:v>14.585000000000001</c:v>
                </c:pt>
                <c:pt idx="2286">
                  <c:v>15.684900000000001</c:v>
                </c:pt>
                <c:pt idx="2287">
                  <c:v>16.8842</c:v>
                </c:pt>
                <c:pt idx="2288">
                  <c:v>13.580500000000001</c:v>
                </c:pt>
                <c:pt idx="2289">
                  <c:v>12.8447</c:v>
                </c:pt>
                <c:pt idx="2290">
                  <c:v>12.911199999999999</c:v>
                </c:pt>
                <c:pt idx="2291">
                  <c:v>13.7072</c:v>
                </c:pt>
                <c:pt idx="2292">
                  <c:v>13.726000000000001</c:v>
                </c:pt>
                <c:pt idx="2293">
                  <c:v>13.739100000000001</c:v>
                </c:pt>
                <c:pt idx="2294">
                  <c:v>13.7453</c:v>
                </c:pt>
                <c:pt idx="2295">
                  <c:v>13.7502</c:v>
                </c:pt>
                <c:pt idx="2296">
                  <c:v>13.750999999999999</c:v>
                </c:pt>
                <c:pt idx="2297">
                  <c:v>13.750999999999999</c:v>
                </c:pt>
                <c:pt idx="2298">
                  <c:v>13.747299999999999</c:v>
                </c:pt>
                <c:pt idx="2299">
                  <c:v>13.580500000000001</c:v>
                </c:pt>
                <c:pt idx="2300">
                  <c:v>12.9474</c:v>
                </c:pt>
                <c:pt idx="2301">
                  <c:v>12.961</c:v>
                </c:pt>
                <c:pt idx="2302">
                  <c:v>13.7072</c:v>
                </c:pt>
                <c:pt idx="2303">
                  <c:v>13.726000000000001</c:v>
                </c:pt>
                <c:pt idx="2304">
                  <c:v>13.739100000000001</c:v>
                </c:pt>
                <c:pt idx="2305">
                  <c:v>13.7453</c:v>
                </c:pt>
                <c:pt idx="2306">
                  <c:v>13.7502</c:v>
                </c:pt>
                <c:pt idx="2307">
                  <c:v>13.750999999999999</c:v>
                </c:pt>
                <c:pt idx="2308">
                  <c:v>13.750999999999999</c:v>
                </c:pt>
                <c:pt idx="2309">
                  <c:v>13.747299999999999</c:v>
                </c:pt>
                <c:pt idx="2310">
                  <c:v>13.580500000000001</c:v>
                </c:pt>
                <c:pt idx="2311">
                  <c:v>12.9474</c:v>
                </c:pt>
                <c:pt idx="2312">
                  <c:v>12.961</c:v>
                </c:pt>
                <c:pt idx="2313">
                  <c:v>13.7072</c:v>
                </c:pt>
                <c:pt idx="2314">
                  <c:v>13.726000000000001</c:v>
                </c:pt>
                <c:pt idx="2315">
                  <c:v>13.739100000000001</c:v>
                </c:pt>
                <c:pt idx="2316">
                  <c:v>13.7453</c:v>
                </c:pt>
                <c:pt idx="2317">
                  <c:v>13.7502</c:v>
                </c:pt>
                <c:pt idx="2318">
                  <c:v>13.750999999999999</c:v>
                </c:pt>
                <c:pt idx="2319">
                  <c:v>13.750999999999999</c:v>
                </c:pt>
                <c:pt idx="2320">
                  <c:v>13.747299999999999</c:v>
                </c:pt>
                <c:pt idx="2321">
                  <c:v>13.580500000000001</c:v>
                </c:pt>
                <c:pt idx="2322">
                  <c:v>12.9474</c:v>
                </c:pt>
                <c:pt idx="2323">
                  <c:v>12.961</c:v>
                </c:pt>
                <c:pt idx="2324">
                  <c:v>13.7072</c:v>
                </c:pt>
                <c:pt idx="2325">
                  <c:v>13.726000000000001</c:v>
                </c:pt>
                <c:pt idx="2326">
                  <c:v>13.739100000000001</c:v>
                </c:pt>
                <c:pt idx="2327">
                  <c:v>13.7453</c:v>
                </c:pt>
                <c:pt idx="2328">
                  <c:v>13.7502</c:v>
                </c:pt>
                <c:pt idx="2329">
                  <c:v>13.750999999999999</c:v>
                </c:pt>
                <c:pt idx="2330">
                  <c:v>13.750999999999999</c:v>
                </c:pt>
                <c:pt idx="2331">
                  <c:v>13.747299999999999</c:v>
                </c:pt>
                <c:pt idx="2332">
                  <c:v>13.580500000000001</c:v>
                </c:pt>
                <c:pt idx="2333">
                  <c:v>12.9474</c:v>
                </c:pt>
                <c:pt idx="2334">
                  <c:v>12.961</c:v>
                </c:pt>
                <c:pt idx="2335">
                  <c:v>13.7072</c:v>
                </c:pt>
                <c:pt idx="2336">
                  <c:v>13.726000000000001</c:v>
                </c:pt>
                <c:pt idx="2337">
                  <c:v>13.739100000000001</c:v>
                </c:pt>
                <c:pt idx="2338">
                  <c:v>13.7453</c:v>
                </c:pt>
                <c:pt idx="2339">
                  <c:v>13.7502</c:v>
                </c:pt>
                <c:pt idx="2340">
                  <c:v>13.750999999999999</c:v>
                </c:pt>
                <c:pt idx="2341">
                  <c:v>13.750999999999999</c:v>
                </c:pt>
                <c:pt idx="2342">
                  <c:v>13.747299999999999</c:v>
                </c:pt>
                <c:pt idx="2343">
                  <c:v>13.580500000000001</c:v>
                </c:pt>
                <c:pt idx="2344">
                  <c:v>12.9474</c:v>
                </c:pt>
                <c:pt idx="2345">
                  <c:v>12.961</c:v>
                </c:pt>
                <c:pt idx="2346">
                  <c:v>13.7072</c:v>
                </c:pt>
                <c:pt idx="2347">
                  <c:v>13.726000000000001</c:v>
                </c:pt>
                <c:pt idx="2348">
                  <c:v>13.739100000000001</c:v>
                </c:pt>
                <c:pt idx="2349">
                  <c:v>13.7453</c:v>
                </c:pt>
                <c:pt idx="2350">
                  <c:v>13.7502</c:v>
                </c:pt>
                <c:pt idx="2351">
                  <c:v>13.750999999999999</c:v>
                </c:pt>
                <c:pt idx="2352">
                  <c:v>13.750999999999999</c:v>
                </c:pt>
                <c:pt idx="2353">
                  <c:v>13.747299999999999</c:v>
                </c:pt>
                <c:pt idx="2354">
                  <c:v>13.580500000000001</c:v>
                </c:pt>
                <c:pt idx="2355">
                  <c:v>12.9474</c:v>
                </c:pt>
                <c:pt idx="2356">
                  <c:v>12.961</c:v>
                </c:pt>
                <c:pt idx="2357">
                  <c:v>13.7072</c:v>
                </c:pt>
                <c:pt idx="2358">
                  <c:v>13.726000000000001</c:v>
                </c:pt>
                <c:pt idx="2359">
                  <c:v>13.739100000000001</c:v>
                </c:pt>
                <c:pt idx="2360">
                  <c:v>13.7453</c:v>
                </c:pt>
                <c:pt idx="2361">
                  <c:v>13.7502</c:v>
                </c:pt>
                <c:pt idx="2362">
                  <c:v>13.750999999999999</c:v>
                </c:pt>
                <c:pt idx="2363">
                  <c:v>13.750999999999999</c:v>
                </c:pt>
                <c:pt idx="2364">
                  <c:v>13.747299999999999</c:v>
                </c:pt>
                <c:pt idx="2365">
                  <c:v>13.580500000000001</c:v>
                </c:pt>
                <c:pt idx="2366">
                  <c:v>12.9474</c:v>
                </c:pt>
                <c:pt idx="2367">
                  <c:v>12.961</c:v>
                </c:pt>
                <c:pt idx="2368">
                  <c:v>13.7072</c:v>
                </c:pt>
                <c:pt idx="2369">
                  <c:v>13.726000000000001</c:v>
                </c:pt>
                <c:pt idx="2370">
                  <c:v>13.739100000000001</c:v>
                </c:pt>
                <c:pt idx="2371">
                  <c:v>13.7453</c:v>
                </c:pt>
                <c:pt idx="2372">
                  <c:v>13.7502</c:v>
                </c:pt>
                <c:pt idx="2373">
                  <c:v>13.750999999999999</c:v>
                </c:pt>
                <c:pt idx="2374">
                  <c:v>13.750999999999999</c:v>
                </c:pt>
                <c:pt idx="2375">
                  <c:v>13.747299999999999</c:v>
                </c:pt>
                <c:pt idx="2376">
                  <c:v>60.465899999999998</c:v>
                </c:pt>
                <c:pt idx="2377">
                  <c:v>74.974500000000006</c:v>
                </c:pt>
                <c:pt idx="2378">
                  <c:v>83.082999999999998</c:v>
                </c:pt>
                <c:pt idx="2379">
                  <c:v>90.424800000000005</c:v>
                </c:pt>
                <c:pt idx="2380">
                  <c:v>94.442499999999995</c:v>
                </c:pt>
                <c:pt idx="2381">
                  <c:v>100.756</c:v>
                </c:pt>
                <c:pt idx="2382">
                  <c:v>103.447</c:v>
                </c:pt>
                <c:pt idx="2383">
                  <c:v>108.17700000000001</c:v>
                </c:pt>
                <c:pt idx="2384">
                  <c:v>111.688</c:v>
                </c:pt>
                <c:pt idx="2385">
                  <c:v>114.989</c:v>
                </c:pt>
                <c:pt idx="2386">
                  <c:v>119.19199999999999</c:v>
                </c:pt>
                <c:pt idx="2387">
                  <c:v>32.992199999999997</c:v>
                </c:pt>
                <c:pt idx="2388">
                  <c:v>42.511099999999999</c:v>
                </c:pt>
                <c:pt idx="2389">
                  <c:v>47.669600000000003</c:v>
                </c:pt>
                <c:pt idx="2390">
                  <c:v>55.031399999999998</c:v>
                </c:pt>
                <c:pt idx="2391">
                  <c:v>61.273099999999999</c:v>
                </c:pt>
                <c:pt idx="2392">
                  <c:v>65.835800000000006</c:v>
                </c:pt>
                <c:pt idx="2393">
                  <c:v>68.138599999999997</c:v>
                </c:pt>
                <c:pt idx="2394">
                  <c:v>74.387600000000006</c:v>
                </c:pt>
                <c:pt idx="2395">
                  <c:v>80.992699999999999</c:v>
                </c:pt>
                <c:pt idx="2396">
                  <c:v>84.135099999999994</c:v>
                </c:pt>
                <c:pt idx="2397">
                  <c:v>87.959599999999995</c:v>
                </c:pt>
                <c:pt idx="2398">
                  <c:v>15.187900000000001</c:v>
                </c:pt>
                <c:pt idx="2399">
                  <c:v>17.122499999999999</c:v>
                </c:pt>
                <c:pt idx="2400">
                  <c:v>19.802199999999999</c:v>
                </c:pt>
                <c:pt idx="2401">
                  <c:v>22.1754</c:v>
                </c:pt>
                <c:pt idx="2402">
                  <c:v>24.191099999999999</c:v>
                </c:pt>
                <c:pt idx="2403">
                  <c:v>26.909400000000002</c:v>
                </c:pt>
                <c:pt idx="2404">
                  <c:v>29.824100000000001</c:v>
                </c:pt>
                <c:pt idx="2405">
                  <c:v>35.580800000000004</c:v>
                </c:pt>
                <c:pt idx="2406">
                  <c:v>39.638500000000001</c:v>
                </c:pt>
                <c:pt idx="2407">
                  <c:v>41.906100000000002</c:v>
                </c:pt>
                <c:pt idx="2408">
                  <c:v>45.929499999999997</c:v>
                </c:pt>
                <c:pt idx="2409">
                  <c:v>11.4657</c:v>
                </c:pt>
                <c:pt idx="2410">
                  <c:v>12.131600000000001</c:v>
                </c:pt>
                <c:pt idx="2411">
                  <c:v>11.943899999999999</c:v>
                </c:pt>
                <c:pt idx="2412">
                  <c:v>11.645799999999999</c:v>
                </c:pt>
                <c:pt idx="2413">
                  <c:v>11.2128</c:v>
                </c:pt>
                <c:pt idx="2414">
                  <c:v>10.815099999999999</c:v>
                </c:pt>
                <c:pt idx="2415">
                  <c:v>10.4466</c:v>
                </c:pt>
                <c:pt idx="2416">
                  <c:v>11.3819</c:v>
                </c:pt>
                <c:pt idx="2417">
                  <c:v>13.403</c:v>
                </c:pt>
                <c:pt idx="2418">
                  <c:v>14.4369</c:v>
                </c:pt>
                <c:pt idx="2419">
                  <c:v>16.3246</c:v>
                </c:pt>
                <c:pt idx="2420">
                  <c:v>13.580500000000001</c:v>
                </c:pt>
                <c:pt idx="2421">
                  <c:v>12.8447</c:v>
                </c:pt>
                <c:pt idx="2422">
                  <c:v>12.911199999999999</c:v>
                </c:pt>
                <c:pt idx="2423">
                  <c:v>13.7072</c:v>
                </c:pt>
                <c:pt idx="2424">
                  <c:v>13.726000000000001</c:v>
                </c:pt>
                <c:pt idx="2425">
                  <c:v>13.739100000000001</c:v>
                </c:pt>
                <c:pt idx="2426">
                  <c:v>13.7453</c:v>
                </c:pt>
                <c:pt idx="2427">
                  <c:v>13.7502</c:v>
                </c:pt>
                <c:pt idx="2428">
                  <c:v>13.750999999999999</c:v>
                </c:pt>
                <c:pt idx="2429">
                  <c:v>13.750999999999999</c:v>
                </c:pt>
                <c:pt idx="2430">
                  <c:v>13.747299999999999</c:v>
                </c:pt>
                <c:pt idx="2431">
                  <c:v>13.580500000000001</c:v>
                </c:pt>
                <c:pt idx="2432">
                  <c:v>12.9474</c:v>
                </c:pt>
                <c:pt idx="2433">
                  <c:v>12.961</c:v>
                </c:pt>
                <c:pt idx="2434">
                  <c:v>13.7072</c:v>
                </c:pt>
                <c:pt idx="2435">
                  <c:v>13.726000000000001</c:v>
                </c:pt>
                <c:pt idx="2436">
                  <c:v>13.739100000000001</c:v>
                </c:pt>
                <c:pt idx="2437">
                  <c:v>13.7453</c:v>
                </c:pt>
                <c:pt idx="2438">
                  <c:v>13.7502</c:v>
                </c:pt>
                <c:pt idx="2439">
                  <c:v>13.750999999999999</c:v>
                </c:pt>
                <c:pt idx="2440">
                  <c:v>13.750999999999999</c:v>
                </c:pt>
                <c:pt idx="2441">
                  <c:v>13.747299999999999</c:v>
                </c:pt>
                <c:pt idx="2442">
                  <c:v>13.580500000000001</c:v>
                </c:pt>
                <c:pt idx="2443">
                  <c:v>12.9474</c:v>
                </c:pt>
                <c:pt idx="2444">
                  <c:v>12.961</c:v>
                </c:pt>
                <c:pt idx="2445">
                  <c:v>13.7072</c:v>
                </c:pt>
                <c:pt idx="2446">
                  <c:v>13.726000000000001</c:v>
                </c:pt>
                <c:pt idx="2447">
                  <c:v>13.739100000000001</c:v>
                </c:pt>
                <c:pt idx="2448">
                  <c:v>13.7453</c:v>
                </c:pt>
                <c:pt idx="2449">
                  <c:v>13.7502</c:v>
                </c:pt>
                <c:pt idx="2450">
                  <c:v>13.750999999999999</c:v>
                </c:pt>
                <c:pt idx="2451">
                  <c:v>13.750999999999999</c:v>
                </c:pt>
                <c:pt idx="2452">
                  <c:v>13.747299999999999</c:v>
                </c:pt>
                <c:pt idx="2453">
                  <c:v>13.580500000000001</c:v>
                </c:pt>
                <c:pt idx="2454">
                  <c:v>12.9474</c:v>
                </c:pt>
                <c:pt idx="2455">
                  <c:v>12.961</c:v>
                </c:pt>
                <c:pt idx="2456">
                  <c:v>13.7072</c:v>
                </c:pt>
                <c:pt idx="2457">
                  <c:v>13.726000000000001</c:v>
                </c:pt>
                <c:pt idx="2458">
                  <c:v>13.739100000000001</c:v>
                </c:pt>
                <c:pt idx="2459">
                  <c:v>13.7453</c:v>
                </c:pt>
                <c:pt idx="2460">
                  <c:v>13.7502</c:v>
                </c:pt>
                <c:pt idx="2461">
                  <c:v>13.750999999999999</c:v>
                </c:pt>
                <c:pt idx="2462">
                  <c:v>13.750999999999999</c:v>
                </c:pt>
                <c:pt idx="2463">
                  <c:v>13.747299999999999</c:v>
                </c:pt>
                <c:pt idx="2464">
                  <c:v>13.580500000000001</c:v>
                </c:pt>
                <c:pt idx="2465">
                  <c:v>12.9474</c:v>
                </c:pt>
                <c:pt idx="2466">
                  <c:v>12.961</c:v>
                </c:pt>
                <c:pt idx="2467">
                  <c:v>13.7072</c:v>
                </c:pt>
                <c:pt idx="2468">
                  <c:v>13.726000000000001</c:v>
                </c:pt>
                <c:pt idx="2469">
                  <c:v>13.739100000000001</c:v>
                </c:pt>
                <c:pt idx="2470">
                  <c:v>13.7453</c:v>
                </c:pt>
                <c:pt idx="2471">
                  <c:v>13.7502</c:v>
                </c:pt>
                <c:pt idx="2472">
                  <c:v>13.750999999999999</c:v>
                </c:pt>
                <c:pt idx="2473">
                  <c:v>13.750999999999999</c:v>
                </c:pt>
                <c:pt idx="2474">
                  <c:v>13.747299999999999</c:v>
                </c:pt>
                <c:pt idx="2475">
                  <c:v>13.580500000000001</c:v>
                </c:pt>
                <c:pt idx="2476">
                  <c:v>12.9474</c:v>
                </c:pt>
                <c:pt idx="2477">
                  <c:v>12.961</c:v>
                </c:pt>
                <c:pt idx="2478">
                  <c:v>13.7072</c:v>
                </c:pt>
                <c:pt idx="2479">
                  <c:v>13.726000000000001</c:v>
                </c:pt>
                <c:pt idx="2480">
                  <c:v>13.739100000000001</c:v>
                </c:pt>
                <c:pt idx="2481">
                  <c:v>13.7453</c:v>
                </c:pt>
                <c:pt idx="2482">
                  <c:v>13.7502</c:v>
                </c:pt>
                <c:pt idx="2483">
                  <c:v>13.750999999999999</c:v>
                </c:pt>
                <c:pt idx="2484">
                  <c:v>13.750999999999999</c:v>
                </c:pt>
                <c:pt idx="2485">
                  <c:v>13.747299999999999</c:v>
                </c:pt>
                <c:pt idx="2486">
                  <c:v>13.580500000000001</c:v>
                </c:pt>
                <c:pt idx="2487">
                  <c:v>12.9474</c:v>
                </c:pt>
                <c:pt idx="2488">
                  <c:v>12.961</c:v>
                </c:pt>
                <c:pt idx="2489">
                  <c:v>13.7072</c:v>
                </c:pt>
                <c:pt idx="2490">
                  <c:v>13.726000000000001</c:v>
                </c:pt>
                <c:pt idx="2491">
                  <c:v>13.739100000000001</c:v>
                </c:pt>
                <c:pt idx="2492">
                  <c:v>13.7453</c:v>
                </c:pt>
                <c:pt idx="2493">
                  <c:v>13.7502</c:v>
                </c:pt>
                <c:pt idx="2494">
                  <c:v>13.750999999999999</c:v>
                </c:pt>
                <c:pt idx="2495">
                  <c:v>13.750999999999999</c:v>
                </c:pt>
                <c:pt idx="2496">
                  <c:v>13.747299999999999</c:v>
                </c:pt>
                <c:pt idx="2497">
                  <c:v>13.580500000000001</c:v>
                </c:pt>
                <c:pt idx="2498">
                  <c:v>12.9474</c:v>
                </c:pt>
                <c:pt idx="2499">
                  <c:v>12.961</c:v>
                </c:pt>
                <c:pt idx="2500">
                  <c:v>13.7072</c:v>
                </c:pt>
                <c:pt idx="2501">
                  <c:v>13.726000000000001</c:v>
                </c:pt>
                <c:pt idx="2502">
                  <c:v>13.739100000000001</c:v>
                </c:pt>
                <c:pt idx="2503">
                  <c:v>13.7453</c:v>
                </c:pt>
                <c:pt idx="2504">
                  <c:v>13.7502</c:v>
                </c:pt>
                <c:pt idx="2505">
                  <c:v>13.750999999999999</c:v>
                </c:pt>
                <c:pt idx="2506">
                  <c:v>13.750999999999999</c:v>
                </c:pt>
                <c:pt idx="2507">
                  <c:v>13.747299999999999</c:v>
                </c:pt>
                <c:pt idx="2508">
                  <c:v>60.465899999999998</c:v>
                </c:pt>
                <c:pt idx="2509">
                  <c:v>74.974500000000006</c:v>
                </c:pt>
                <c:pt idx="2510">
                  <c:v>83.082999999999998</c:v>
                </c:pt>
                <c:pt idx="2511">
                  <c:v>90.424800000000005</c:v>
                </c:pt>
                <c:pt idx="2512">
                  <c:v>94.442499999999995</c:v>
                </c:pt>
                <c:pt idx="2513">
                  <c:v>98.551299999999998</c:v>
                </c:pt>
                <c:pt idx="2514">
                  <c:v>100.229</c:v>
                </c:pt>
                <c:pt idx="2515">
                  <c:v>105.92100000000001</c:v>
                </c:pt>
                <c:pt idx="2516">
                  <c:v>110.24299999999999</c:v>
                </c:pt>
                <c:pt idx="2517">
                  <c:v>114.18300000000001</c:v>
                </c:pt>
                <c:pt idx="2518">
                  <c:v>115.88800000000001</c:v>
                </c:pt>
                <c:pt idx="2519">
                  <c:v>32.992199999999997</c:v>
                </c:pt>
                <c:pt idx="2520">
                  <c:v>42.511099999999999</c:v>
                </c:pt>
                <c:pt idx="2521">
                  <c:v>47.669600000000003</c:v>
                </c:pt>
                <c:pt idx="2522">
                  <c:v>55.031399999999998</c:v>
                </c:pt>
                <c:pt idx="2523">
                  <c:v>61.273099999999999</c:v>
                </c:pt>
                <c:pt idx="2524">
                  <c:v>65.835800000000006</c:v>
                </c:pt>
                <c:pt idx="2525">
                  <c:v>66.573899999999995</c:v>
                </c:pt>
                <c:pt idx="2526">
                  <c:v>71.107100000000003</c:v>
                </c:pt>
                <c:pt idx="2527">
                  <c:v>73.981200000000001</c:v>
                </c:pt>
                <c:pt idx="2528">
                  <c:v>81.614999999999995</c:v>
                </c:pt>
                <c:pt idx="2529">
                  <c:v>85.693299999999994</c:v>
                </c:pt>
                <c:pt idx="2530">
                  <c:v>15.187900000000001</c:v>
                </c:pt>
                <c:pt idx="2531">
                  <c:v>17.122499999999999</c:v>
                </c:pt>
                <c:pt idx="2532">
                  <c:v>19.802199999999999</c:v>
                </c:pt>
                <c:pt idx="2533">
                  <c:v>22.1754</c:v>
                </c:pt>
                <c:pt idx="2534">
                  <c:v>24.191099999999999</c:v>
                </c:pt>
                <c:pt idx="2535">
                  <c:v>26.909400000000002</c:v>
                </c:pt>
                <c:pt idx="2536">
                  <c:v>27.901800000000001</c:v>
                </c:pt>
                <c:pt idx="2537">
                  <c:v>32.727400000000003</c:v>
                </c:pt>
                <c:pt idx="2538">
                  <c:v>33.904200000000003</c:v>
                </c:pt>
                <c:pt idx="2539">
                  <c:v>39.575400000000002</c:v>
                </c:pt>
                <c:pt idx="2540">
                  <c:v>42.0822</c:v>
                </c:pt>
                <c:pt idx="2541">
                  <c:v>11.4657</c:v>
                </c:pt>
                <c:pt idx="2542">
                  <c:v>12.131600000000001</c:v>
                </c:pt>
                <c:pt idx="2543">
                  <c:v>11.943899999999999</c:v>
                </c:pt>
                <c:pt idx="2544">
                  <c:v>11.645799999999999</c:v>
                </c:pt>
                <c:pt idx="2545">
                  <c:v>11.2128</c:v>
                </c:pt>
                <c:pt idx="2546">
                  <c:v>10.815099999999999</c:v>
                </c:pt>
                <c:pt idx="2547">
                  <c:v>10.4466</c:v>
                </c:pt>
                <c:pt idx="2548">
                  <c:v>10.127000000000001</c:v>
                </c:pt>
                <c:pt idx="2549">
                  <c:v>13.0106</c:v>
                </c:pt>
                <c:pt idx="2550">
                  <c:v>13.7692</c:v>
                </c:pt>
                <c:pt idx="2551">
                  <c:v>14.7074</c:v>
                </c:pt>
                <c:pt idx="2552">
                  <c:v>13.580500000000001</c:v>
                </c:pt>
                <c:pt idx="2553">
                  <c:v>12.8447</c:v>
                </c:pt>
                <c:pt idx="2554">
                  <c:v>12.911199999999999</c:v>
                </c:pt>
                <c:pt idx="2555">
                  <c:v>13.7072</c:v>
                </c:pt>
                <c:pt idx="2556">
                  <c:v>13.726000000000001</c:v>
                </c:pt>
                <c:pt idx="2557">
                  <c:v>13.739100000000001</c:v>
                </c:pt>
                <c:pt idx="2558">
                  <c:v>13.7453</c:v>
                </c:pt>
                <c:pt idx="2559">
                  <c:v>13.7502</c:v>
                </c:pt>
                <c:pt idx="2560">
                  <c:v>13.750999999999999</c:v>
                </c:pt>
                <c:pt idx="2561">
                  <c:v>13.750999999999999</c:v>
                </c:pt>
                <c:pt idx="2562">
                  <c:v>13.747299999999999</c:v>
                </c:pt>
                <c:pt idx="2563">
                  <c:v>13.580500000000001</c:v>
                </c:pt>
                <c:pt idx="2564">
                  <c:v>12.9474</c:v>
                </c:pt>
                <c:pt idx="2565">
                  <c:v>12.961</c:v>
                </c:pt>
                <c:pt idx="2566">
                  <c:v>13.7072</c:v>
                </c:pt>
                <c:pt idx="2567">
                  <c:v>13.726000000000001</c:v>
                </c:pt>
                <c:pt idx="2568">
                  <c:v>13.739100000000001</c:v>
                </c:pt>
                <c:pt idx="2569">
                  <c:v>13.7453</c:v>
                </c:pt>
                <c:pt idx="2570">
                  <c:v>13.7502</c:v>
                </c:pt>
                <c:pt idx="2571">
                  <c:v>13.750999999999999</c:v>
                </c:pt>
                <c:pt idx="2572">
                  <c:v>13.750999999999999</c:v>
                </c:pt>
                <c:pt idx="2573">
                  <c:v>13.747299999999999</c:v>
                </c:pt>
                <c:pt idx="2574">
                  <c:v>13.580500000000001</c:v>
                </c:pt>
                <c:pt idx="2575">
                  <c:v>12.9474</c:v>
                </c:pt>
                <c:pt idx="2576">
                  <c:v>12.961</c:v>
                </c:pt>
                <c:pt idx="2577">
                  <c:v>13.7072</c:v>
                </c:pt>
                <c:pt idx="2578">
                  <c:v>13.726000000000001</c:v>
                </c:pt>
                <c:pt idx="2579">
                  <c:v>13.739100000000001</c:v>
                </c:pt>
                <c:pt idx="2580">
                  <c:v>13.7453</c:v>
                </c:pt>
                <c:pt idx="2581">
                  <c:v>13.7502</c:v>
                </c:pt>
                <c:pt idx="2582">
                  <c:v>13.750999999999999</c:v>
                </c:pt>
                <c:pt idx="2583">
                  <c:v>13.750999999999999</c:v>
                </c:pt>
                <c:pt idx="2584">
                  <c:v>13.747299999999999</c:v>
                </c:pt>
                <c:pt idx="2585">
                  <c:v>13.580500000000001</c:v>
                </c:pt>
                <c:pt idx="2586">
                  <c:v>12.9474</c:v>
                </c:pt>
                <c:pt idx="2587">
                  <c:v>12.961</c:v>
                </c:pt>
                <c:pt idx="2588">
                  <c:v>13.7072</c:v>
                </c:pt>
                <c:pt idx="2589">
                  <c:v>13.726000000000001</c:v>
                </c:pt>
                <c:pt idx="2590">
                  <c:v>13.739100000000001</c:v>
                </c:pt>
                <c:pt idx="2591">
                  <c:v>13.7453</c:v>
                </c:pt>
                <c:pt idx="2592">
                  <c:v>13.7502</c:v>
                </c:pt>
                <c:pt idx="2593">
                  <c:v>13.750999999999999</c:v>
                </c:pt>
                <c:pt idx="2594">
                  <c:v>13.750999999999999</c:v>
                </c:pt>
                <c:pt idx="2595">
                  <c:v>13.747299999999999</c:v>
                </c:pt>
                <c:pt idx="2596">
                  <c:v>13.580500000000001</c:v>
                </c:pt>
                <c:pt idx="2597">
                  <c:v>12.9474</c:v>
                </c:pt>
                <c:pt idx="2598">
                  <c:v>12.961</c:v>
                </c:pt>
                <c:pt idx="2599">
                  <c:v>13.7072</c:v>
                </c:pt>
                <c:pt idx="2600">
                  <c:v>13.726000000000001</c:v>
                </c:pt>
                <c:pt idx="2601">
                  <c:v>13.739100000000001</c:v>
                </c:pt>
                <c:pt idx="2602">
                  <c:v>13.7453</c:v>
                </c:pt>
                <c:pt idx="2603">
                  <c:v>13.7502</c:v>
                </c:pt>
                <c:pt idx="2604">
                  <c:v>13.750999999999999</c:v>
                </c:pt>
                <c:pt idx="2605">
                  <c:v>13.750999999999999</c:v>
                </c:pt>
                <c:pt idx="2606">
                  <c:v>13.747299999999999</c:v>
                </c:pt>
                <c:pt idx="2607">
                  <c:v>13.580500000000001</c:v>
                </c:pt>
                <c:pt idx="2608">
                  <c:v>12.9474</c:v>
                </c:pt>
                <c:pt idx="2609">
                  <c:v>12.961</c:v>
                </c:pt>
                <c:pt idx="2610">
                  <c:v>13.7072</c:v>
                </c:pt>
                <c:pt idx="2611">
                  <c:v>13.726000000000001</c:v>
                </c:pt>
                <c:pt idx="2612">
                  <c:v>13.739100000000001</c:v>
                </c:pt>
                <c:pt idx="2613">
                  <c:v>13.7453</c:v>
                </c:pt>
                <c:pt idx="2614">
                  <c:v>13.7502</c:v>
                </c:pt>
                <c:pt idx="2615">
                  <c:v>13.750999999999999</c:v>
                </c:pt>
                <c:pt idx="2616">
                  <c:v>13.750999999999999</c:v>
                </c:pt>
                <c:pt idx="2617">
                  <c:v>13.747299999999999</c:v>
                </c:pt>
                <c:pt idx="2618">
                  <c:v>13.580500000000001</c:v>
                </c:pt>
                <c:pt idx="2619">
                  <c:v>12.9474</c:v>
                </c:pt>
                <c:pt idx="2620">
                  <c:v>12.961</c:v>
                </c:pt>
                <c:pt idx="2621">
                  <c:v>13.7072</c:v>
                </c:pt>
                <c:pt idx="2622">
                  <c:v>13.726000000000001</c:v>
                </c:pt>
                <c:pt idx="2623">
                  <c:v>13.739100000000001</c:v>
                </c:pt>
                <c:pt idx="2624">
                  <c:v>13.7453</c:v>
                </c:pt>
                <c:pt idx="2625">
                  <c:v>13.7502</c:v>
                </c:pt>
                <c:pt idx="2626">
                  <c:v>13.750999999999999</c:v>
                </c:pt>
                <c:pt idx="2627">
                  <c:v>13.750999999999999</c:v>
                </c:pt>
                <c:pt idx="2628">
                  <c:v>13.747299999999999</c:v>
                </c:pt>
                <c:pt idx="2629">
                  <c:v>13.580500000000001</c:v>
                </c:pt>
                <c:pt idx="2630">
                  <c:v>12.9474</c:v>
                </c:pt>
                <c:pt idx="2631">
                  <c:v>12.961</c:v>
                </c:pt>
                <c:pt idx="2632">
                  <c:v>13.7072</c:v>
                </c:pt>
                <c:pt idx="2633">
                  <c:v>13.726000000000001</c:v>
                </c:pt>
                <c:pt idx="2634">
                  <c:v>13.739100000000001</c:v>
                </c:pt>
                <c:pt idx="2635">
                  <c:v>13.7453</c:v>
                </c:pt>
                <c:pt idx="2636">
                  <c:v>13.7502</c:v>
                </c:pt>
                <c:pt idx="2637">
                  <c:v>13.750999999999999</c:v>
                </c:pt>
                <c:pt idx="2638">
                  <c:v>13.750999999999999</c:v>
                </c:pt>
                <c:pt idx="2639">
                  <c:v>13.747299999999999</c:v>
                </c:pt>
                <c:pt idx="2640">
                  <c:v>60.465899999999998</c:v>
                </c:pt>
                <c:pt idx="2641">
                  <c:v>74.974500000000006</c:v>
                </c:pt>
                <c:pt idx="2642">
                  <c:v>83.082999999999998</c:v>
                </c:pt>
                <c:pt idx="2643">
                  <c:v>90.424800000000005</c:v>
                </c:pt>
                <c:pt idx="2644">
                  <c:v>94.442499999999995</c:v>
                </c:pt>
                <c:pt idx="2645">
                  <c:v>98.551299999999998</c:v>
                </c:pt>
                <c:pt idx="2646">
                  <c:v>98.281300000000002</c:v>
                </c:pt>
                <c:pt idx="2647">
                  <c:v>102.64</c:v>
                </c:pt>
                <c:pt idx="2648">
                  <c:v>107.72</c:v>
                </c:pt>
                <c:pt idx="2649">
                  <c:v>114.27500000000001</c:v>
                </c:pt>
                <c:pt idx="2650">
                  <c:v>116.744</c:v>
                </c:pt>
                <c:pt idx="2651">
                  <c:v>32.992199999999997</c:v>
                </c:pt>
                <c:pt idx="2652">
                  <c:v>42.511099999999999</c:v>
                </c:pt>
                <c:pt idx="2653">
                  <c:v>47.669600000000003</c:v>
                </c:pt>
                <c:pt idx="2654">
                  <c:v>55.031399999999998</c:v>
                </c:pt>
                <c:pt idx="2655">
                  <c:v>61.273099999999999</c:v>
                </c:pt>
                <c:pt idx="2656">
                  <c:v>65.835800000000006</c:v>
                </c:pt>
                <c:pt idx="2657">
                  <c:v>66.573899999999995</c:v>
                </c:pt>
                <c:pt idx="2658">
                  <c:v>70.257300000000001</c:v>
                </c:pt>
                <c:pt idx="2659">
                  <c:v>70.465699999999998</c:v>
                </c:pt>
                <c:pt idx="2660">
                  <c:v>78.416200000000003</c:v>
                </c:pt>
                <c:pt idx="2661">
                  <c:v>82.965699999999998</c:v>
                </c:pt>
                <c:pt idx="2662">
                  <c:v>15.187900000000001</c:v>
                </c:pt>
                <c:pt idx="2663">
                  <c:v>17.122499999999999</c:v>
                </c:pt>
                <c:pt idx="2664">
                  <c:v>19.802199999999999</c:v>
                </c:pt>
                <c:pt idx="2665">
                  <c:v>22.1754</c:v>
                </c:pt>
                <c:pt idx="2666">
                  <c:v>24.191099999999999</c:v>
                </c:pt>
                <c:pt idx="2667">
                  <c:v>26.909400000000002</c:v>
                </c:pt>
                <c:pt idx="2668">
                  <c:v>27.901800000000001</c:v>
                </c:pt>
                <c:pt idx="2669">
                  <c:v>30.280999999999999</c:v>
                </c:pt>
                <c:pt idx="2670">
                  <c:v>31.091999999999999</c:v>
                </c:pt>
                <c:pt idx="2671">
                  <c:v>36.785899999999998</c:v>
                </c:pt>
                <c:pt idx="2672">
                  <c:v>39.558199999999999</c:v>
                </c:pt>
                <c:pt idx="2673">
                  <c:v>11.4657</c:v>
                </c:pt>
                <c:pt idx="2674">
                  <c:v>12.131600000000001</c:v>
                </c:pt>
                <c:pt idx="2675">
                  <c:v>11.943899999999999</c:v>
                </c:pt>
                <c:pt idx="2676">
                  <c:v>11.645799999999999</c:v>
                </c:pt>
                <c:pt idx="2677">
                  <c:v>11.2128</c:v>
                </c:pt>
                <c:pt idx="2678">
                  <c:v>10.815099999999999</c:v>
                </c:pt>
                <c:pt idx="2679">
                  <c:v>10.4466</c:v>
                </c:pt>
                <c:pt idx="2680">
                  <c:v>10.127000000000001</c:v>
                </c:pt>
                <c:pt idx="2681">
                  <c:v>13.0106</c:v>
                </c:pt>
                <c:pt idx="2682">
                  <c:v>13.1416</c:v>
                </c:pt>
                <c:pt idx="2683">
                  <c:v>13.364000000000001</c:v>
                </c:pt>
                <c:pt idx="2684">
                  <c:v>13.580500000000001</c:v>
                </c:pt>
                <c:pt idx="2685">
                  <c:v>12.8447</c:v>
                </c:pt>
                <c:pt idx="2686">
                  <c:v>12.911199999999999</c:v>
                </c:pt>
                <c:pt idx="2687">
                  <c:v>13.7072</c:v>
                </c:pt>
                <c:pt idx="2688">
                  <c:v>13.726000000000001</c:v>
                </c:pt>
                <c:pt idx="2689">
                  <c:v>13.739100000000001</c:v>
                </c:pt>
                <c:pt idx="2690">
                  <c:v>13.7453</c:v>
                </c:pt>
                <c:pt idx="2691">
                  <c:v>13.7502</c:v>
                </c:pt>
                <c:pt idx="2692">
                  <c:v>13.750999999999999</c:v>
                </c:pt>
                <c:pt idx="2693">
                  <c:v>13.750999999999999</c:v>
                </c:pt>
                <c:pt idx="2694">
                  <c:v>13.747299999999999</c:v>
                </c:pt>
                <c:pt idx="2695">
                  <c:v>13.580500000000001</c:v>
                </c:pt>
                <c:pt idx="2696">
                  <c:v>12.9474</c:v>
                </c:pt>
                <c:pt idx="2697">
                  <c:v>12.961</c:v>
                </c:pt>
                <c:pt idx="2698">
                  <c:v>13.7072</c:v>
                </c:pt>
                <c:pt idx="2699">
                  <c:v>13.726000000000001</c:v>
                </c:pt>
                <c:pt idx="2700">
                  <c:v>13.739100000000001</c:v>
                </c:pt>
                <c:pt idx="2701">
                  <c:v>13.7453</c:v>
                </c:pt>
                <c:pt idx="2702">
                  <c:v>13.7502</c:v>
                </c:pt>
                <c:pt idx="2703">
                  <c:v>13.750999999999999</c:v>
                </c:pt>
                <c:pt idx="2704">
                  <c:v>13.750999999999999</c:v>
                </c:pt>
                <c:pt idx="2705">
                  <c:v>13.747299999999999</c:v>
                </c:pt>
                <c:pt idx="2706">
                  <c:v>13.580500000000001</c:v>
                </c:pt>
                <c:pt idx="2707">
                  <c:v>12.9474</c:v>
                </c:pt>
                <c:pt idx="2708">
                  <c:v>12.961</c:v>
                </c:pt>
                <c:pt idx="2709">
                  <c:v>13.7072</c:v>
                </c:pt>
                <c:pt idx="2710">
                  <c:v>13.726000000000001</c:v>
                </c:pt>
                <c:pt idx="2711">
                  <c:v>13.739100000000001</c:v>
                </c:pt>
                <c:pt idx="2712">
                  <c:v>13.7453</c:v>
                </c:pt>
                <c:pt idx="2713">
                  <c:v>13.7502</c:v>
                </c:pt>
                <c:pt idx="2714">
                  <c:v>13.750999999999999</c:v>
                </c:pt>
                <c:pt idx="2715">
                  <c:v>13.750999999999999</c:v>
                </c:pt>
                <c:pt idx="2716">
                  <c:v>13.747299999999999</c:v>
                </c:pt>
                <c:pt idx="2717">
                  <c:v>13.580500000000001</c:v>
                </c:pt>
                <c:pt idx="2718">
                  <c:v>12.9474</c:v>
                </c:pt>
                <c:pt idx="2719">
                  <c:v>12.961</c:v>
                </c:pt>
                <c:pt idx="2720">
                  <c:v>13.7072</c:v>
                </c:pt>
                <c:pt idx="2721">
                  <c:v>13.726000000000001</c:v>
                </c:pt>
                <c:pt idx="2722">
                  <c:v>13.739100000000001</c:v>
                </c:pt>
                <c:pt idx="2723">
                  <c:v>13.7453</c:v>
                </c:pt>
                <c:pt idx="2724">
                  <c:v>13.7502</c:v>
                </c:pt>
                <c:pt idx="2725">
                  <c:v>13.750999999999999</c:v>
                </c:pt>
                <c:pt idx="2726">
                  <c:v>13.750999999999999</c:v>
                </c:pt>
                <c:pt idx="2727">
                  <c:v>13.747299999999999</c:v>
                </c:pt>
                <c:pt idx="2728">
                  <c:v>13.580500000000001</c:v>
                </c:pt>
                <c:pt idx="2729">
                  <c:v>12.9474</c:v>
                </c:pt>
                <c:pt idx="2730">
                  <c:v>12.961</c:v>
                </c:pt>
                <c:pt idx="2731">
                  <c:v>13.7072</c:v>
                </c:pt>
                <c:pt idx="2732">
                  <c:v>13.726000000000001</c:v>
                </c:pt>
                <c:pt idx="2733">
                  <c:v>13.739100000000001</c:v>
                </c:pt>
                <c:pt idx="2734">
                  <c:v>13.7453</c:v>
                </c:pt>
                <c:pt idx="2735">
                  <c:v>13.7502</c:v>
                </c:pt>
                <c:pt idx="2736">
                  <c:v>13.750999999999999</c:v>
                </c:pt>
                <c:pt idx="2737">
                  <c:v>13.750999999999999</c:v>
                </c:pt>
                <c:pt idx="2738">
                  <c:v>13.747299999999999</c:v>
                </c:pt>
                <c:pt idx="2739">
                  <c:v>13.580500000000001</c:v>
                </c:pt>
                <c:pt idx="2740">
                  <c:v>12.9474</c:v>
                </c:pt>
                <c:pt idx="2741">
                  <c:v>12.961</c:v>
                </c:pt>
                <c:pt idx="2742">
                  <c:v>13.7072</c:v>
                </c:pt>
                <c:pt idx="2743">
                  <c:v>13.726000000000001</c:v>
                </c:pt>
                <c:pt idx="2744">
                  <c:v>13.739100000000001</c:v>
                </c:pt>
                <c:pt idx="2745">
                  <c:v>13.7453</c:v>
                </c:pt>
                <c:pt idx="2746">
                  <c:v>13.7502</c:v>
                </c:pt>
                <c:pt idx="2747">
                  <c:v>13.750999999999999</c:v>
                </c:pt>
                <c:pt idx="2748">
                  <c:v>13.750999999999999</c:v>
                </c:pt>
                <c:pt idx="2749">
                  <c:v>13.747299999999999</c:v>
                </c:pt>
                <c:pt idx="2750">
                  <c:v>13.580500000000001</c:v>
                </c:pt>
                <c:pt idx="2751">
                  <c:v>12.9474</c:v>
                </c:pt>
                <c:pt idx="2752">
                  <c:v>12.961</c:v>
                </c:pt>
                <c:pt idx="2753">
                  <c:v>13.7072</c:v>
                </c:pt>
                <c:pt idx="2754">
                  <c:v>13.726000000000001</c:v>
                </c:pt>
                <c:pt idx="2755">
                  <c:v>13.739100000000001</c:v>
                </c:pt>
                <c:pt idx="2756">
                  <c:v>13.7453</c:v>
                </c:pt>
                <c:pt idx="2757">
                  <c:v>13.7502</c:v>
                </c:pt>
                <c:pt idx="2758">
                  <c:v>13.750999999999999</c:v>
                </c:pt>
                <c:pt idx="2759">
                  <c:v>13.750999999999999</c:v>
                </c:pt>
                <c:pt idx="2760">
                  <c:v>13.747299999999999</c:v>
                </c:pt>
                <c:pt idx="2761">
                  <c:v>13.580500000000001</c:v>
                </c:pt>
                <c:pt idx="2762">
                  <c:v>12.9474</c:v>
                </c:pt>
                <c:pt idx="2763">
                  <c:v>12.961</c:v>
                </c:pt>
                <c:pt idx="2764">
                  <c:v>13.7072</c:v>
                </c:pt>
                <c:pt idx="2765">
                  <c:v>13.726000000000001</c:v>
                </c:pt>
                <c:pt idx="2766">
                  <c:v>13.739100000000001</c:v>
                </c:pt>
                <c:pt idx="2767">
                  <c:v>13.7453</c:v>
                </c:pt>
                <c:pt idx="2768">
                  <c:v>13.7502</c:v>
                </c:pt>
                <c:pt idx="2769">
                  <c:v>13.750999999999999</c:v>
                </c:pt>
                <c:pt idx="2770">
                  <c:v>13.750999999999999</c:v>
                </c:pt>
                <c:pt idx="2771">
                  <c:v>13.747299999999999</c:v>
                </c:pt>
                <c:pt idx="2772">
                  <c:v>60.465899999999998</c:v>
                </c:pt>
                <c:pt idx="2773">
                  <c:v>74.974500000000006</c:v>
                </c:pt>
                <c:pt idx="2774">
                  <c:v>83.082999999999998</c:v>
                </c:pt>
                <c:pt idx="2775">
                  <c:v>90.424800000000005</c:v>
                </c:pt>
                <c:pt idx="2776">
                  <c:v>94.442499999999995</c:v>
                </c:pt>
                <c:pt idx="2777">
                  <c:v>98.551299999999998</c:v>
                </c:pt>
                <c:pt idx="2778">
                  <c:v>98.281300000000002</c:v>
                </c:pt>
                <c:pt idx="2779">
                  <c:v>100.599</c:v>
                </c:pt>
                <c:pt idx="2780">
                  <c:v>104.355</c:v>
                </c:pt>
                <c:pt idx="2781">
                  <c:v>111.40900000000001</c:v>
                </c:pt>
                <c:pt idx="2782">
                  <c:v>114.532</c:v>
                </c:pt>
                <c:pt idx="2783">
                  <c:v>32.992199999999997</c:v>
                </c:pt>
                <c:pt idx="2784">
                  <c:v>42.511099999999999</c:v>
                </c:pt>
                <c:pt idx="2785">
                  <c:v>47.669600000000003</c:v>
                </c:pt>
                <c:pt idx="2786">
                  <c:v>55.031399999999998</c:v>
                </c:pt>
                <c:pt idx="2787">
                  <c:v>61.273099999999999</c:v>
                </c:pt>
                <c:pt idx="2788">
                  <c:v>65.835800000000006</c:v>
                </c:pt>
                <c:pt idx="2789">
                  <c:v>66.573899999999995</c:v>
                </c:pt>
                <c:pt idx="2790">
                  <c:v>70.257300000000001</c:v>
                </c:pt>
                <c:pt idx="2791">
                  <c:v>70.348600000000005</c:v>
                </c:pt>
                <c:pt idx="2792">
                  <c:v>75.006500000000003</c:v>
                </c:pt>
                <c:pt idx="2793">
                  <c:v>79.7834</c:v>
                </c:pt>
                <c:pt idx="2794">
                  <c:v>15.187900000000001</c:v>
                </c:pt>
                <c:pt idx="2795">
                  <c:v>17.122499999999999</c:v>
                </c:pt>
                <c:pt idx="2796">
                  <c:v>19.802199999999999</c:v>
                </c:pt>
                <c:pt idx="2797">
                  <c:v>22.1754</c:v>
                </c:pt>
                <c:pt idx="2798">
                  <c:v>24.191099999999999</c:v>
                </c:pt>
                <c:pt idx="2799">
                  <c:v>26.909400000000002</c:v>
                </c:pt>
                <c:pt idx="2800">
                  <c:v>27.901800000000001</c:v>
                </c:pt>
                <c:pt idx="2801">
                  <c:v>30.280999999999999</c:v>
                </c:pt>
                <c:pt idx="2802">
                  <c:v>30.015799999999999</c:v>
                </c:pt>
                <c:pt idx="2803">
                  <c:v>33.6235</c:v>
                </c:pt>
                <c:pt idx="2804">
                  <c:v>36.612499999999997</c:v>
                </c:pt>
                <c:pt idx="2805">
                  <c:v>11.4657</c:v>
                </c:pt>
                <c:pt idx="2806">
                  <c:v>12.131600000000001</c:v>
                </c:pt>
                <c:pt idx="2807">
                  <c:v>11.943899999999999</c:v>
                </c:pt>
                <c:pt idx="2808">
                  <c:v>11.645799999999999</c:v>
                </c:pt>
                <c:pt idx="2809">
                  <c:v>11.2128</c:v>
                </c:pt>
                <c:pt idx="2810">
                  <c:v>10.815099999999999</c:v>
                </c:pt>
                <c:pt idx="2811">
                  <c:v>10.4466</c:v>
                </c:pt>
                <c:pt idx="2812">
                  <c:v>10.127000000000001</c:v>
                </c:pt>
                <c:pt idx="2813">
                  <c:v>13.0106</c:v>
                </c:pt>
                <c:pt idx="2814">
                  <c:v>13.1416</c:v>
                </c:pt>
                <c:pt idx="2815">
                  <c:v>13.2271</c:v>
                </c:pt>
                <c:pt idx="2816">
                  <c:v>13.580500000000001</c:v>
                </c:pt>
                <c:pt idx="2817">
                  <c:v>12.8447</c:v>
                </c:pt>
                <c:pt idx="2818">
                  <c:v>12.911199999999999</c:v>
                </c:pt>
                <c:pt idx="2819">
                  <c:v>13.7072</c:v>
                </c:pt>
                <c:pt idx="2820">
                  <c:v>13.726000000000001</c:v>
                </c:pt>
                <c:pt idx="2821">
                  <c:v>13.739100000000001</c:v>
                </c:pt>
                <c:pt idx="2822">
                  <c:v>13.7453</c:v>
                </c:pt>
                <c:pt idx="2823">
                  <c:v>13.7502</c:v>
                </c:pt>
                <c:pt idx="2824">
                  <c:v>13.750999999999999</c:v>
                </c:pt>
                <c:pt idx="2825">
                  <c:v>13.750999999999999</c:v>
                </c:pt>
                <c:pt idx="2826">
                  <c:v>13.747299999999999</c:v>
                </c:pt>
                <c:pt idx="2827">
                  <c:v>13.580500000000001</c:v>
                </c:pt>
                <c:pt idx="2828">
                  <c:v>12.9474</c:v>
                </c:pt>
                <c:pt idx="2829">
                  <c:v>12.961</c:v>
                </c:pt>
                <c:pt idx="2830">
                  <c:v>13.7072</c:v>
                </c:pt>
                <c:pt idx="2831">
                  <c:v>13.726000000000001</c:v>
                </c:pt>
                <c:pt idx="2832">
                  <c:v>13.739100000000001</c:v>
                </c:pt>
                <c:pt idx="2833">
                  <c:v>13.7453</c:v>
                </c:pt>
                <c:pt idx="2834">
                  <c:v>13.7502</c:v>
                </c:pt>
                <c:pt idx="2835">
                  <c:v>13.750999999999999</c:v>
                </c:pt>
                <c:pt idx="2836">
                  <c:v>13.750999999999999</c:v>
                </c:pt>
                <c:pt idx="2837">
                  <c:v>13.747299999999999</c:v>
                </c:pt>
                <c:pt idx="2838">
                  <c:v>13.580500000000001</c:v>
                </c:pt>
                <c:pt idx="2839">
                  <c:v>12.9474</c:v>
                </c:pt>
                <c:pt idx="2840">
                  <c:v>12.961</c:v>
                </c:pt>
                <c:pt idx="2841">
                  <c:v>13.7072</c:v>
                </c:pt>
                <c:pt idx="2842">
                  <c:v>13.726000000000001</c:v>
                </c:pt>
                <c:pt idx="2843">
                  <c:v>13.739100000000001</c:v>
                </c:pt>
                <c:pt idx="2844">
                  <c:v>13.7453</c:v>
                </c:pt>
                <c:pt idx="2845">
                  <c:v>13.7502</c:v>
                </c:pt>
                <c:pt idx="2846">
                  <c:v>13.750999999999999</c:v>
                </c:pt>
                <c:pt idx="2847">
                  <c:v>13.750999999999999</c:v>
                </c:pt>
                <c:pt idx="2848">
                  <c:v>13.747299999999999</c:v>
                </c:pt>
                <c:pt idx="2849">
                  <c:v>13.580500000000001</c:v>
                </c:pt>
                <c:pt idx="2850">
                  <c:v>12.9474</c:v>
                </c:pt>
                <c:pt idx="2851">
                  <c:v>12.961</c:v>
                </c:pt>
                <c:pt idx="2852">
                  <c:v>13.7072</c:v>
                </c:pt>
                <c:pt idx="2853">
                  <c:v>13.726000000000001</c:v>
                </c:pt>
                <c:pt idx="2854">
                  <c:v>13.739100000000001</c:v>
                </c:pt>
                <c:pt idx="2855">
                  <c:v>13.7453</c:v>
                </c:pt>
                <c:pt idx="2856">
                  <c:v>13.7502</c:v>
                </c:pt>
                <c:pt idx="2857">
                  <c:v>13.750999999999999</c:v>
                </c:pt>
                <c:pt idx="2858">
                  <c:v>13.750999999999999</c:v>
                </c:pt>
                <c:pt idx="2859">
                  <c:v>13.747299999999999</c:v>
                </c:pt>
                <c:pt idx="2860">
                  <c:v>13.580500000000001</c:v>
                </c:pt>
                <c:pt idx="2861">
                  <c:v>12.9474</c:v>
                </c:pt>
                <c:pt idx="2862">
                  <c:v>12.961</c:v>
                </c:pt>
                <c:pt idx="2863">
                  <c:v>13.7072</c:v>
                </c:pt>
                <c:pt idx="2864">
                  <c:v>13.726000000000001</c:v>
                </c:pt>
                <c:pt idx="2865">
                  <c:v>13.739100000000001</c:v>
                </c:pt>
                <c:pt idx="2866">
                  <c:v>13.7453</c:v>
                </c:pt>
                <c:pt idx="2867">
                  <c:v>13.7502</c:v>
                </c:pt>
                <c:pt idx="2868">
                  <c:v>13.750999999999999</c:v>
                </c:pt>
                <c:pt idx="2869">
                  <c:v>13.750999999999999</c:v>
                </c:pt>
                <c:pt idx="2870">
                  <c:v>13.747299999999999</c:v>
                </c:pt>
                <c:pt idx="2871">
                  <c:v>13.580500000000001</c:v>
                </c:pt>
                <c:pt idx="2872">
                  <c:v>12.9474</c:v>
                </c:pt>
                <c:pt idx="2873">
                  <c:v>12.961</c:v>
                </c:pt>
                <c:pt idx="2874">
                  <c:v>13.7072</c:v>
                </c:pt>
                <c:pt idx="2875">
                  <c:v>13.726000000000001</c:v>
                </c:pt>
                <c:pt idx="2876">
                  <c:v>13.739100000000001</c:v>
                </c:pt>
                <c:pt idx="2877">
                  <c:v>13.7453</c:v>
                </c:pt>
                <c:pt idx="2878">
                  <c:v>13.7502</c:v>
                </c:pt>
                <c:pt idx="2879">
                  <c:v>13.750999999999999</c:v>
                </c:pt>
                <c:pt idx="2880">
                  <c:v>13.750999999999999</c:v>
                </c:pt>
                <c:pt idx="2881">
                  <c:v>13.747299999999999</c:v>
                </c:pt>
                <c:pt idx="2882">
                  <c:v>13.580500000000001</c:v>
                </c:pt>
                <c:pt idx="2883">
                  <c:v>12.9474</c:v>
                </c:pt>
                <c:pt idx="2884">
                  <c:v>12.961</c:v>
                </c:pt>
                <c:pt idx="2885">
                  <c:v>13.7072</c:v>
                </c:pt>
                <c:pt idx="2886">
                  <c:v>13.726000000000001</c:v>
                </c:pt>
                <c:pt idx="2887">
                  <c:v>13.739100000000001</c:v>
                </c:pt>
                <c:pt idx="2888">
                  <c:v>13.7453</c:v>
                </c:pt>
                <c:pt idx="2889">
                  <c:v>13.7502</c:v>
                </c:pt>
                <c:pt idx="2890">
                  <c:v>13.750999999999999</c:v>
                </c:pt>
                <c:pt idx="2891">
                  <c:v>13.750999999999999</c:v>
                </c:pt>
                <c:pt idx="2892">
                  <c:v>13.747299999999999</c:v>
                </c:pt>
                <c:pt idx="2893">
                  <c:v>13.580500000000001</c:v>
                </c:pt>
                <c:pt idx="2894">
                  <c:v>12.9474</c:v>
                </c:pt>
                <c:pt idx="2895">
                  <c:v>12.961</c:v>
                </c:pt>
                <c:pt idx="2896">
                  <c:v>13.7072</c:v>
                </c:pt>
                <c:pt idx="2897">
                  <c:v>13.726000000000001</c:v>
                </c:pt>
                <c:pt idx="2898">
                  <c:v>13.739100000000001</c:v>
                </c:pt>
                <c:pt idx="2899">
                  <c:v>13.7453</c:v>
                </c:pt>
                <c:pt idx="2900">
                  <c:v>13.7502</c:v>
                </c:pt>
                <c:pt idx="2901">
                  <c:v>13.750999999999999</c:v>
                </c:pt>
                <c:pt idx="2902">
                  <c:v>13.750999999999999</c:v>
                </c:pt>
                <c:pt idx="2903">
                  <c:v>13.747299999999999</c:v>
                </c:pt>
                <c:pt idx="2904">
                  <c:v>60.465899999999998</c:v>
                </c:pt>
                <c:pt idx="2905">
                  <c:v>74.974500000000006</c:v>
                </c:pt>
                <c:pt idx="2906">
                  <c:v>83.082999999999998</c:v>
                </c:pt>
                <c:pt idx="2907">
                  <c:v>90.424800000000005</c:v>
                </c:pt>
                <c:pt idx="2908">
                  <c:v>94.442499999999995</c:v>
                </c:pt>
                <c:pt idx="2909">
                  <c:v>98.551299999999998</c:v>
                </c:pt>
                <c:pt idx="2910">
                  <c:v>98.281300000000002</c:v>
                </c:pt>
                <c:pt idx="2911">
                  <c:v>100.599</c:v>
                </c:pt>
                <c:pt idx="2912">
                  <c:v>102.574</c:v>
                </c:pt>
                <c:pt idx="2913">
                  <c:v>107.922</c:v>
                </c:pt>
                <c:pt idx="2914">
                  <c:v>111.455</c:v>
                </c:pt>
                <c:pt idx="2915">
                  <c:v>32.992199999999997</c:v>
                </c:pt>
                <c:pt idx="2916">
                  <c:v>42.511099999999999</c:v>
                </c:pt>
                <c:pt idx="2917">
                  <c:v>47.669600000000003</c:v>
                </c:pt>
                <c:pt idx="2918">
                  <c:v>55.031399999999998</c:v>
                </c:pt>
                <c:pt idx="2919">
                  <c:v>61.273099999999999</c:v>
                </c:pt>
                <c:pt idx="2920">
                  <c:v>65.835800000000006</c:v>
                </c:pt>
                <c:pt idx="2921">
                  <c:v>66.573899999999995</c:v>
                </c:pt>
                <c:pt idx="2922">
                  <c:v>70.257300000000001</c:v>
                </c:pt>
                <c:pt idx="2923">
                  <c:v>70.348600000000005</c:v>
                </c:pt>
                <c:pt idx="2924">
                  <c:v>75.006500000000003</c:v>
                </c:pt>
                <c:pt idx="2925">
                  <c:v>77.539299999999997</c:v>
                </c:pt>
                <c:pt idx="2926">
                  <c:v>15.187900000000001</c:v>
                </c:pt>
                <c:pt idx="2927">
                  <c:v>17.122499999999999</c:v>
                </c:pt>
                <c:pt idx="2928">
                  <c:v>19.802199999999999</c:v>
                </c:pt>
                <c:pt idx="2929">
                  <c:v>22.1754</c:v>
                </c:pt>
                <c:pt idx="2930">
                  <c:v>24.191099999999999</c:v>
                </c:pt>
                <c:pt idx="2931">
                  <c:v>26.909400000000002</c:v>
                </c:pt>
                <c:pt idx="2932">
                  <c:v>27.901800000000001</c:v>
                </c:pt>
                <c:pt idx="2933">
                  <c:v>30.280999999999999</c:v>
                </c:pt>
                <c:pt idx="2934">
                  <c:v>30.015799999999999</c:v>
                </c:pt>
                <c:pt idx="2935">
                  <c:v>32.574399999999997</c:v>
                </c:pt>
                <c:pt idx="2936">
                  <c:v>33.331699999999998</c:v>
                </c:pt>
                <c:pt idx="2937">
                  <c:v>11.4657</c:v>
                </c:pt>
                <c:pt idx="2938">
                  <c:v>12.131600000000001</c:v>
                </c:pt>
                <c:pt idx="2939">
                  <c:v>11.943899999999999</c:v>
                </c:pt>
                <c:pt idx="2940">
                  <c:v>11.645799999999999</c:v>
                </c:pt>
                <c:pt idx="2941">
                  <c:v>11.2128</c:v>
                </c:pt>
                <c:pt idx="2942">
                  <c:v>10.815099999999999</c:v>
                </c:pt>
                <c:pt idx="2943">
                  <c:v>10.4466</c:v>
                </c:pt>
                <c:pt idx="2944">
                  <c:v>10.127000000000001</c:v>
                </c:pt>
                <c:pt idx="2945">
                  <c:v>13.0106</c:v>
                </c:pt>
                <c:pt idx="2946">
                  <c:v>13.1416</c:v>
                </c:pt>
                <c:pt idx="2947">
                  <c:v>13.2271</c:v>
                </c:pt>
                <c:pt idx="2948">
                  <c:v>13.580500000000001</c:v>
                </c:pt>
                <c:pt idx="2949">
                  <c:v>12.8447</c:v>
                </c:pt>
                <c:pt idx="2950">
                  <c:v>12.911199999999999</c:v>
                </c:pt>
                <c:pt idx="2951">
                  <c:v>13.7072</c:v>
                </c:pt>
                <c:pt idx="2952">
                  <c:v>13.726000000000001</c:v>
                </c:pt>
                <c:pt idx="2953">
                  <c:v>13.739100000000001</c:v>
                </c:pt>
                <c:pt idx="2954">
                  <c:v>13.7453</c:v>
                </c:pt>
                <c:pt idx="2955">
                  <c:v>13.7502</c:v>
                </c:pt>
                <c:pt idx="2956">
                  <c:v>13.750999999999999</c:v>
                </c:pt>
                <c:pt idx="2957">
                  <c:v>13.750999999999999</c:v>
                </c:pt>
                <c:pt idx="2958">
                  <c:v>13.747299999999999</c:v>
                </c:pt>
                <c:pt idx="2959">
                  <c:v>13.580500000000001</c:v>
                </c:pt>
                <c:pt idx="2960">
                  <c:v>12.9474</c:v>
                </c:pt>
                <c:pt idx="2961">
                  <c:v>12.961</c:v>
                </c:pt>
                <c:pt idx="2962">
                  <c:v>13.7072</c:v>
                </c:pt>
                <c:pt idx="2963">
                  <c:v>13.726000000000001</c:v>
                </c:pt>
                <c:pt idx="2964">
                  <c:v>13.739100000000001</c:v>
                </c:pt>
                <c:pt idx="2965">
                  <c:v>13.7453</c:v>
                </c:pt>
                <c:pt idx="2966">
                  <c:v>13.7502</c:v>
                </c:pt>
                <c:pt idx="2967">
                  <c:v>13.750999999999999</c:v>
                </c:pt>
                <c:pt idx="2968">
                  <c:v>13.750999999999999</c:v>
                </c:pt>
                <c:pt idx="2969">
                  <c:v>13.747299999999999</c:v>
                </c:pt>
                <c:pt idx="2970">
                  <c:v>13.580500000000001</c:v>
                </c:pt>
                <c:pt idx="2971">
                  <c:v>12.9474</c:v>
                </c:pt>
                <c:pt idx="2972">
                  <c:v>12.961</c:v>
                </c:pt>
                <c:pt idx="2973">
                  <c:v>13.7072</c:v>
                </c:pt>
                <c:pt idx="2974">
                  <c:v>13.726000000000001</c:v>
                </c:pt>
                <c:pt idx="2975">
                  <c:v>13.739100000000001</c:v>
                </c:pt>
                <c:pt idx="2976">
                  <c:v>13.7453</c:v>
                </c:pt>
                <c:pt idx="2977">
                  <c:v>13.7502</c:v>
                </c:pt>
                <c:pt idx="2978">
                  <c:v>13.750999999999999</c:v>
                </c:pt>
                <c:pt idx="2979">
                  <c:v>13.750999999999999</c:v>
                </c:pt>
                <c:pt idx="2980">
                  <c:v>13.747299999999999</c:v>
                </c:pt>
                <c:pt idx="2981">
                  <c:v>13.580500000000001</c:v>
                </c:pt>
                <c:pt idx="2982">
                  <c:v>12.9474</c:v>
                </c:pt>
                <c:pt idx="2983">
                  <c:v>12.961</c:v>
                </c:pt>
                <c:pt idx="2984">
                  <c:v>13.7072</c:v>
                </c:pt>
                <c:pt idx="2985">
                  <c:v>13.726000000000001</c:v>
                </c:pt>
                <c:pt idx="2986">
                  <c:v>13.739100000000001</c:v>
                </c:pt>
                <c:pt idx="2987">
                  <c:v>13.7453</c:v>
                </c:pt>
                <c:pt idx="2988">
                  <c:v>13.7502</c:v>
                </c:pt>
                <c:pt idx="2989">
                  <c:v>13.750999999999999</c:v>
                </c:pt>
                <c:pt idx="2990">
                  <c:v>13.750999999999999</c:v>
                </c:pt>
                <c:pt idx="2991">
                  <c:v>13.747299999999999</c:v>
                </c:pt>
                <c:pt idx="2992">
                  <c:v>13.580500000000001</c:v>
                </c:pt>
                <c:pt idx="2993">
                  <c:v>12.9474</c:v>
                </c:pt>
                <c:pt idx="2994">
                  <c:v>12.961</c:v>
                </c:pt>
                <c:pt idx="2995">
                  <c:v>13.7072</c:v>
                </c:pt>
                <c:pt idx="2996">
                  <c:v>13.726000000000001</c:v>
                </c:pt>
                <c:pt idx="2997">
                  <c:v>13.739100000000001</c:v>
                </c:pt>
                <c:pt idx="2998">
                  <c:v>13.7453</c:v>
                </c:pt>
                <c:pt idx="2999">
                  <c:v>13.7502</c:v>
                </c:pt>
                <c:pt idx="3000">
                  <c:v>13.750999999999999</c:v>
                </c:pt>
                <c:pt idx="3001">
                  <c:v>13.750999999999999</c:v>
                </c:pt>
                <c:pt idx="3002">
                  <c:v>13.747299999999999</c:v>
                </c:pt>
                <c:pt idx="3003">
                  <c:v>13.580500000000001</c:v>
                </c:pt>
                <c:pt idx="3004">
                  <c:v>12.9474</c:v>
                </c:pt>
                <c:pt idx="3005">
                  <c:v>12.961</c:v>
                </c:pt>
                <c:pt idx="3006">
                  <c:v>13.7072</c:v>
                </c:pt>
                <c:pt idx="3007">
                  <c:v>13.726000000000001</c:v>
                </c:pt>
                <c:pt idx="3008">
                  <c:v>13.739100000000001</c:v>
                </c:pt>
                <c:pt idx="3009">
                  <c:v>13.7453</c:v>
                </c:pt>
                <c:pt idx="3010">
                  <c:v>13.7502</c:v>
                </c:pt>
                <c:pt idx="3011">
                  <c:v>13.750999999999999</c:v>
                </c:pt>
                <c:pt idx="3012">
                  <c:v>13.750999999999999</c:v>
                </c:pt>
                <c:pt idx="3013">
                  <c:v>13.747299999999999</c:v>
                </c:pt>
                <c:pt idx="3014">
                  <c:v>13.580500000000001</c:v>
                </c:pt>
                <c:pt idx="3015">
                  <c:v>12.9474</c:v>
                </c:pt>
                <c:pt idx="3016">
                  <c:v>12.961</c:v>
                </c:pt>
                <c:pt idx="3017">
                  <c:v>13.7072</c:v>
                </c:pt>
                <c:pt idx="3018">
                  <c:v>13.726000000000001</c:v>
                </c:pt>
                <c:pt idx="3019">
                  <c:v>13.739100000000001</c:v>
                </c:pt>
                <c:pt idx="3020">
                  <c:v>13.7453</c:v>
                </c:pt>
                <c:pt idx="3021">
                  <c:v>13.7502</c:v>
                </c:pt>
                <c:pt idx="3022">
                  <c:v>13.750999999999999</c:v>
                </c:pt>
                <c:pt idx="3023">
                  <c:v>13.750999999999999</c:v>
                </c:pt>
                <c:pt idx="3024">
                  <c:v>13.747299999999999</c:v>
                </c:pt>
                <c:pt idx="3025">
                  <c:v>13.580500000000001</c:v>
                </c:pt>
                <c:pt idx="3026">
                  <c:v>12.9474</c:v>
                </c:pt>
                <c:pt idx="3027">
                  <c:v>12.961</c:v>
                </c:pt>
                <c:pt idx="3028">
                  <c:v>13.7072</c:v>
                </c:pt>
                <c:pt idx="3029">
                  <c:v>13.726000000000001</c:v>
                </c:pt>
                <c:pt idx="3030">
                  <c:v>13.739100000000001</c:v>
                </c:pt>
                <c:pt idx="3031">
                  <c:v>13.7453</c:v>
                </c:pt>
                <c:pt idx="3032">
                  <c:v>13.7502</c:v>
                </c:pt>
                <c:pt idx="3033">
                  <c:v>13.750999999999999</c:v>
                </c:pt>
                <c:pt idx="3034">
                  <c:v>13.750999999999999</c:v>
                </c:pt>
                <c:pt idx="3035">
                  <c:v>13.747299999999999</c:v>
                </c:pt>
                <c:pt idx="3036">
                  <c:v>60.465899999999998</c:v>
                </c:pt>
                <c:pt idx="3037">
                  <c:v>74.974500000000006</c:v>
                </c:pt>
                <c:pt idx="3038">
                  <c:v>83.082999999999998</c:v>
                </c:pt>
                <c:pt idx="3039">
                  <c:v>90.424800000000005</c:v>
                </c:pt>
                <c:pt idx="3040">
                  <c:v>94.442499999999995</c:v>
                </c:pt>
                <c:pt idx="3041">
                  <c:v>98.551299999999998</c:v>
                </c:pt>
                <c:pt idx="3042">
                  <c:v>98.281300000000002</c:v>
                </c:pt>
                <c:pt idx="3043">
                  <c:v>100.599</c:v>
                </c:pt>
                <c:pt idx="3044">
                  <c:v>102.574</c:v>
                </c:pt>
                <c:pt idx="3045">
                  <c:v>106.733</c:v>
                </c:pt>
                <c:pt idx="3046">
                  <c:v>107.902</c:v>
                </c:pt>
                <c:pt idx="3047">
                  <c:v>32.992199999999997</c:v>
                </c:pt>
                <c:pt idx="3048">
                  <c:v>42.511099999999999</c:v>
                </c:pt>
                <c:pt idx="3049">
                  <c:v>47.669600000000003</c:v>
                </c:pt>
                <c:pt idx="3050">
                  <c:v>55.031399999999998</c:v>
                </c:pt>
                <c:pt idx="3051">
                  <c:v>61.273099999999999</c:v>
                </c:pt>
                <c:pt idx="3052">
                  <c:v>65.835800000000006</c:v>
                </c:pt>
                <c:pt idx="3053">
                  <c:v>66.573899999999995</c:v>
                </c:pt>
                <c:pt idx="3054">
                  <c:v>70.257300000000001</c:v>
                </c:pt>
                <c:pt idx="3055">
                  <c:v>70.348600000000005</c:v>
                </c:pt>
                <c:pt idx="3056">
                  <c:v>75.006500000000003</c:v>
                </c:pt>
                <c:pt idx="3057">
                  <c:v>77.539299999999997</c:v>
                </c:pt>
                <c:pt idx="3058">
                  <c:v>15.187900000000001</c:v>
                </c:pt>
                <c:pt idx="3059">
                  <c:v>17.122499999999999</c:v>
                </c:pt>
                <c:pt idx="3060">
                  <c:v>19.802199999999999</c:v>
                </c:pt>
                <c:pt idx="3061">
                  <c:v>22.1754</c:v>
                </c:pt>
                <c:pt idx="3062">
                  <c:v>24.191099999999999</c:v>
                </c:pt>
                <c:pt idx="3063">
                  <c:v>26.909400000000002</c:v>
                </c:pt>
                <c:pt idx="3064">
                  <c:v>27.901800000000001</c:v>
                </c:pt>
                <c:pt idx="3065">
                  <c:v>30.280999999999999</c:v>
                </c:pt>
                <c:pt idx="3066">
                  <c:v>30.015799999999999</c:v>
                </c:pt>
                <c:pt idx="3067">
                  <c:v>32.574399999999997</c:v>
                </c:pt>
                <c:pt idx="3068">
                  <c:v>33.261600000000001</c:v>
                </c:pt>
                <c:pt idx="3069">
                  <c:v>11.4657</c:v>
                </c:pt>
                <c:pt idx="3070">
                  <c:v>12.131600000000001</c:v>
                </c:pt>
                <c:pt idx="3071">
                  <c:v>11.943899999999999</c:v>
                </c:pt>
                <c:pt idx="3072">
                  <c:v>11.645799999999999</c:v>
                </c:pt>
                <c:pt idx="3073">
                  <c:v>11.2128</c:v>
                </c:pt>
                <c:pt idx="3074">
                  <c:v>10.815099999999999</c:v>
                </c:pt>
                <c:pt idx="3075">
                  <c:v>10.4466</c:v>
                </c:pt>
                <c:pt idx="3076">
                  <c:v>10.127000000000001</c:v>
                </c:pt>
                <c:pt idx="3077">
                  <c:v>13.0106</c:v>
                </c:pt>
                <c:pt idx="3078">
                  <c:v>13.1416</c:v>
                </c:pt>
                <c:pt idx="3079">
                  <c:v>13.2271</c:v>
                </c:pt>
                <c:pt idx="3080">
                  <c:v>13.580500000000001</c:v>
                </c:pt>
                <c:pt idx="3081">
                  <c:v>12.8447</c:v>
                </c:pt>
                <c:pt idx="3082">
                  <c:v>12.911199999999999</c:v>
                </c:pt>
                <c:pt idx="3083">
                  <c:v>13.7072</c:v>
                </c:pt>
                <c:pt idx="3084">
                  <c:v>13.726000000000001</c:v>
                </c:pt>
                <c:pt idx="3085">
                  <c:v>13.739100000000001</c:v>
                </c:pt>
                <c:pt idx="3086">
                  <c:v>13.7453</c:v>
                </c:pt>
                <c:pt idx="3087">
                  <c:v>13.7502</c:v>
                </c:pt>
                <c:pt idx="3088">
                  <c:v>13.750999999999999</c:v>
                </c:pt>
                <c:pt idx="3089">
                  <c:v>13.750999999999999</c:v>
                </c:pt>
                <c:pt idx="3090">
                  <c:v>13.747299999999999</c:v>
                </c:pt>
                <c:pt idx="3091">
                  <c:v>13.580500000000001</c:v>
                </c:pt>
                <c:pt idx="3092">
                  <c:v>12.9474</c:v>
                </c:pt>
                <c:pt idx="3093">
                  <c:v>12.961</c:v>
                </c:pt>
                <c:pt idx="3094">
                  <c:v>13.7072</c:v>
                </c:pt>
                <c:pt idx="3095">
                  <c:v>13.726000000000001</c:v>
                </c:pt>
                <c:pt idx="3096">
                  <c:v>13.739100000000001</c:v>
                </c:pt>
                <c:pt idx="3097">
                  <c:v>13.7453</c:v>
                </c:pt>
                <c:pt idx="3098">
                  <c:v>13.7502</c:v>
                </c:pt>
                <c:pt idx="3099">
                  <c:v>13.750999999999999</c:v>
                </c:pt>
                <c:pt idx="3100">
                  <c:v>13.750999999999999</c:v>
                </c:pt>
                <c:pt idx="3101">
                  <c:v>13.747299999999999</c:v>
                </c:pt>
                <c:pt idx="3102">
                  <c:v>13.580500000000001</c:v>
                </c:pt>
                <c:pt idx="3103">
                  <c:v>12.9474</c:v>
                </c:pt>
                <c:pt idx="3104">
                  <c:v>12.961</c:v>
                </c:pt>
                <c:pt idx="3105">
                  <c:v>13.7072</c:v>
                </c:pt>
                <c:pt idx="3106">
                  <c:v>13.726000000000001</c:v>
                </c:pt>
                <c:pt idx="3107">
                  <c:v>13.739100000000001</c:v>
                </c:pt>
                <c:pt idx="3108">
                  <c:v>13.7453</c:v>
                </c:pt>
                <c:pt idx="3109">
                  <c:v>13.7502</c:v>
                </c:pt>
                <c:pt idx="3110">
                  <c:v>13.750999999999999</c:v>
                </c:pt>
                <c:pt idx="3111">
                  <c:v>13.750999999999999</c:v>
                </c:pt>
                <c:pt idx="3112">
                  <c:v>13.747299999999999</c:v>
                </c:pt>
                <c:pt idx="3113">
                  <c:v>13.580500000000001</c:v>
                </c:pt>
                <c:pt idx="3114">
                  <c:v>12.9474</c:v>
                </c:pt>
                <c:pt idx="3115">
                  <c:v>12.961</c:v>
                </c:pt>
                <c:pt idx="3116">
                  <c:v>13.7072</c:v>
                </c:pt>
                <c:pt idx="3117">
                  <c:v>13.726000000000001</c:v>
                </c:pt>
                <c:pt idx="3118">
                  <c:v>13.739100000000001</c:v>
                </c:pt>
                <c:pt idx="3119">
                  <c:v>13.7453</c:v>
                </c:pt>
                <c:pt idx="3120">
                  <c:v>13.7502</c:v>
                </c:pt>
                <c:pt idx="3121">
                  <c:v>13.750999999999999</c:v>
                </c:pt>
                <c:pt idx="3122">
                  <c:v>13.750999999999999</c:v>
                </c:pt>
                <c:pt idx="3123">
                  <c:v>13.747299999999999</c:v>
                </c:pt>
                <c:pt idx="3124">
                  <c:v>13.580500000000001</c:v>
                </c:pt>
                <c:pt idx="3125">
                  <c:v>12.9474</c:v>
                </c:pt>
                <c:pt idx="3126">
                  <c:v>12.961</c:v>
                </c:pt>
                <c:pt idx="3127">
                  <c:v>13.7072</c:v>
                </c:pt>
                <c:pt idx="3128">
                  <c:v>13.726000000000001</c:v>
                </c:pt>
                <c:pt idx="3129">
                  <c:v>13.739100000000001</c:v>
                </c:pt>
                <c:pt idx="3130">
                  <c:v>13.7453</c:v>
                </c:pt>
                <c:pt idx="3131">
                  <c:v>13.7502</c:v>
                </c:pt>
                <c:pt idx="3132">
                  <c:v>13.750999999999999</c:v>
                </c:pt>
                <c:pt idx="3133">
                  <c:v>13.750999999999999</c:v>
                </c:pt>
                <c:pt idx="3134">
                  <c:v>13.747299999999999</c:v>
                </c:pt>
                <c:pt idx="3135">
                  <c:v>13.580500000000001</c:v>
                </c:pt>
                <c:pt idx="3136">
                  <c:v>12.9474</c:v>
                </c:pt>
                <c:pt idx="3137">
                  <c:v>12.961</c:v>
                </c:pt>
                <c:pt idx="3138">
                  <c:v>13.7072</c:v>
                </c:pt>
                <c:pt idx="3139">
                  <c:v>13.726000000000001</c:v>
                </c:pt>
                <c:pt idx="3140">
                  <c:v>13.739100000000001</c:v>
                </c:pt>
                <c:pt idx="3141">
                  <c:v>13.7453</c:v>
                </c:pt>
                <c:pt idx="3142">
                  <c:v>13.7502</c:v>
                </c:pt>
                <c:pt idx="3143">
                  <c:v>13.750999999999999</c:v>
                </c:pt>
                <c:pt idx="3144">
                  <c:v>13.750999999999999</c:v>
                </c:pt>
                <c:pt idx="3145">
                  <c:v>13.747299999999999</c:v>
                </c:pt>
                <c:pt idx="3146">
                  <c:v>13.580500000000001</c:v>
                </c:pt>
                <c:pt idx="3147">
                  <c:v>12.9474</c:v>
                </c:pt>
                <c:pt idx="3148">
                  <c:v>12.961</c:v>
                </c:pt>
                <c:pt idx="3149">
                  <c:v>13.7072</c:v>
                </c:pt>
                <c:pt idx="3150">
                  <c:v>13.726000000000001</c:v>
                </c:pt>
                <c:pt idx="3151">
                  <c:v>13.739100000000001</c:v>
                </c:pt>
                <c:pt idx="3152">
                  <c:v>13.7453</c:v>
                </c:pt>
                <c:pt idx="3153">
                  <c:v>13.7502</c:v>
                </c:pt>
                <c:pt idx="3154">
                  <c:v>13.750999999999999</c:v>
                </c:pt>
                <c:pt idx="3155">
                  <c:v>13.750999999999999</c:v>
                </c:pt>
                <c:pt idx="3156">
                  <c:v>13.747299999999999</c:v>
                </c:pt>
                <c:pt idx="3157">
                  <c:v>13.580500000000001</c:v>
                </c:pt>
                <c:pt idx="3158">
                  <c:v>12.9474</c:v>
                </c:pt>
                <c:pt idx="3159">
                  <c:v>12.961</c:v>
                </c:pt>
                <c:pt idx="3160">
                  <c:v>13.7072</c:v>
                </c:pt>
                <c:pt idx="3161">
                  <c:v>13.726000000000001</c:v>
                </c:pt>
                <c:pt idx="3162">
                  <c:v>13.739100000000001</c:v>
                </c:pt>
                <c:pt idx="3163">
                  <c:v>13.7453</c:v>
                </c:pt>
                <c:pt idx="3164">
                  <c:v>13.7502</c:v>
                </c:pt>
                <c:pt idx="3165">
                  <c:v>13.750999999999999</c:v>
                </c:pt>
                <c:pt idx="3166">
                  <c:v>13.750999999999999</c:v>
                </c:pt>
                <c:pt idx="3167">
                  <c:v>13.747299999999999</c:v>
                </c:pt>
                <c:pt idx="3168">
                  <c:v>56.365299999999998</c:v>
                </c:pt>
                <c:pt idx="3169">
                  <c:v>73.149900000000002</c:v>
                </c:pt>
                <c:pt idx="3170">
                  <c:v>80.457400000000007</c:v>
                </c:pt>
                <c:pt idx="3171">
                  <c:v>83.852099999999993</c:v>
                </c:pt>
                <c:pt idx="3172">
                  <c:v>87.622600000000006</c:v>
                </c:pt>
                <c:pt idx="3173">
                  <c:v>91.191699999999997</c:v>
                </c:pt>
                <c:pt idx="3174">
                  <c:v>90.772000000000006</c:v>
                </c:pt>
                <c:pt idx="3175">
                  <c:v>90.8673</c:v>
                </c:pt>
                <c:pt idx="3176">
                  <c:v>92.068600000000004</c:v>
                </c:pt>
                <c:pt idx="3177">
                  <c:v>94.031999999999996</c:v>
                </c:pt>
                <c:pt idx="3178">
                  <c:v>91.261899999999997</c:v>
                </c:pt>
                <c:pt idx="3179">
                  <c:v>27.985399999999998</c:v>
                </c:pt>
                <c:pt idx="3180">
                  <c:v>35.767000000000003</c:v>
                </c:pt>
                <c:pt idx="3181">
                  <c:v>45.118000000000002</c:v>
                </c:pt>
                <c:pt idx="3182">
                  <c:v>49.863300000000002</c:v>
                </c:pt>
                <c:pt idx="3183">
                  <c:v>56.056399999999996</c:v>
                </c:pt>
                <c:pt idx="3184">
                  <c:v>62.0334</c:v>
                </c:pt>
                <c:pt idx="3185">
                  <c:v>64.439300000000003</c:v>
                </c:pt>
                <c:pt idx="3186">
                  <c:v>64.329499999999996</c:v>
                </c:pt>
                <c:pt idx="3187">
                  <c:v>66.709800000000001</c:v>
                </c:pt>
                <c:pt idx="3188">
                  <c:v>67.592500000000001</c:v>
                </c:pt>
                <c:pt idx="3189">
                  <c:v>69.784800000000004</c:v>
                </c:pt>
                <c:pt idx="3190">
                  <c:v>11.8453</c:v>
                </c:pt>
                <c:pt idx="3191">
                  <c:v>14.283200000000001</c:v>
                </c:pt>
                <c:pt idx="3192">
                  <c:v>14.4618</c:v>
                </c:pt>
                <c:pt idx="3193">
                  <c:v>17.672799999999999</c:v>
                </c:pt>
                <c:pt idx="3194">
                  <c:v>19.5017</c:v>
                </c:pt>
                <c:pt idx="3195">
                  <c:v>22.316099999999999</c:v>
                </c:pt>
                <c:pt idx="3196">
                  <c:v>24.320399999999999</c:v>
                </c:pt>
                <c:pt idx="3197">
                  <c:v>25.6996</c:v>
                </c:pt>
                <c:pt idx="3198">
                  <c:v>27.572299999999998</c:v>
                </c:pt>
                <c:pt idx="3199">
                  <c:v>28.323799999999999</c:v>
                </c:pt>
                <c:pt idx="3200">
                  <c:v>30.082999999999998</c:v>
                </c:pt>
                <c:pt idx="3201">
                  <c:v>15.405200000000001</c:v>
                </c:pt>
                <c:pt idx="3202">
                  <c:v>14.7537</c:v>
                </c:pt>
                <c:pt idx="3203">
                  <c:v>14.1135</c:v>
                </c:pt>
                <c:pt idx="3204">
                  <c:v>14.279400000000001</c:v>
                </c:pt>
                <c:pt idx="3205">
                  <c:v>15.9641</c:v>
                </c:pt>
                <c:pt idx="3206">
                  <c:v>16.028099999999998</c:v>
                </c:pt>
                <c:pt idx="3207">
                  <c:v>16.055</c:v>
                </c:pt>
                <c:pt idx="3208">
                  <c:v>16.066299999999998</c:v>
                </c:pt>
                <c:pt idx="3209">
                  <c:v>15.8484</c:v>
                </c:pt>
                <c:pt idx="3210">
                  <c:v>15.674799999999999</c:v>
                </c:pt>
                <c:pt idx="3211">
                  <c:v>15.530900000000001</c:v>
                </c:pt>
                <c:pt idx="3212">
                  <c:v>15.405200000000001</c:v>
                </c:pt>
                <c:pt idx="3213">
                  <c:v>16.369299999999999</c:v>
                </c:pt>
                <c:pt idx="3214">
                  <c:v>16.450199999999999</c:v>
                </c:pt>
                <c:pt idx="3215">
                  <c:v>16.490600000000001</c:v>
                </c:pt>
                <c:pt idx="3216">
                  <c:v>15.9641</c:v>
                </c:pt>
                <c:pt idx="3217">
                  <c:v>16.028099999999998</c:v>
                </c:pt>
                <c:pt idx="3218">
                  <c:v>16.055</c:v>
                </c:pt>
                <c:pt idx="3219">
                  <c:v>16.077300000000001</c:v>
                </c:pt>
                <c:pt idx="3220">
                  <c:v>16.081800000000001</c:v>
                </c:pt>
                <c:pt idx="3221">
                  <c:v>16.085699999999999</c:v>
                </c:pt>
                <c:pt idx="3222">
                  <c:v>16.075900000000001</c:v>
                </c:pt>
                <c:pt idx="3223">
                  <c:v>15.405200000000001</c:v>
                </c:pt>
                <c:pt idx="3224">
                  <c:v>16.369299999999999</c:v>
                </c:pt>
                <c:pt idx="3225">
                  <c:v>16.450199999999999</c:v>
                </c:pt>
                <c:pt idx="3226">
                  <c:v>16.490600000000001</c:v>
                </c:pt>
                <c:pt idx="3227">
                  <c:v>15.9641</c:v>
                </c:pt>
                <c:pt idx="3228">
                  <c:v>16.028099999999998</c:v>
                </c:pt>
                <c:pt idx="3229">
                  <c:v>16.055</c:v>
                </c:pt>
                <c:pt idx="3230">
                  <c:v>16.077300000000001</c:v>
                </c:pt>
                <c:pt idx="3231">
                  <c:v>16.081800000000001</c:v>
                </c:pt>
                <c:pt idx="3232">
                  <c:v>16.085699999999999</c:v>
                </c:pt>
                <c:pt idx="3233">
                  <c:v>16.075900000000001</c:v>
                </c:pt>
                <c:pt idx="3234">
                  <c:v>15.405200000000001</c:v>
                </c:pt>
                <c:pt idx="3235">
                  <c:v>16.369299999999999</c:v>
                </c:pt>
                <c:pt idx="3236">
                  <c:v>16.450199999999999</c:v>
                </c:pt>
                <c:pt idx="3237">
                  <c:v>16.490600000000001</c:v>
                </c:pt>
                <c:pt idx="3238">
                  <c:v>15.9641</c:v>
                </c:pt>
                <c:pt idx="3239">
                  <c:v>16.028099999999998</c:v>
                </c:pt>
                <c:pt idx="3240">
                  <c:v>16.055</c:v>
                </c:pt>
                <c:pt idx="3241">
                  <c:v>16.077300000000001</c:v>
                </c:pt>
                <c:pt idx="3242">
                  <c:v>16.081800000000001</c:v>
                </c:pt>
                <c:pt idx="3243">
                  <c:v>16.085699999999999</c:v>
                </c:pt>
                <c:pt idx="3244">
                  <c:v>16.075900000000001</c:v>
                </c:pt>
                <c:pt idx="3245">
                  <c:v>15.405200000000001</c:v>
                </c:pt>
                <c:pt idx="3246">
                  <c:v>16.369299999999999</c:v>
                </c:pt>
                <c:pt idx="3247">
                  <c:v>16.450199999999999</c:v>
                </c:pt>
                <c:pt idx="3248">
                  <c:v>16.490600000000001</c:v>
                </c:pt>
                <c:pt idx="3249">
                  <c:v>15.9641</c:v>
                </c:pt>
                <c:pt idx="3250">
                  <c:v>16.028099999999998</c:v>
                </c:pt>
                <c:pt idx="3251">
                  <c:v>16.055</c:v>
                </c:pt>
                <c:pt idx="3252">
                  <c:v>16.077300000000001</c:v>
                </c:pt>
                <c:pt idx="3253">
                  <c:v>16.081800000000001</c:v>
                </c:pt>
                <c:pt idx="3254">
                  <c:v>16.085699999999999</c:v>
                </c:pt>
                <c:pt idx="3255">
                  <c:v>16.075900000000001</c:v>
                </c:pt>
                <c:pt idx="3256">
                  <c:v>15.405200000000001</c:v>
                </c:pt>
                <c:pt idx="3257">
                  <c:v>16.369299999999999</c:v>
                </c:pt>
                <c:pt idx="3258">
                  <c:v>16.450199999999999</c:v>
                </c:pt>
                <c:pt idx="3259">
                  <c:v>16.490600000000001</c:v>
                </c:pt>
                <c:pt idx="3260">
                  <c:v>15.9641</c:v>
                </c:pt>
                <c:pt idx="3261">
                  <c:v>16.028099999999998</c:v>
                </c:pt>
                <c:pt idx="3262">
                  <c:v>16.055</c:v>
                </c:pt>
                <c:pt idx="3263">
                  <c:v>16.077300000000001</c:v>
                </c:pt>
                <c:pt idx="3264">
                  <c:v>16.081800000000001</c:v>
                </c:pt>
                <c:pt idx="3265">
                  <c:v>16.085699999999999</c:v>
                </c:pt>
                <c:pt idx="3266">
                  <c:v>16.075900000000001</c:v>
                </c:pt>
                <c:pt idx="3267">
                  <c:v>15.405200000000001</c:v>
                </c:pt>
                <c:pt idx="3268">
                  <c:v>16.369299999999999</c:v>
                </c:pt>
                <c:pt idx="3269">
                  <c:v>16.450199999999999</c:v>
                </c:pt>
                <c:pt idx="3270">
                  <c:v>16.490600000000001</c:v>
                </c:pt>
                <c:pt idx="3271">
                  <c:v>15.9641</c:v>
                </c:pt>
                <c:pt idx="3272">
                  <c:v>16.028099999999998</c:v>
                </c:pt>
                <c:pt idx="3273">
                  <c:v>16.055</c:v>
                </c:pt>
                <c:pt idx="3274">
                  <c:v>16.077300000000001</c:v>
                </c:pt>
                <c:pt idx="3275">
                  <c:v>16.081800000000001</c:v>
                </c:pt>
                <c:pt idx="3276">
                  <c:v>16.085699999999999</c:v>
                </c:pt>
                <c:pt idx="3277">
                  <c:v>16.075900000000001</c:v>
                </c:pt>
                <c:pt idx="3278">
                  <c:v>15.405200000000001</c:v>
                </c:pt>
                <c:pt idx="3279">
                  <c:v>16.369299999999999</c:v>
                </c:pt>
                <c:pt idx="3280">
                  <c:v>16.450199999999999</c:v>
                </c:pt>
                <c:pt idx="3281">
                  <c:v>16.490600000000001</c:v>
                </c:pt>
                <c:pt idx="3282">
                  <c:v>15.9641</c:v>
                </c:pt>
                <c:pt idx="3283">
                  <c:v>16.028099999999998</c:v>
                </c:pt>
                <c:pt idx="3284">
                  <c:v>16.055</c:v>
                </c:pt>
                <c:pt idx="3285">
                  <c:v>16.077300000000001</c:v>
                </c:pt>
                <c:pt idx="3286">
                  <c:v>16.081800000000001</c:v>
                </c:pt>
                <c:pt idx="3287">
                  <c:v>16.085699999999999</c:v>
                </c:pt>
                <c:pt idx="3288">
                  <c:v>16.075900000000001</c:v>
                </c:pt>
                <c:pt idx="3289">
                  <c:v>15.405200000000001</c:v>
                </c:pt>
                <c:pt idx="3290">
                  <c:v>16.369299999999999</c:v>
                </c:pt>
                <c:pt idx="3291">
                  <c:v>16.450199999999999</c:v>
                </c:pt>
                <c:pt idx="3292">
                  <c:v>16.490600000000001</c:v>
                </c:pt>
                <c:pt idx="3293">
                  <c:v>15.9641</c:v>
                </c:pt>
                <c:pt idx="3294">
                  <c:v>16.028099999999998</c:v>
                </c:pt>
                <c:pt idx="3295">
                  <c:v>16.055</c:v>
                </c:pt>
                <c:pt idx="3296">
                  <c:v>16.077300000000001</c:v>
                </c:pt>
                <c:pt idx="3297">
                  <c:v>16.081800000000001</c:v>
                </c:pt>
                <c:pt idx="3298">
                  <c:v>16.085699999999999</c:v>
                </c:pt>
                <c:pt idx="3299">
                  <c:v>16.075900000000001</c:v>
                </c:pt>
                <c:pt idx="3300">
                  <c:v>55.694600000000001</c:v>
                </c:pt>
                <c:pt idx="3301">
                  <c:v>71.157300000000006</c:v>
                </c:pt>
                <c:pt idx="3302">
                  <c:v>81.197299999999998</c:v>
                </c:pt>
                <c:pt idx="3303">
                  <c:v>89.366</c:v>
                </c:pt>
                <c:pt idx="3304">
                  <c:v>92.124499999999998</c:v>
                </c:pt>
                <c:pt idx="3305">
                  <c:v>96.617199999999997</c:v>
                </c:pt>
                <c:pt idx="3306">
                  <c:v>97.5227</c:v>
                </c:pt>
                <c:pt idx="3307">
                  <c:v>98.737799999999993</c:v>
                </c:pt>
                <c:pt idx="3308">
                  <c:v>100.47199999999999</c:v>
                </c:pt>
                <c:pt idx="3309">
                  <c:v>101.27</c:v>
                </c:pt>
                <c:pt idx="3310">
                  <c:v>101.691</c:v>
                </c:pt>
                <c:pt idx="3311">
                  <c:v>27.985399999999998</c:v>
                </c:pt>
                <c:pt idx="3312">
                  <c:v>33.320099999999996</c:v>
                </c:pt>
                <c:pt idx="3313">
                  <c:v>43.089500000000001</c:v>
                </c:pt>
                <c:pt idx="3314">
                  <c:v>48.783200000000001</c:v>
                </c:pt>
                <c:pt idx="3315">
                  <c:v>56.949300000000001</c:v>
                </c:pt>
                <c:pt idx="3316">
                  <c:v>60.534100000000002</c:v>
                </c:pt>
                <c:pt idx="3317">
                  <c:v>64.804000000000002</c:v>
                </c:pt>
                <c:pt idx="3318">
                  <c:v>66.084100000000007</c:v>
                </c:pt>
                <c:pt idx="3319">
                  <c:v>66.662499999999994</c:v>
                </c:pt>
                <c:pt idx="3320">
                  <c:v>70.784400000000005</c:v>
                </c:pt>
                <c:pt idx="3321">
                  <c:v>70.033299999999997</c:v>
                </c:pt>
                <c:pt idx="3322">
                  <c:v>11.8453</c:v>
                </c:pt>
                <c:pt idx="3323">
                  <c:v>14.283200000000001</c:v>
                </c:pt>
                <c:pt idx="3324">
                  <c:v>14.173400000000001</c:v>
                </c:pt>
                <c:pt idx="3325">
                  <c:v>16.439599999999999</c:v>
                </c:pt>
                <c:pt idx="3326">
                  <c:v>18.898199999999999</c:v>
                </c:pt>
                <c:pt idx="3327">
                  <c:v>21.8612</c:v>
                </c:pt>
                <c:pt idx="3328">
                  <c:v>23.756499999999999</c:v>
                </c:pt>
                <c:pt idx="3329">
                  <c:v>26.012799999999999</c:v>
                </c:pt>
                <c:pt idx="3330">
                  <c:v>27.0992</c:v>
                </c:pt>
                <c:pt idx="3331">
                  <c:v>28.886099999999999</c:v>
                </c:pt>
                <c:pt idx="3332">
                  <c:v>29.754899999999999</c:v>
                </c:pt>
                <c:pt idx="3333">
                  <c:v>15.405200000000001</c:v>
                </c:pt>
                <c:pt idx="3334">
                  <c:v>14.7537</c:v>
                </c:pt>
                <c:pt idx="3335">
                  <c:v>14.1135</c:v>
                </c:pt>
                <c:pt idx="3336">
                  <c:v>14.279400000000001</c:v>
                </c:pt>
                <c:pt idx="3337">
                  <c:v>15.9641</c:v>
                </c:pt>
                <c:pt idx="3338">
                  <c:v>16.028099999999998</c:v>
                </c:pt>
                <c:pt idx="3339">
                  <c:v>16.055</c:v>
                </c:pt>
                <c:pt idx="3340">
                  <c:v>16.066299999999998</c:v>
                </c:pt>
                <c:pt idx="3341">
                  <c:v>15.8484</c:v>
                </c:pt>
                <c:pt idx="3342">
                  <c:v>15.674799999999999</c:v>
                </c:pt>
                <c:pt idx="3343">
                  <c:v>15.530900000000001</c:v>
                </c:pt>
                <c:pt idx="3344">
                  <c:v>15.405200000000001</c:v>
                </c:pt>
                <c:pt idx="3345">
                  <c:v>16.369299999999999</c:v>
                </c:pt>
                <c:pt idx="3346">
                  <c:v>16.450199999999999</c:v>
                </c:pt>
                <c:pt idx="3347">
                  <c:v>16.490600000000001</c:v>
                </c:pt>
                <c:pt idx="3348">
                  <c:v>15.9641</c:v>
                </c:pt>
                <c:pt idx="3349">
                  <c:v>16.028099999999998</c:v>
                </c:pt>
                <c:pt idx="3350">
                  <c:v>16.055</c:v>
                </c:pt>
                <c:pt idx="3351">
                  <c:v>16.077300000000001</c:v>
                </c:pt>
                <c:pt idx="3352">
                  <c:v>16.081800000000001</c:v>
                </c:pt>
                <c:pt idx="3353">
                  <c:v>16.085699999999999</c:v>
                </c:pt>
                <c:pt idx="3354">
                  <c:v>16.075900000000001</c:v>
                </c:pt>
                <c:pt idx="3355">
                  <c:v>15.405200000000001</c:v>
                </c:pt>
                <c:pt idx="3356">
                  <c:v>16.369299999999999</c:v>
                </c:pt>
                <c:pt idx="3357">
                  <c:v>16.450199999999999</c:v>
                </c:pt>
                <c:pt idx="3358">
                  <c:v>16.490600000000001</c:v>
                </c:pt>
                <c:pt idx="3359">
                  <c:v>15.9641</c:v>
                </c:pt>
                <c:pt idx="3360">
                  <c:v>16.028099999999998</c:v>
                </c:pt>
                <c:pt idx="3361">
                  <c:v>16.055</c:v>
                </c:pt>
                <c:pt idx="3362">
                  <c:v>16.077300000000001</c:v>
                </c:pt>
                <c:pt idx="3363">
                  <c:v>16.081800000000001</c:v>
                </c:pt>
                <c:pt idx="3364">
                  <c:v>16.085699999999999</c:v>
                </c:pt>
                <c:pt idx="3365">
                  <c:v>16.075900000000001</c:v>
                </c:pt>
                <c:pt idx="3366">
                  <c:v>15.405200000000001</c:v>
                </c:pt>
                <c:pt idx="3367">
                  <c:v>16.369299999999999</c:v>
                </c:pt>
                <c:pt idx="3368">
                  <c:v>16.450199999999999</c:v>
                </c:pt>
                <c:pt idx="3369">
                  <c:v>16.490600000000001</c:v>
                </c:pt>
                <c:pt idx="3370">
                  <c:v>15.9641</c:v>
                </c:pt>
                <c:pt idx="3371">
                  <c:v>16.028099999999998</c:v>
                </c:pt>
                <c:pt idx="3372">
                  <c:v>16.055</c:v>
                </c:pt>
                <c:pt idx="3373">
                  <c:v>16.077300000000001</c:v>
                </c:pt>
                <c:pt idx="3374">
                  <c:v>16.081800000000001</c:v>
                </c:pt>
                <c:pt idx="3375">
                  <c:v>16.085699999999999</c:v>
                </c:pt>
                <c:pt idx="3376">
                  <c:v>16.075900000000001</c:v>
                </c:pt>
                <c:pt idx="3377">
                  <c:v>15.405200000000001</c:v>
                </c:pt>
                <c:pt idx="3378">
                  <c:v>16.369299999999999</c:v>
                </c:pt>
                <c:pt idx="3379">
                  <c:v>16.450199999999999</c:v>
                </c:pt>
                <c:pt idx="3380">
                  <c:v>16.490600000000001</c:v>
                </c:pt>
                <c:pt idx="3381">
                  <c:v>15.9641</c:v>
                </c:pt>
                <c:pt idx="3382">
                  <c:v>16.028099999999998</c:v>
                </c:pt>
                <c:pt idx="3383">
                  <c:v>16.055</c:v>
                </c:pt>
                <c:pt idx="3384">
                  <c:v>16.077300000000001</c:v>
                </c:pt>
                <c:pt idx="3385">
                  <c:v>16.081800000000001</c:v>
                </c:pt>
                <c:pt idx="3386">
                  <c:v>16.085699999999999</c:v>
                </c:pt>
                <c:pt idx="3387">
                  <c:v>16.075900000000001</c:v>
                </c:pt>
                <c:pt idx="3388">
                  <c:v>15.405200000000001</c:v>
                </c:pt>
                <c:pt idx="3389">
                  <c:v>16.369299999999999</c:v>
                </c:pt>
                <c:pt idx="3390">
                  <c:v>16.450199999999999</c:v>
                </c:pt>
                <c:pt idx="3391">
                  <c:v>16.490600000000001</c:v>
                </c:pt>
                <c:pt idx="3392">
                  <c:v>15.9641</c:v>
                </c:pt>
                <c:pt idx="3393">
                  <c:v>16.028099999999998</c:v>
                </c:pt>
                <c:pt idx="3394">
                  <c:v>16.055</c:v>
                </c:pt>
                <c:pt idx="3395">
                  <c:v>16.077300000000001</c:v>
                </c:pt>
                <c:pt idx="3396">
                  <c:v>16.081800000000001</c:v>
                </c:pt>
                <c:pt idx="3397">
                  <c:v>16.085699999999999</c:v>
                </c:pt>
                <c:pt idx="3398">
                  <c:v>16.075900000000001</c:v>
                </c:pt>
                <c:pt idx="3399">
                  <c:v>15.405200000000001</c:v>
                </c:pt>
                <c:pt idx="3400">
                  <c:v>16.369299999999999</c:v>
                </c:pt>
                <c:pt idx="3401">
                  <c:v>16.450199999999999</c:v>
                </c:pt>
                <c:pt idx="3402">
                  <c:v>16.490600000000001</c:v>
                </c:pt>
                <c:pt idx="3403">
                  <c:v>15.9641</c:v>
                </c:pt>
                <c:pt idx="3404">
                  <c:v>16.028099999999998</c:v>
                </c:pt>
                <c:pt idx="3405">
                  <c:v>16.055</c:v>
                </c:pt>
                <c:pt idx="3406">
                  <c:v>16.077300000000001</c:v>
                </c:pt>
                <c:pt idx="3407">
                  <c:v>16.081800000000001</c:v>
                </c:pt>
                <c:pt idx="3408">
                  <c:v>16.085699999999999</c:v>
                </c:pt>
                <c:pt idx="3409">
                  <c:v>16.075900000000001</c:v>
                </c:pt>
                <c:pt idx="3410">
                  <c:v>15.405200000000001</c:v>
                </c:pt>
                <c:pt idx="3411">
                  <c:v>16.369299999999999</c:v>
                </c:pt>
                <c:pt idx="3412">
                  <c:v>16.450199999999999</c:v>
                </c:pt>
                <c:pt idx="3413">
                  <c:v>16.490600000000001</c:v>
                </c:pt>
                <c:pt idx="3414">
                  <c:v>15.9641</c:v>
                </c:pt>
                <c:pt idx="3415">
                  <c:v>16.028099999999998</c:v>
                </c:pt>
                <c:pt idx="3416">
                  <c:v>16.055</c:v>
                </c:pt>
                <c:pt idx="3417">
                  <c:v>16.077300000000001</c:v>
                </c:pt>
                <c:pt idx="3418">
                  <c:v>16.081800000000001</c:v>
                </c:pt>
                <c:pt idx="3419">
                  <c:v>16.085699999999999</c:v>
                </c:pt>
                <c:pt idx="3420">
                  <c:v>16.075900000000001</c:v>
                </c:pt>
                <c:pt idx="3421">
                  <c:v>15.405200000000001</c:v>
                </c:pt>
                <c:pt idx="3422">
                  <c:v>16.369299999999999</c:v>
                </c:pt>
                <c:pt idx="3423">
                  <c:v>16.450199999999999</c:v>
                </c:pt>
                <c:pt idx="3424">
                  <c:v>16.490600000000001</c:v>
                </c:pt>
                <c:pt idx="3425">
                  <c:v>15.9641</c:v>
                </c:pt>
                <c:pt idx="3426">
                  <c:v>16.028099999999998</c:v>
                </c:pt>
                <c:pt idx="3427">
                  <c:v>16.055</c:v>
                </c:pt>
                <c:pt idx="3428">
                  <c:v>16.077300000000001</c:v>
                </c:pt>
                <c:pt idx="3429">
                  <c:v>16.081800000000001</c:v>
                </c:pt>
                <c:pt idx="3430">
                  <c:v>16.085699999999999</c:v>
                </c:pt>
                <c:pt idx="3431">
                  <c:v>16.075900000000001</c:v>
                </c:pt>
                <c:pt idx="3432">
                  <c:v>55.694600000000001</c:v>
                </c:pt>
                <c:pt idx="3433">
                  <c:v>68.851100000000002</c:v>
                </c:pt>
                <c:pt idx="3434">
                  <c:v>79.904799999999994</c:v>
                </c:pt>
                <c:pt idx="3435">
                  <c:v>89.945800000000006</c:v>
                </c:pt>
                <c:pt idx="3436">
                  <c:v>96.380399999999995</c:v>
                </c:pt>
                <c:pt idx="3437">
                  <c:v>100.396</c:v>
                </c:pt>
                <c:pt idx="3438">
                  <c:v>101.973</c:v>
                </c:pt>
                <c:pt idx="3439">
                  <c:v>104.108</c:v>
                </c:pt>
                <c:pt idx="3440">
                  <c:v>105.913</c:v>
                </c:pt>
                <c:pt idx="3441">
                  <c:v>107.1</c:v>
                </c:pt>
                <c:pt idx="3442">
                  <c:v>106.845</c:v>
                </c:pt>
                <c:pt idx="3443">
                  <c:v>27.985399999999998</c:v>
                </c:pt>
                <c:pt idx="3444">
                  <c:v>32.643500000000003</c:v>
                </c:pt>
                <c:pt idx="3445">
                  <c:v>40.238300000000002</c:v>
                </c:pt>
                <c:pt idx="3446">
                  <c:v>43.9497</c:v>
                </c:pt>
                <c:pt idx="3447">
                  <c:v>55.684100000000001</c:v>
                </c:pt>
                <c:pt idx="3448">
                  <c:v>61.201599999999999</c:v>
                </c:pt>
                <c:pt idx="3449">
                  <c:v>65.216200000000001</c:v>
                </c:pt>
                <c:pt idx="3450">
                  <c:v>67.547499999999999</c:v>
                </c:pt>
                <c:pt idx="3451">
                  <c:v>68.256399999999999</c:v>
                </c:pt>
                <c:pt idx="3452">
                  <c:v>71.844800000000006</c:v>
                </c:pt>
                <c:pt idx="3453">
                  <c:v>74.499200000000002</c:v>
                </c:pt>
                <c:pt idx="3454">
                  <c:v>11.8453</c:v>
                </c:pt>
                <c:pt idx="3455">
                  <c:v>14.283200000000001</c:v>
                </c:pt>
                <c:pt idx="3456">
                  <c:v>14.173400000000001</c:v>
                </c:pt>
                <c:pt idx="3457">
                  <c:v>14.9938</c:v>
                </c:pt>
                <c:pt idx="3458">
                  <c:v>17.491299999999999</c:v>
                </c:pt>
                <c:pt idx="3459">
                  <c:v>19.808499999999999</c:v>
                </c:pt>
                <c:pt idx="3460">
                  <c:v>22.4543</c:v>
                </c:pt>
                <c:pt idx="3461">
                  <c:v>25.372599999999998</c:v>
                </c:pt>
                <c:pt idx="3462">
                  <c:v>26.661999999999999</c:v>
                </c:pt>
                <c:pt idx="3463">
                  <c:v>28.3749</c:v>
                </c:pt>
                <c:pt idx="3464">
                  <c:v>30.1755</c:v>
                </c:pt>
                <c:pt idx="3465">
                  <c:v>15.405200000000001</c:v>
                </c:pt>
                <c:pt idx="3466">
                  <c:v>14.7537</c:v>
                </c:pt>
                <c:pt idx="3467">
                  <c:v>14.1135</c:v>
                </c:pt>
                <c:pt idx="3468">
                  <c:v>14.279400000000001</c:v>
                </c:pt>
                <c:pt idx="3469">
                  <c:v>15.9641</c:v>
                </c:pt>
                <c:pt idx="3470">
                  <c:v>16.028099999999998</c:v>
                </c:pt>
                <c:pt idx="3471">
                  <c:v>16.055</c:v>
                </c:pt>
                <c:pt idx="3472">
                  <c:v>16.066299999999998</c:v>
                </c:pt>
                <c:pt idx="3473">
                  <c:v>15.8484</c:v>
                </c:pt>
                <c:pt idx="3474">
                  <c:v>15.674799999999999</c:v>
                </c:pt>
                <c:pt idx="3475">
                  <c:v>15.530900000000001</c:v>
                </c:pt>
                <c:pt idx="3476">
                  <c:v>15.405200000000001</c:v>
                </c:pt>
                <c:pt idx="3477">
                  <c:v>16.369299999999999</c:v>
                </c:pt>
                <c:pt idx="3478">
                  <c:v>16.450199999999999</c:v>
                </c:pt>
                <c:pt idx="3479">
                  <c:v>16.490600000000001</c:v>
                </c:pt>
                <c:pt idx="3480">
                  <c:v>15.9641</c:v>
                </c:pt>
                <c:pt idx="3481">
                  <c:v>16.028099999999998</c:v>
                </c:pt>
                <c:pt idx="3482">
                  <c:v>16.055</c:v>
                </c:pt>
                <c:pt idx="3483">
                  <c:v>16.077300000000001</c:v>
                </c:pt>
                <c:pt idx="3484">
                  <c:v>16.081800000000001</c:v>
                </c:pt>
                <c:pt idx="3485">
                  <c:v>16.085699999999999</c:v>
                </c:pt>
                <c:pt idx="3486">
                  <c:v>16.075900000000001</c:v>
                </c:pt>
                <c:pt idx="3487">
                  <c:v>15.405200000000001</c:v>
                </c:pt>
                <c:pt idx="3488">
                  <c:v>16.369299999999999</c:v>
                </c:pt>
                <c:pt idx="3489">
                  <c:v>16.450199999999999</c:v>
                </c:pt>
                <c:pt idx="3490">
                  <c:v>16.490600000000001</c:v>
                </c:pt>
                <c:pt idx="3491">
                  <c:v>15.9641</c:v>
                </c:pt>
                <c:pt idx="3492">
                  <c:v>16.028099999999998</c:v>
                </c:pt>
                <c:pt idx="3493">
                  <c:v>16.055</c:v>
                </c:pt>
                <c:pt idx="3494">
                  <c:v>16.077300000000001</c:v>
                </c:pt>
                <c:pt idx="3495">
                  <c:v>16.081800000000001</c:v>
                </c:pt>
                <c:pt idx="3496">
                  <c:v>16.085699999999999</c:v>
                </c:pt>
                <c:pt idx="3497">
                  <c:v>16.075900000000001</c:v>
                </c:pt>
                <c:pt idx="3498">
                  <c:v>15.405200000000001</c:v>
                </c:pt>
                <c:pt idx="3499">
                  <c:v>16.369299999999999</c:v>
                </c:pt>
                <c:pt idx="3500">
                  <c:v>16.450199999999999</c:v>
                </c:pt>
                <c:pt idx="3501">
                  <c:v>16.490600000000001</c:v>
                </c:pt>
                <c:pt idx="3502">
                  <c:v>15.9641</c:v>
                </c:pt>
                <c:pt idx="3503">
                  <c:v>16.028099999999998</c:v>
                </c:pt>
                <c:pt idx="3504">
                  <c:v>16.055</c:v>
                </c:pt>
                <c:pt idx="3505">
                  <c:v>16.077300000000001</c:v>
                </c:pt>
                <c:pt idx="3506">
                  <c:v>16.081800000000001</c:v>
                </c:pt>
                <c:pt idx="3507">
                  <c:v>16.085699999999999</c:v>
                </c:pt>
                <c:pt idx="3508">
                  <c:v>16.075900000000001</c:v>
                </c:pt>
                <c:pt idx="3509">
                  <c:v>15.405200000000001</c:v>
                </c:pt>
                <c:pt idx="3510">
                  <c:v>16.369299999999999</c:v>
                </c:pt>
                <c:pt idx="3511">
                  <c:v>16.450199999999999</c:v>
                </c:pt>
                <c:pt idx="3512">
                  <c:v>16.490600000000001</c:v>
                </c:pt>
                <c:pt idx="3513">
                  <c:v>15.9641</c:v>
                </c:pt>
                <c:pt idx="3514">
                  <c:v>16.028099999999998</c:v>
                </c:pt>
                <c:pt idx="3515">
                  <c:v>16.055</c:v>
                </c:pt>
                <c:pt idx="3516">
                  <c:v>16.077300000000001</c:v>
                </c:pt>
                <c:pt idx="3517">
                  <c:v>16.081800000000001</c:v>
                </c:pt>
                <c:pt idx="3518">
                  <c:v>16.085699999999999</c:v>
                </c:pt>
                <c:pt idx="3519">
                  <c:v>16.075900000000001</c:v>
                </c:pt>
                <c:pt idx="3520">
                  <c:v>15.405200000000001</c:v>
                </c:pt>
                <c:pt idx="3521">
                  <c:v>16.369299999999999</c:v>
                </c:pt>
                <c:pt idx="3522">
                  <c:v>16.450199999999999</c:v>
                </c:pt>
                <c:pt idx="3523">
                  <c:v>16.490600000000001</c:v>
                </c:pt>
                <c:pt idx="3524">
                  <c:v>15.9641</c:v>
                </c:pt>
                <c:pt idx="3525">
                  <c:v>16.028099999999998</c:v>
                </c:pt>
                <c:pt idx="3526">
                  <c:v>16.055</c:v>
                </c:pt>
                <c:pt idx="3527">
                  <c:v>16.077300000000001</c:v>
                </c:pt>
                <c:pt idx="3528">
                  <c:v>16.081800000000001</c:v>
                </c:pt>
                <c:pt idx="3529">
                  <c:v>16.085699999999999</c:v>
                </c:pt>
                <c:pt idx="3530">
                  <c:v>16.075900000000001</c:v>
                </c:pt>
                <c:pt idx="3531">
                  <c:v>15.405200000000001</c:v>
                </c:pt>
                <c:pt idx="3532">
                  <c:v>16.369299999999999</c:v>
                </c:pt>
                <c:pt idx="3533">
                  <c:v>16.450199999999999</c:v>
                </c:pt>
                <c:pt idx="3534">
                  <c:v>16.490600000000001</c:v>
                </c:pt>
                <c:pt idx="3535">
                  <c:v>15.9641</c:v>
                </c:pt>
                <c:pt idx="3536">
                  <c:v>16.028099999999998</c:v>
                </c:pt>
                <c:pt idx="3537">
                  <c:v>16.055</c:v>
                </c:pt>
                <c:pt idx="3538">
                  <c:v>16.077300000000001</c:v>
                </c:pt>
                <c:pt idx="3539">
                  <c:v>16.081800000000001</c:v>
                </c:pt>
                <c:pt idx="3540">
                  <c:v>16.085699999999999</c:v>
                </c:pt>
                <c:pt idx="3541">
                  <c:v>16.075900000000001</c:v>
                </c:pt>
                <c:pt idx="3542">
                  <c:v>15.405200000000001</c:v>
                </c:pt>
                <c:pt idx="3543">
                  <c:v>16.369299999999999</c:v>
                </c:pt>
                <c:pt idx="3544">
                  <c:v>16.450199999999999</c:v>
                </c:pt>
                <c:pt idx="3545">
                  <c:v>16.490600000000001</c:v>
                </c:pt>
                <c:pt idx="3546">
                  <c:v>15.9641</c:v>
                </c:pt>
                <c:pt idx="3547">
                  <c:v>16.028099999999998</c:v>
                </c:pt>
                <c:pt idx="3548">
                  <c:v>16.055</c:v>
                </c:pt>
                <c:pt idx="3549">
                  <c:v>16.077300000000001</c:v>
                </c:pt>
                <c:pt idx="3550">
                  <c:v>16.081800000000001</c:v>
                </c:pt>
                <c:pt idx="3551">
                  <c:v>16.085699999999999</c:v>
                </c:pt>
                <c:pt idx="3552">
                  <c:v>16.075900000000001</c:v>
                </c:pt>
                <c:pt idx="3553">
                  <c:v>15.405200000000001</c:v>
                </c:pt>
                <c:pt idx="3554">
                  <c:v>16.369299999999999</c:v>
                </c:pt>
                <c:pt idx="3555">
                  <c:v>16.450199999999999</c:v>
                </c:pt>
                <c:pt idx="3556">
                  <c:v>16.490600000000001</c:v>
                </c:pt>
                <c:pt idx="3557">
                  <c:v>15.9641</c:v>
                </c:pt>
                <c:pt idx="3558">
                  <c:v>16.028099999999998</c:v>
                </c:pt>
                <c:pt idx="3559">
                  <c:v>16.055</c:v>
                </c:pt>
                <c:pt idx="3560">
                  <c:v>16.077300000000001</c:v>
                </c:pt>
                <c:pt idx="3561">
                  <c:v>16.081800000000001</c:v>
                </c:pt>
                <c:pt idx="3562">
                  <c:v>16.085699999999999</c:v>
                </c:pt>
                <c:pt idx="3563">
                  <c:v>16.075900000000001</c:v>
                </c:pt>
                <c:pt idx="3564">
                  <c:v>55.694600000000001</c:v>
                </c:pt>
                <c:pt idx="3565">
                  <c:v>68.851100000000002</c:v>
                </c:pt>
                <c:pt idx="3566">
                  <c:v>76.731999999999999</c:v>
                </c:pt>
                <c:pt idx="3567">
                  <c:v>88.139200000000002</c:v>
                </c:pt>
                <c:pt idx="3568">
                  <c:v>93.734999999999999</c:v>
                </c:pt>
                <c:pt idx="3569">
                  <c:v>99.701400000000007</c:v>
                </c:pt>
                <c:pt idx="3570">
                  <c:v>102.203</c:v>
                </c:pt>
                <c:pt idx="3571">
                  <c:v>106.804</c:v>
                </c:pt>
                <c:pt idx="3572">
                  <c:v>108.848</c:v>
                </c:pt>
                <c:pt idx="3573">
                  <c:v>106.732</c:v>
                </c:pt>
                <c:pt idx="3574">
                  <c:v>108.955</c:v>
                </c:pt>
                <c:pt idx="3575">
                  <c:v>27.985399999999998</c:v>
                </c:pt>
                <c:pt idx="3576">
                  <c:v>32.643500000000003</c:v>
                </c:pt>
                <c:pt idx="3577">
                  <c:v>39.701999999999998</c:v>
                </c:pt>
                <c:pt idx="3578">
                  <c:v>41.216799999999999</c:v>
                </c:pt>
                <c:pt idx="3579">
                  <c:v>53.403599999999997</c:v>
                </c:pt>
                <c:pt idx="3580">
                  <c:v>57.376800000000003</c:v>
                </c:pt>
                <c:pt idx="3581">
                  <c:v>64.157300000000006</c:v>
                </c:pt>
                <c:pt idx="3582">
                  <c:v>66.852699999999999</c:v>
                </c:pt>
                <c:pt idx="3583">
                  <c:v>69.337500000000006</c:v>
                </c:pt>
                <c:pt idx="3584">
                  <c:v>68.748500000000007</c:v>
                </c:pt>
                <c:pt idx="3585">
                  <c:v>73.825800000000001</c:v>
                </c:pt>
                <c:pt idx="3586">
                  <c:v>11.8453</c:v>
                </c:pt>
                <c:pt idx="3587">
                  <c:v>14.283200000000001</c:v>
                </c:pt>
                <c:pt idx="3588">
                  <c:v>14.173400000000001</c:v>
                </c:pt>
                <c:pt idx="3589">
                  <c:v>13.783799999999999</c:v>
                </c:pt>
                <c:pt idx="3590">
                  <c:v>15.846500000000001</c:v>
                </c:pt>
                <c:pt idx="3591">
                  <c:v>18.389199999999999</c:v>
                </c:pt>
                <c:pt idx="3592">
                  <c:v>21.618099999999998</c:v>
                </c:pt>
                <c:pt idx="3593">
                  <c:v>23.58</c:v>
                </c:pt>
                <c:pt idx="3594">
                  <c:v>26.3355</c:v>
                </c:pt>
                <c:pt idx="3595">
                  <c:v>27.526499999999999</c:v>
                </c:pt>
                <c:pt idx="3596">
                  <c:v>29.335999999999999</c:v>
                </c:pt>
                <c:pt idx="3597">
                  <c:v>15.405200000000001</c:v>
                </c:pt>
                <c:pt idx="3598">
                  <c:v>14.7537</c:v>
                </c:pt>
                <c:pt idx="3599">
                  <c:v>14.1135</c:v>
                </c:pt>
                <c:pt idx="3600">
                  <c:v>14.279400000000001</c:v>
                </c:pt>
                <c:pt idx="3601">
                  <c:v>15.9641</c:v>
                </c:pt>
                <c:pt idx="3602">
                  <c:v>16.028099999999998</c:v>
                </c:pt>
                <c:pt idx="3603">
                  <c:v>16.055</c:v>
                </c:pt>
                <c:pt idx="3604">
                  <c:v>16.066299999999998</c:v>
                </c:pt>
                <c:pt idx="3605">
                  <c:v>15.8484</c:v>
                </c:pt>
                <c:pt idx="3606">
                  <c:v>15.674799999999999</c:v>
                </c:pt>
                <c:pt idx="3607">
                  <c:v>15.530900000000001</c:v>
                </c:pt>
                <c:pt idx="3608">
                  <c:v>15.405200000000001</c:v>
                </c:pt>
                <c:pt idx="3609">
                  <c:v>16.369299999999999</c:v>
                </c:pt>
                <c:pt idx="3610">
                  <c:v>16.450199999999999</c:v>
                </c:pt>
                <c:pt idx="3611">
                  <c:v>16.490600000000001</c:v>
                </c:pt>
                <c:pt idx="3612">
                  <c:v>15.9641</c:v>
                </c:pt>
                <c:pt idx="3613">
                  <c:v>16.028099999999998</c:v>
                </c:pt>
                <c:pt idx="3614">
                  <c:v>16.055</c:v>
                </c:pt>
                <c:pt idx="3615">
                  <c:v>16.077300000000001</c:v>
                </c:pt>
                <c:pt idx="3616">
                  <c:v>16.081800000000001</c:v>
                </c:pt>
                <c:pt idx="3617">
                  <c:v>16.085699999999999</c:v>
                </c:pt>
                <c:pt idx="3618">
                  <c:v>16.075900000000001</c:v>
                </c:pt>
                <c:pt idx="3619">
                  <c:v>15.405200000000001</c:v>
                </c:pt>
                <c:pt idx="3620">
                  <c:v>16.369299999999999</c:v>
                </c:pt>
                <c:pt idx="3621">
                  <c:v>16.450199999999999</c:v>
                </c:pt>
                <c:pt idx="3622">
                  <c:v>16.490600000000001</c:v>
                </c:pt>
                <c:pt idx="3623">
                  <c:v>15.9641</c:v>
                </c:pt>
                <c:pt idx="3624">
                  <c:v>16.028099999999998</c:v>
                </c:pt>
                <c:pt idx="3625">
                  <c:v>16.055</c:v>
                </c:pt>
                <c:pt idx="3626">
                  <c:v>16.077300000000001</c:v>
                </c:pt>
                <c:pt idx="3627">
                  <c:v>16.081800000000001</c:v>
                </c:pt>
                <c:pt idx="3628">
                  <c:v>16.085699999999999</c:v>
                </c:pt>
                <c:pt idx="3629">
                  <c:v>16.075900000000001</c:v>
                </c:pt>
                <c:pt idx="3630">
                  <c:v>15.405200000000001</c:v>
                </c:pt>
                <c:pt idx="3631">
                  <c:v>16.369299999999999</c:v>
                </c:pt>
                <c:pt idx="3632">
                  <c:v>16.450199999999999</c:v>
                </c:pt>
                <c:pt idx="3633">
                  <c:v>16.490600000000001</c:v>
                </c:pt>
                <c:pt idx="3634">
                  <c:v>15.9641</c:v>
                </c:pt>
                <c:pt idx="3635">
                  <c:v>16.028099999999998</c:v>
                </c:pt>
                <c:pt idx="3636">
                  <c:v>16.055</c:v>
                </c:pt>
                <c:pt idx="3637">
                  <c:v>16.077300000000001</c:v>
                </c:pt>
                <c:pt idx="3638">
                  <c:v>16.081800000000001</c:v>
                </c:pt>
                <c:pt idx="3639">
                  <c:v>16.085699999999999</c:v>
                </c:pt>
                <c:pt idx="3640">
                  <c:v>16.075900000000001</c:v>
                </c:pt>
                <c:pt idx="3641">
                  <c:v>15.405200000000001</c:v>
                </c:pt>
                <c:pt idx="3642">
                  <c:v>16.369299999999999</c:v>
                </c:pt>
                <c:pt idx="3643">
                  <c:v>16.450199999999999</c:v>
                </c:pt>
                <c:pt idx="3644">
                  <c:v>16.490600000000001</c:v>
                </c:pt>
                <c:pt idx="3645">
                  <c:v>15.9641</c:v>
                </c:pt>
                <c:pt idx="3646">
                  <c:v>16.028099999999998</c:v>
                </c:pt>
                <c:pt idx="3647">
                  <c:v>16.055</c:v>
                </c:pt>
                <c:pt idx="3648">
                  <c:v>16.077300000000001</c:v>
                </c:pt>
                <c:pt idx="3649">
                  <c:v>16.081800000000001</c:v>
                </c:pt>
                <c:pt idx="3650">
                  <c:v>16.085699999999999</c:v>
                </c:pt>
                <c:pt idx="3651">
                  <c:v>16.075900000000001</c:v>
                </c:pt>
                <c:pt idx="3652">
                  <c:v>15.405200000000001</c:v>
                </c:pt>
                <c:pt idx="3653">
                  <c:v>16.369299999999999</c:v>
                </c:pt>
                <c:pt idx="3654">
                  <c:v>16.450199999999999</c:v>
                </c:pt>
                <c:pt idx="3655">
                  <c:v>16.490600000000001</c:v>
                </c:pt>
                <c:pt idx="3656">
                  <c:v>15.9641</c:v>
                </c:pt>
                <c:pt idx="3657">
                  <c:v>16.028099999999998</c:v>
                </c:pt>
                <c:pt idx="3658">
                  <c:v>16.055</c:v>
                </c:pt>
                <c:pt idx="3659">
                  <c:v>16.077300000000001</c:v>
                </c:pt>
                <c:pt idx="3660">
                  <c:v>16.081800000000001</c:v>
                </c:pt>
                <c:pt idx="3661">
                  <c:v>16.085699999999999</c:v>
                </c:pt>
                <c:pt idx="3662">
                  <c:v>16.075900000000001</c:v>
                </c:pt>
                <c:pt idx="3663">
                  <c:v>15.405200000000001</c:v>
                </c:pt>
                <c:pt idx="3664">
                  <c:v>16.369299999999999</c:v>
                </c:pt>
                <c:pt idx="3665">
                  <c:v>16.450199999999999</c:v>
                </c:pt>
                <c:pt idx="3666">
                  <c:v>16.490600000000001</c:v>
                </c:pt>
                <c:pt idx="3667">
                  <c:v>15.9641</c:v>
                </c:pt>
                <c:pt idx="3668">
                  <c:v>16.028099999999998</c:v>
                </c:pt>
                <c:pt idx="3669">
                  <c:v>16.055</c:v>
                </c:pt>
                <c:pt idx="3670">
                  <c:v>16.077300000000001</c:v>
                </c:pt>
                <c:pt idx="3671">
                  <c:v>16.081800000000001</c:v>
                </c:pt>
                <c:pt idx="3672">
                  <c:v>16.085699999999999</c:v>
                </c:pt>
                <c:pt idx="3673">
                  <c:v>16.075900000000001</c:v>
                </c:pt>
                <c:pt idx="3674">
                  <c:v>15.405200000000001</c:v>
                </c:pt>
                <c:pt idx="3675">
                  <c:v>16.369299999999999</c:v>
                </c:pt>
                <c:pt idx="3676">
                  <c:v>16.450199999999999</c:v>
                </c:pt>
                <c:pt idx="3677">
                  <c:v>16.490600000000001</c:v>
                </c:pt>
                <c:pt idx="3678">
                  <c:v>15.9641</c:v>
                </c:pt>
                <c:pt idx="3679">
                  <c:v>16.028099999999998</c:v>
                </c:pt>
                <c:pt idx="3680">
                  <c:v>16.055</c:v>
                </c:pt>
                <c:pt idx="3681">
                  <c:v>16.077300000000001</c:v>
                </c:pt>
                <c:pt idx="3682">
                  <c:v>16.081800000000001</c:v>
                </c:pt>
                <c:pt idx="3683">
                  <c:v>16.085699999999999</c:v>
                </c:pt>
                <c:pt idx="3684">
                  <c:v>16.075900000000001</c:v>
                </c:pt>
                <c:pt idx="3685">
                  <c:v>15.405200000000001</c:v>
                </c:pt>
                <c:pt idx="3686">
                  <c:v>16.369299999999999</c:v>
                </c:pt>
                <c:pt idx="3687">
                  <c:v>16.450199999999999</c:v>
                </c:pt>
                <c:pt idx="3688">
                  <c:v>16.490600000000001</c:v>
                </c:pt>
                <c:pt idx="3689">
                  <c:v>15.9641</c:v>
                </c:pt>
                <c:pt idx="3690">
                  <c:v>16.028099999999998</c:v>
                </c:pt>
                <c:pt idx="3691">
                  <c:v>16.055</c:v>
                </c:pt>
                <c:pt idx="3692">
                  <c:v>16.077300000000001</c:v>
                </c:pt>
                <c:pt idx="3693">
                  <c:v>16.081800000000001</c:v>
                </c:pt>
                <c:pt idx="3694">
                  <c:v>16.085699999999999</c:v>
                </c:pt>
                <c:pt idx="3695">
                  <c:v>16.075900000000001</c:v>
                </c:pt>
                <c:pt idx="3696">
                  <c:v>55.694600000000001</c:v>
                </c:pt>
                <c:pt idx="3697">
                  <c:v>68.851100000000002</c:v>
                </c:pt>
                <c:pt idx="3698">
                  <c:v>76.487499999999997</c:v>
                </c:pt>
                <c:pt idx="3699">
                  <c:v>85.012200000000007</c:v>
                </c:pt>
                <c:pt idx="3700">
                  <c:v>91.924300000000002</c:v>
                </c:pt>
                <c:pt idx="3701">
                  <c:v>99.248900000000006</c:v>
                </c:pt>
                <c:pt idx="3702">
                  <c:v>104.70399999999999</c:v>
                </c:pt>
                <c:pt idx="3703">
                  <c:v>107.89400000000001</c:v>
                </c:pt>
                <c:pt idx="3704">
                  <c:v>106.669</c:v>
                </c:pt>
                <c:pt idx="3705">
                  <c:v>108.623</c:v>
                </c:pt>
                <c:pt idx="3706">
                  <c:v>111.242</c:v>
                </c:pt>
                <c:pt idx="3707">
                  <c:v>27.985399999999998</c:v>
                </c:pt>
                <c:pt idx="3708">
                  <c:v>32.643500000000003</c:v>
                </c:pt>
                <c:pt idx="3709">
                  <c:v>39.701999999999998</c:v>
                </c:pt>
                <c:pt idx="3710">
                  <c:v>41.216799999999999</c:v>
                </c:pt>
                <c:pt idx="3711">
                  <c:v>50.386499999999998</c:v>
                </c:pt>
                <c:pt idx="3712">
                  <c:v>55.057200000000002</c:v>
                </c:pt>
                <c:pt idx="3713">
                  <c:v>61.6922</c:v>
                </c:pt>
                <c:pt idx="3714">
                  <c:v>63.435200000000002</c:v>
                </c:pt>
                <c:pt idx="3715">
                  <c:v>68.318299999999994</c:v>
                </c:pt>
                <c:pt idx="3716">
                  <c:v>70.327500000000001</c:v>
                </c:pt>
                <c:pt idx="3717">
                  <c:v>73.744500000000002</c:v>
                </c:pt>
                <c:pt idx="3718">
                  <c:v>11.8453</c:v>
                </c:pt>
                <c:pt idx="3719">
                  <c:v>14.283200000000001</c:v>
                </c:pt>
                <c:pt idx="3720">
                  <c:v>14.173400000000001</c:v>
                </c:pt>
                <c:pt idx="3721">
                  <c:v>13.783799999999999</c:v>
                </c:pt>
                <c:pt idx="3722">
                  <c:v>14.2498</c:v>
                </c:pt>
                <c:pt idx="3723">
                  <c:v>16.542300000000001</c:v>
                </c:pt>
                <c:pt idx="3724">
                  <c:v>18.697800000000001</c:v>
                </c:pt>
                <c:pt idx="3725">
                  <c:v>21.923500000000001</c:v>
                </c:pt>
                <c:pt idx="3726">
                  <c:v>25.335799999999999</c:v>
                </c:pt>
                <c:pt idx="3727">
                  <c:v>26.8901</c:v>
                </c:pt>
                <c:pt idx="3728">
                  <c:v>27.960899999999999</c:v>
                </c:pt>
                <c:pt idx="3729">
                  <c:v>15.405200000000001</c:v>
                </c:pt>
                <c:pt idx="3730">
                  <c:v>14.7537</c:v>
                </c:pt>
                <c:pt idx="3731">
                  <c:v>14.1135</c:v>
                </c:pt>
                <c:pt idx="3732">
                  <c:v>14.279400000000001</c:v>
                </c:pt>
                <c:pt idx="3733">
                  <c:v>15.9641</c:v>
                </c:pt>
                <c:pt idx="3734">
                  <c:v>16.028099999999998</c:v>
                </c:pt>
                <c:pt idx="3735">
                  <c:v>16.055</c:v>
                </c:pt>
                <c:pt idx="3736">
                  <c:v>16.066299999999998</c:v>
                </c:pt>
                <c:pt idx="3737">
                  <c:v>15.8484</c:v>
                </c:pt>
                <c:pt idx="3738">
                  <c:v>15.674799999999999</c:v>
                </c:pt>
                <c:pt idx="3739">
                  <c:v>15.530900000000001</c:v>
                </c:pt>
                <c:pt idx="3740">
                  <c:v>15.405200000000001</c:v>
                </c:pt>
                <c:pt idx="3741">
                  <c:v>16.369299999999999</c:v>
                </c:pt>
                <c:pt idx="3742">
                  <c:v>16.450199999999999</c:v>
                </c:pt>
                <c:pt idx="3743">
                  <c:v>16.490600000000001</c:v>
                </c:pt>
                <c:pt idx="3744">
                  <c:v>15.9641</c:v>
                </c:pt>
                <c:pt idx="3745">
                  <c:v>16.028099999999998</c:v>
                </c:pt>
                <c:pt idx="3746">
                  <c:v>16.055</c:v>
                </c:pt>
                <c:pt idx="3747">
                  <c:v>16.077300000000001</c:v>
                </c:pt>
                <c:pt idx="3748">
                  <c:v>16.081800000000001</c:v>
                </c:pt>
                <c:pt idx="3749">
                  <c:v>16.085699999999999</c:v>
                </c:pt>
                <c:pt idx="3750">
                  <c:v>16.075900000000001</c:v>
                </c:pt>
                <c:pt idx="3751">
                  <c:v>15.405200000000001</c:v>
                </c:pt>
                <c:pt idx="3752">
                  <c:v>16.369299999999999</c:v>
                </c:pt>
                <c:pt idx="3753">
                  <c:v>16.450199999999999</c:v>
                </c:pt>
                <c:pt idx="3754">
                  <c:v>16.490600000000001</c:v>
                </c:pt>
                <c:pt idx="3755">
                  <c:v>15.9641</c:v>
                </c:pt>
                <c:pt idx="3756">
                  <c:v>16.028099999999998</c:v>
                </c:pt>
                <c:pt idx="3757">
                  <c:v>16.055</c:v>
                </c:pt>
                <c:pt idx="3758">
                  <c:v>16.077300000000001</c:v>
                </c:pt>
                <c:pt idx="3759">
                  <c:v>16.081800000000001</c:v>
                </c:pt>
                <c:pt idx="3760">
                  <c:v>16.085699999999999</c:v>
                </c:pt>
                <c:pt idx="3761">
                  <c:v>16.075900000000001</c:v>
                </c:pt>
                <c:pt idx="3762">
                  <c:v>15.405200000000001</c:v>
                </c:pt>
                <c:pt idx="3763">
                  <c:v>16.369299999999999</c:v>
                </c:pt>
                <c:pt idx="3764">
                  <c:v>16.450199999999999</c:v>
                </c:pt>
                <c:pt idx="3765">
                  <c:v>16.490600000000001</c:v>
                </c:pt>
                <c:pt idx="3766">
                  <c:v>15.9641</c:v>
                </c:pt>
                <c:pt idx="3767">
                  <c:v>16.028099999999998</c:v>
                </c:pt>
                <c:pt idx="3768">
                  <c:v>16.055</c:v>
                </c:pt>
                <c:pt idx="3769">
                  <c:v>16.077300000000001</c:v>
                </c:pt>
                <c:pt idx="3770">
                  <c:v>16.081800000000001</c:v>
                </c:pt>
                <c:pt idx="3771">
                  <c:v>16.085699999999999</c:v>
                </c:pt>
                <c:pt idx="3772">
                  <c:v>16.075900000000001</c:v>
                </c:pt>
                <c:pt idx="3773">
                  <c:v>15.405200000000001</c:v>
                </c:pt>
                <c:pt idx="3774">
                  <c:v>16.369299999999999</c:v>
                </c:pt>
                <c:pt idx="3775">
                  <c:v>16.450199999999999</c:v>
                </c:pt>
                <c:pt idx="3776">
                  <c:v>16.490600000000001</c:v>
                </c:pt>
                <c:pt idx="3777">
                  <c:v>15.9641</c:v>
                </c:pt>
                <c:pt idx="3778">
                  <c:v>16.028099999999998</c:v>
                </c:pt>
                <c:pt idx="3779">
                  <c:v>16.055</c:v>
                </c:pt>
                <c:pt idx="3780">
                  <c:v>16.077300000000001</c:v>
                </c:pt>
                <c:pt idx="3781">
                  <c:v>16.081800000000001</c:v>
                </c:pt>
                <c:pt idx="3782">
                  <c:v>16.085699999999999</c:v>
                </c:pt>
                <c:pt idx="3783">
                  <c:v>16.075900000000001</c:v>
                </c:pt>
                <c:pt idx="3784">
                  <c:v>15.405200000000001</c:v>
                </c:pt>
                <c:pt idx="3785">
                  <c:v>16.369299999999999</c:v>
                </c:pt>
                <c:pt idx="3786">
                  <c:v>16.450199999999999</c:v>
                </c:pt>
                <c:pt idx="3787">
                  <c:v>16.490600000000001</c:v>
                </c:pt>
                <c:pt idx="3788">
                  <c:v>15.9641</c:v>
                </c:pt>
                <c:pt idx="3789">
                  <c:v>16.028099999999998</c:v>
                </c:pt>
                <c:pt idx="3790">
                  <c:v>16.055</c:v>
                </c:pt>
                <c:pt idx="3791">
                  <c:v>16.077300000000001</c:v>
                </c:pt>
                <c:pt idx="3792">
                  <c:v>16.081800000000001</c:v>
                </c:pt>
                <c:pt idx="3793">
                  <c:v>16.085699999999999</c:v>
                </c:pt>
                <c:pt idx="3794">
                  <c:v>16.075900000000001</c:v>
                </c:pt>
                <c:pt idx="3795">
                  <c:v>15.405200000000001</c:v>
                </c:pt>
                <c:pt idx="3796">
                  <c:v>16.369299999999999</c:v>
                </c:pt>
                <c:pt idx="3797">
                  <c:v>16.450199999999999</c:v>
                </c:pt>
                <c:pt idx="3798">
                  <c:v>16.490600000000001</c:v>
                </c:pt>
                <c:pt idx="3799">
                  <c:v>15.9641</c:v>
                </c:pt>
                <c:pt idx="3800">
                  <c:v>16.028099999999998</c:v>
                </c:pt>
                <c:pt idx="3801">
                  <c:v>16.055</c:v>
                </c:pt>
                <c:pt idx="3802">
                  <c:v>16.077300000000001</c:v>
                </c:pt>
                <c:pt idx="3803">
                  <c:v>16.081800000000001</c:v>
                </c:pt>
                <c:pt idx="3804">
                  <c:v>16.085699999999999</c:v>
                </c:pt>
                <c:pt idx="3805">
                  <c:v>16.075900000000001</c:v>
                </c:pt>
                <c:pt idx="3806">
                  <c:v>15.405200000000001</c:v>
                </c:pt>
                <c:pt idx="3807">
                  <c:v>16.369299999999999</c:v>
                </c:pt>
                <c:pt idx="3808">
                  <c:v>16.450199999999999</c:v>
                </c:pt>
                <c:pt idx="3809">
                  <c:v>16.490600000000001</c:v>
                </c:pt>
                <c:pt idx="3810">
                  <c:v>15.9641</c:v>
                </c:pt>
                <c:pt idx="3811">
                  <c:v>16.028099999999998</c:v>
                </c:pt>
                <c:pt idx="3812">
                  <c:v>16.055</c:v>
                </c:pt>
                <c:pt idx="3813">
                  <c:v>16.077300000000001</c:v>
                </c:pt>
                <c:pt idx="3814">
                  <c:v>16.081800000000001</c:v>
                </c:pt>
                <c:pt idx="3815">
                  <c:v>16.085699999999999</c:v>
                </c:pt>
                <c:pt idx="3816">
                  <c:v>16.075900000000001</c:v>
                </c:pt>
                <c:pt idx="3817">
                  <c:v>15.405200000000001</c:v>
                </c:pt>
                <c:pt idx="3818">
                  <c:v>16.369299999999999</c:v>
                </c:pt>
                <c:pt idx="3819">
                  <c:v>16.450199999999999</c:v>
                </c:pt>
                <c:pt idx="3820">
                  <c:v>16.490600000000001</c:v>
                </c:pt>
                <c:pt idx="3821">
                  <c:v>15.9641</c:v>
                </c:pt>
                <c:pt idx="3822">
                  <c:v>16.028099999999998</c:v>
                </c:pt>
                <c:pt idx="3823">
                  <c:v>16.055</c:v>
                </c:pt>
                <c:pt idx="3824">
                  <c:v>16.077300000000001</c:v>
                </c:pt>
                <c:pt idx="3825">
                  <c:v>16.081800000000001</c:v>
                </c:pt>
                <c:pt idx="3826">
                  <c:v>16.085699999999999</c:v>
                </c:pt>
                <c:pt idx="3827">
                  <c:v>16.075900000000001</c:v>
                </c:pt>
                <c:pt idx="3828">
                  <c:v>55.694600000000001</c:v>
                </c:pt>
                <c:pt idx="3829">
                  <c:v>68.851100000000002</c:v>
                </c:pt>
                <c:pt idx="3830">
                  <c:v>76.487499999999997</c:v>
                </c:pt>
                <c:pt idx="3831">
                  <c:v>84.554900000000004</c:v>
                </c:pt>
                <c:pt idx="3832">
                  <c:v>88.718999999999994</c:v>
                </c:pt>
                <c:pt idx="3833">
                  <c:v>97.09</c:v>
                </c:pt>
                <c:pt idx="3834">
                  <c:v>103.355</c:v>
                </c:pt>
                <c:pt idx="3835">
                  <c:v>108.03400000000001</c:v>
                </c:pt>
                <c:pt idx="3836">
                  <c:v>111.539</c:v>
                </c:pt>
                <c:pt idx="3837">
                  <c:v>109.947</c:v>
                </c:pt>
                <c:pt idx="3838">
                  <c:v>115.042</c:v>
                </c:pt>
                <c:pt idx="3839">
                  <c:v>27.985399999999998</c:v>
                </c:pt>
                <c:pt idx="3840">
                  <c:v>32.643500000000003</c:v>
                </c:pt>
                <c:pt idx="3841">
                  <c:v>39.701999999999998</c:v>
                </c:pt>
                <c:pt idx="3842">
                  <c:v>41.216799999999999</c:v>
                </c:pt>
                <c:pt idx="3843">
                  <c:v>49.104900000000001</c:v>
                </c:pt>
                <c:pt idx="3844">
                  <c:v>52.087400000000002</c:v>
                </c:pt>
                <c:pt idx="3845">
                  <c:v>58.8932</c:v>
                </c:pt>
                <c:pt idx="3846">
                  <c:v>61.247799999999998</c:v>
                </c:pt>
                <c:pt idx="3847">
                  <c:v>66.239400000000003</c:v>
                </c:pt>
                <c:pt idx="3848">
                  <c:v>68.809399999999997</c:v>
                </c:pt>
                <c:pt idx="3849">
                  <c:v>72.556899999999999</c:v>
                </c:pt>
                <c:pt idx="3850">
                  <c:v>11.8453</c:v>
                </c:pt>
                <c:pt idx="3851">
                  <c:v>14.283200000000001</c:v>
                </c:pt>
                <c:pt idx="3852">
                  <c:v>14.173400000000001</c:v>
                </c:pt>
                <c:pt idx="3853">
                  <c:v>13.783799999999999</c:v>
                </c:pt>
                <c:pt idx="3854">
                  <c:v>14.2498</c:v>
                </c:pt>
                <c:pt idx="3855">
                  <c:v>14.2193</c:v>
                </c:pt>
                <c:pt idx="3856">
                  <c:v>17.2654</c:v>
                </c:pt>
                <c:pt idx="3857">
                  <c:v>20.5412</c:v>
                </c:pt>
                <c:pt idx="3858">
                  <c:v>23.970700000000001</c:v>
                </c:pt>
                <c:pt idx="3859">
                  <c:v>25.677299999999999</c:v>
                </c:pt>
                <c:pt idx="3860">
                  <c:v>27.126799999999999</c:v>
                </c:pt>
                <c:pt idx="3861">
                  <c:v>15.405200000000001</c:v>
                </c:pt>
                <c:pt idx="3862">
                  <c:v>14.7537</c:v>
                </c:pt>
                <c:pt idx="3863">
                  <c:v>14.1135</c:v>
                </c:pt>
                <c:pt idx="3864">
                  <c:v>14.279400000000001</c:v>
                </c:pt>
                <c:pt idx="3865">
                  <c:v>15.9641</c:v>
                </c:pt>
                <c:pt idx="3866">
                  <c:v>16.028099999999998</c:v>
                </c:pt>
                <c:pt idx="3867">
                  <c:v>16.055</c:v>
                </c:pt>
                <c:pt idx="3868">
                  <c:v>16.066299999999998</c:v>
                </c:pt>
                <c:pt idx="3869">
                  <c:v>15.8484</c:v>
                </c:pt>
                <c:pt idx="3870">
                  <c:v>15.674799999999999</c:v>
                </c:pt>
                <c:pt idx="3871">
                  <c:v>15.530900000000001</c:v>
                </c:pt>
                <c:pt idx="3872">
                  <c:v>15.405200000000001</c:v>
                </c:pt>
                <c:pt idx="3873">
                  <c:v>16.369299999999999</c:v>
                </c:pt>
                <c:pt idx="3874">
                  <c:v>16.450199999999999</c:v>
                </c:pt>
                <c:pt idx="3875">
                  <c:v>16.490600000000001</c:v>
                </c:pt>
                <c:pt idx="3876">
                  <c:v>15.9641</c:v>
                </c:pt>
                <c:pt idx="3877">
                  <c:v>16.028099999999998</c:v>
                </c:pt>
                <c:pt idx="3878">
                  <c:v>16.055</c:v>
                </c:pt>
                <c:pt idx="3879">
                  <c:v>16.077300000000001</c:v>
                </c:pt>
                <c:pt idx="3880">
                  <c:v>16.081800000000001</c:v>
                </c:pt>
                <c:pt idx="3881">
                  <c:v>16.085699999999999</c:v>
                </c:pt>
                <c:pt idx="3882">
                  <c:v>16.075900000000001</c:v>
                </c:pt>
                <c:pt idx="3883">
                  <c:v>15.405200000000001</c:v>
                </c:pt>
                <c:pt idx="3884">
                  <c:v>16.369299999999999</c:v>
                </c:pt>
                <c:pt idx="3885">
                  <c:v>16.450199999999999</c:v>
                </c:pt>
                <c:pt idx="3886">
                  <c:v>16.490600000000001</c:v>
                </c:pt>
                <c:pt idx="3887">
                  <c:v>15.9641</c:v>
                </c:pt>
                <c:pt idx="3888">
                  <c:v>16.028099999999998</c:v>
                </c:pt>
                <c:pt idx="3889">
                  <c:v>16.055</c:v>
                </c:pt>
                <c:pt idx="3890">
                  <c:v>16.077300000000001</c:v>
                </c:pt>
                <c:pt idx="3891">
                  <c:v>16.081800000000001</c:v>
                </c:pt>
                <c:pt idx="3892">
                  <c:v>16.085699999999999</c:v>
                </c:pt>
                <c:pt idx="3893">
                  <c:v>16.075900000000001</c:v>
                </c:pt>
                <c:pt idx="3894">
                  <c:v>15.405200000000001</c:v>
                </c:pt>
                <c:pt idx="3895">
                  <c:v>16.369299999999999</c:v>
                </c:pt>
                <c:pt idx="3896">
                  <c:v>16.450199999999999</c:v>
                </c:pt>
                <c:pt idx="3897">
                  <c:v>16.490600000000001</c:v>
                </c:pt>
                <c:pt idx="3898">
                  <c:v>15.9641</c:v>
                </c:pt>
                <c:pt idx="3899">
                  <c:v>16.028099999999998</c:v>
                </c:pt>
                <c:pt idx="3900">
                  <c:v>16.055</c:v>
                </c:pt>
                <c:pt idx="3901">
                  <c:v>16.077300000000001</c:v>
                </c:pt>
                <c:pt idx="3902">
                  <c:v>16.081800000000001</c:v>
                </c:pt>
                <c:pt idx="3903">
                  <c:v>16.085699999999999</c:v>
                </c:pt>
                <c:pt idx="3904">
                  <c:v>16.075900000000001</c:v>
                </c:pt>
                <c:pt idx="3905">
                  <c:v>15.405200000000001</c:v>
                </c:pt>
                <c:pt idx="3906">
                  <c:v>16.369299999999999</c:v>
                </c:pt>
                <c:pt idx="3907">
                  <c:v>16.450199999999999</c:v>
                </c:pt>
                <c:pt idx="3908">
                  <c:v>16.490600000000001</c:v>
                </c:pt>
                <c:pt idx="3909">
                  <c:v>15.9641</c:v>
                </c:pt>
                <c:pt idx="3910">
                  <c:v>16.028099999999998</c:v>
                </c:pt>
                <c:pt idx="3911">
                  <c:v>16.055</c:v>
                </c:pt>
                <c:pt idx="3912">
                  <c:v>16.077300000000001</c:v>
                </c:pt>
                <c:pt idx="3913">
                  <c:v>16.081800000000001</c:v>
                </c:pt>
                <c:pt idx="3914">
                  <c:v>16.085699999999999</c:v>
                </c:pt>
                <c:pt idx="3915">
                  <c:v>16.075900000000001</c:v>
                </c:pt>
                <c:pt idx="3916">
                  <c:v>15.405200000000001</c:v>
                </c:pt>
                <c:pt idx="3917">
                  <c:v>16.369299999999999</c:v>
                </c:pt>
                <c:pt idx="3918">
                  <c:v>16.450199999999999</c:v>
                </c:pt>
                <c:pt idx="3919">
                  <c:v>16.490600000000001</c:v>
                </c:pt>
                <c:pt idx="3920">
                  <c:v>15.9641</c:v>
                </c:pt>
                <c:pt idx="3921">
                  <c:v>16.028099999999998</c:v>
                </c:pt>
                <c:pt idx="3922">
                  <c:v>16.055</c:v>
                </c:pt>
                <c:pt idx="3923">
                  <c:v>16.077300000000001</c:v>
                </c:pt>
                <c:pt idx="3924">
                  <c:v>16.081800000000001</c:v>
                </c:pt>
                <c:pt idx="3925">
                  <c:v>16.085699999999999</c:v>
                </c:pt>
                <c:pt idx="3926">
                  <c:v>16.075900000000001</c:v>
                </c:pt>
                <c:pt idx="3927">
                  <c:v>15.405200000000001</c:v>
                </c:pt>
                <c:pt idx="3928">
                  <c:v>16.369299999999999</c:v>
                </c:pt>
                <c:pt idx="3929">
                  <c:v>16.450199999999999</c:v>
                </c:pt>
                <c:pt idx="3930">
                  <c:v>16.490600000000001</c:v>
                </c:pt>
                <c:pt idx="3931">
                  <c:v>15.9641</c:v>
                </c:pt>
                <c:pt idx="3932">
                  <c:v>16.028099999999998</c:v>
                </c:pt>
                <c:pt idx="3933">
                  <c:v>16.055</c:v>
                </c:pt>
                <c:pt idx="3934">
                  <c:v>16.077300000000001</c:v>
                </c:pt>
                <c:pt idx="3935">
                  <c:v>16.081800000000001</c:v>
                </c:pt>
                <c:pt idx="3936">
                  <c:v>16.085699999999999</c:v>
                </c:pt>
                <c:pt idx="3937">
                  <c:v>16.075900000000001</c:v>
                </c:pt>
                <c:pt idx="3938">
                  <c:v>15.405200000000001</c:v>
                </c:pt>
                <c:pt idx="3939">
                  <c:v>16.369299999999999</c:v>
                </c:pt>
                <c:pt idx="3940">
                  <c:v>16.450199999999999</c:v>
                </c:pt>
                <c:pt idx="3941">
                  <c:v>16.490600000000001</c:v>
                </c:pt>
                <c:pt idx="3942">
                  <c:v>15.9641</c:v>
                </c:pt>
                <c:pt idx="3943">
                  <c:v>16.028099999999998</c:v>
                </c:pt>
                <c:pt idx="3944">
                  <c:v>16.055</c:v>
                </c:pt>
                <c:pt idx="3945">
                  <c:v>16.077300000000001</c:v>
                </c:pt>
                <c:pt idx="3946">
                  <c:v>16.081800000000001</c:v>
                </c:pt>
                <c:pt idx="3947">
                  <c:v>16.085699999999999</c:v>
                </c:pt>
                <c:pt idx="3948">
                  <c:v>16.075900000000001</c:v>
                </c:pt>
                <c:pt idx="3949">
                  <c:v>15.405200000000001</c:v>
                </c:pt>
                <c:pt idx="3950">
                  <c:v>16.369299999999999</c:v>
                </c:pt>
                <c:pt idx="3951">
                  <c:v>16.450199999999999</c:v>
                </c:pt>
                <c:pt idx="3952">
                  <c:v>16.490600000000001</c:v>
                </c:pt>
                <c:pt idx="3953">
                  <c:v>15.9641</c:v>
                </c:pt>
                <c:pt idx="3954">
                  <c:v>16.028099999999998</c:v>
                </c:pt>
                <c:pt idx="3955">
                  <c:v>16.055</c:v>
                </c:pt>
                <c:pt idx="3956">
                  <c:v>16.077300000000001</c:v>
                </c:pt>
                <c:pt idx="3957">
                  <c:v>16.081800000000001</c:v>
                </c:pt>
                <c:pt idx="3958">
                  <c:v>16.085699999999999</c:v>
                </c:pt>
                <c:pt idx="3959">
                  <c:v>16.075900000000001</c:v>
                </c:pt>
                <c:pt idx="3960">
                  <c:v>55.694600000000001</c:v>
                </c:pt>
                <c:pt idx="3961">
                  <c:v>68.851100000000002</c:v>
                </c:pt>
                <c:pt idx="3962">
                  <c:v>76.487499999999997</c:v>
                </c:pt>
                <c:pt idx="3963">
                  <c:v>84.554900000000004</c:v>
                </c:pt>
                <c:pt idx="3964">
                  <c:v>87.619500000000002</c:v>
                </c:pt>
                <c:pt idx="3965">
                  <c:v>93.807000000000002</c:v>
                </c:pt>
                <c:pt idx="3966">
                  <c:v>101.065</c:v>
                </c:pt>
                <c:pt idx="3967">
                  <c:v>106.619</c:v>
                </c:pt>
                <c:pt idx="3968">
                  <c:v>106.51300000000001</c:v>
                </c:pt>
                <c:pt idx="3969">
                  <c:v>109.649</c:v>
                </c:pt>
                <c:pt idx="3970">
                  <c:v>115.633</c:v>
                </c:pt>
                <c:pt idx="3971">
                  <c:v>27.985399999999998</c:v>
                </c:pt>
                <c:pt idx="3972">
                  <c:v>32.643500000000003</c:v>
                </c:pt>
                <c:pt idx="3973">
                  <c:v>39.701999999999998</c:v>
                </c:pt>
                <c:pt idx="3974">
                  <c:v>41.216799999999999</c:v>
                </c:pt>
                <c:pt idx="3975">
                  <c:v>49.104900000000001</c:v>
                </c:pt>
                <c:pt idx="3976">
                  <c:v>51.404299999999999</c:v>
                </c:pt>
                <c:pt idx="3977">
                  <c:v>55.566600000000001</c:v>
                </c:pt>
                <c:pt idx="3978">
                  <c:v>58.299300000000002</c:v>
                </c:pt>
                <c:pt idx="3979">
                  <c:v>63.778399999999998</c:v>
                </c:pt>
                <c:pt idx="3980">
                  <c:v>66.368899999999996</c:v>
                </c:pt>
                <c:pt idx="3981">
                  <c:v>69.444400000000002</c:v>
                </c:pt>
                <c:pt idx="3982">
                  <c:v>11.8453</c:v>
                </c:pt>
                <c:pt idx="3983">
                  <c:v>14.283200000000001</c:v>
                </c:pt>
                <c:pt idx="3984">
                  <c:v>14.173400000000001</c:v>
                </c:pt>
                <c:pt idx="3985">
                  <c:v>13.783799999999999</c:v>
                </c:pt>
                <c:pt idx="3986">
                  <c:v>14.2498</c:v>
                </c:pt>
                <c:pt idx="3987">
                  <c:v>14.093999999999999</c:v>
                </c:pt>
                <c:pt idx="3988">
                  <c:v>15.209899999999999</c:v>
                </c:pt>
                <c:pt idx="3989">
                  <c:v>19.084199999999999</c:v>
                </c:pt>
                <c:pt idx="3990">
                  <c:v>22.101700000000001</c:v>
                </c:pt>
                <c:pt idx="3991">
                  <c:v>24.100300000000001</c:v>
                </c:pt>
                <c:pt idx="3992">
                  <c:v>25.755199999999999</c:v>
                </c:pt>
                <c:pt idx="3993">
                  <c:v>15.405200000000001</c:v>
                </c:pt>
                <c:pt idx="3994">
                  <c:v>14.7537</c:v>
                </c:pt>
                <c:pt idx="3995">
                  <c:v>14.1135</c:v>
                </c:pt>
                <c:pt idx="3996">
                  <c:v>14.279400000000001</c:v>
                </c:pt>
                <c:pt idx="3997">
                  <c:v>15.9641</c:v>
                </c:pt>
                <c:pt idx="3998">
                  <c:v>16.028099999999998</c:v>
                </c:pt>
                <c:pt idx="3999">
                  <c:v>16.055</c:v>
                </c:pt>
                <c:pt idx="4000">
                  <c:v>16.066299999999998</c:v>
                </c:pt>
                <c:pt idx="4001">
                  <c:v>15.8484</c:v>
                </c:pt>
                <c:pt idx="4002">
                  <c:v>15.674799999999999</c:v>
                </c:pt>
                <c:pt idx="4003">
                  <c:v>15.530900000000001</c:v>
                </c:pt>
                <c:pt idx="4004">
                  <c:v>15.405200000000001</c:v>
                </c:pt>
                <c:pt idx="4005">
                  <c:v>16.369299999999999</c:v>
                </c:pt>
                <c:pt idx="4006">
                  <c:v>16.450199999999999</c:v>
                </c:pt>
                <c:pt idx="4007">
                  <c:v>16.490600000000001</c:v>
                </c:pt>
                <c:pt idx="4008">
                  <c:v>15.9641</c:v>
                </c:pt>
                <c:pt idx="4009">
                  <c:v>16.028099999999998</c:v>
                </c:pt>
                <c:pt idx="4010">
                  <c:v>16.055</c:v>
                </c:pt>
                <c:pt idx="4011">
                  <c:v>16.077300000000001</c:v>
                </c:pt>
                <c:pt idx="4012">
                  <c:v>16.081800000000001</c:v>
                </c:pt>
                <c:pt idx="4013">
                  <c:v>16.085699999999999</c:v>
                </c:pt>
                <c:pt idx="4014">
                  <c:v>16.075900000000001</c:v>
                </c:pt>
                <c:pt idx="4015">
                  <c:v>15.405200000000001</c:v>
                </c:pt>
                <c:pt idx="4016">
                  <c:v>16.369299999999999</c:v>
                </c:pt>
                <c:pt idx="4017">
                  <c:v>16.450199999999999</c:v>
                </c:pt>
                <c:pt idx="4018">
                  <c:v>16.490600000000001</c:v>
                </c:pt>
                <c:pt idx="4019">
                  <c:v>15.9641</c:v>
                </c:pt>
                <c:pt idx="4020">
                  <c:v>16.028099999999998</c:v>
                </c:pt>
                <c:pt idx="4021">
                  <c:v>16.055</c:v>
                </c:pt>
                <c:pt idx="4022">
                  <c:v>16.077300000000001</c:v>
                </c:pt>
                <c:pt idx="4023">
                  <c:v>16.081800000000001</c:v>
                </c:pt>
                <c:pt idx="4024">
                  <c:v>16.085699999999999</c:v>
                </c:pt>
                <c:pt idx="4025">
                  <c:v>16.075900000000001</c:v>
                </c:pt>
                <c:pt idx="4026">
                  <c:v>15.405200000000001</c:v>
                </c:pt>
                <c:pt idx="4027">
                  <c:v>16.369299999999999</c:v>
                </c:pt>
                <c:pt idx="4028">
                  <c:v>16.450199999999999</c:v>
                </c:pt>
                <c:pt idx="4029">
                  <c:v>16.490600000000001</c:v>
                </c:pt>
                <c:pt idx="4030">
                  <c:v>15.9641</c:v>
                </c:pt>
                <c:pt idx="4031">
                  <c:v>16.028099999999998</c:v>
                </c:pt>
                <c:pt idx="4032">
                  <c:v>16.055</c:v>
                </c:pt>
                <c:pt idx="4033">
                  <c:v>16.077300000000001</c:v>
                </c:pt>
                <c:pt idx="4034">
                  <c:v>16.081800000000001</c:v>
                </c:pt>
                <c:pt idx="4035">
                  <c:v>16.085699999999999</c:v>
                </c:pt>
                <c:pt idx="4036">
                  <c:v>16.075900000000001</c:v>
                </c:pt>
                <c:pt idx="4037">
                  <c:v>15.405200000000001</c:v>
                </c:pt>
                <c:pt idx="4038">
                  <c:v>16.369299999999999</c:v>
                </c:pt>
                <c:pt idx="4039">
                  <c:v>16.450199999999999</c:v>
                </c:pt>
                <c:pt idx="4040">
                  <c:v>16.490600000000001</c:v>
                </c:pt>
                <c:pt idx="4041">
                  <c:v>15.9641</c:v>
                </c:pt>
                <c:pt idx="4042">
                  <c:v>16.028099999999998</c:v>
                </c:pt>
                <c:pt idx="4043">
                  <c:v>16.055</c:v>
                </c:pt>
                <c:pt idx="4044">
                  <c:v>16.077300000000001</c:v>
                </c:pt>
                <c:pt idx="4045">
                  <c:v>16.081800000000001</c:v>
                </c:pt>
                <c:pt idx="4046">
                  <c:v>16.085699999999999</c:v>
                </c:pt>
                <c:pt idx="4047">
                  <c:v>16.075900000000001</c:v>
                </c:pt>
                <c:pt idx="4048">
                  <c:v>15.405200000000001</c:v>
                </c:pt>
                <c:pt idx="4049">
                  <c:v>16.369299999999999</c:v>
                </c:pt>
                <c:pt idx="4050">
                  <c:v>16.450199999999999</c:v>
                </c:pt>
                <c:pt idx="4051">
                  <c:v>16.490600000000001</c:v>
                </c:pt>
                <c:pt idx="4052">
                  <c:v>15.9641</c:v>
                </c:pt>
                <c:pt idx="4053">
                  <c:v>16.028099999999998</c:v>
                </c:pt>
                <c:pt idx="4054">
                  <c:v>16.055</c:v>
                </c:pt>
                <c:pt idx="4055">
                  <c:v>16.077300000000001</c:v>
                </c:pt>
                <c:pt idx="4056">
                  <c:v>16.081800000000001</c:v>
                </c:pt>
                <c:pt idx="4057">
                  <c:v>16.085699999999999</c:v>
                </c:pt>
                <c:pt idx="4058">
                  <c:v>16.075900000000001</c:v>
                </c:pt>
                <c:pt idx="4059">
                  <c:v>15.405200000000001</c:v>
                </c:pt>
                <c:pt idx="4060">
                  <c:v>16.369299999999999</c:v>
                </c:pt>
                <c:pt idx="4061">
                  <c:v>16.450199999999999</c:v>
                </c:pt>
                <c:pt idx="4062">
                  <c:v>16.490600000000001</c:v>
                </c:pt>
                <c:pt idx="4063">
                  <c:v>15.9641</c:v>
                </c:pt>
                <c:pt idx="4064">
                  <c:v>16.028099999999998</c:v>
                </c:pt>
                <c:pt idx="4065">
                  <c:v>16.055</c:v>
                </c:pt>
                <c:pt idx="4066">
                  <c:v>16.077300000000001</c:v>
                </c:pt>
                <c:pt idx="4067">
                  <c:v>16.081800000000001</c:v>
                </c:pt>
                <c:pt idx="4068">
                  <c:v>16.085699999999999</c:v>
                </c:pt>
                <c:pt idx="4069">
                  <c:v>16.075900000000001</c:v>
                </c:pt>
                <c:pt idx="4070">
                  <c:v>15.405200000000001</c:v>
                </c:pt>
                <c:pt idx="4071">
                  <c:v>16.369299999999999</c:v>
                </c:pt>
                <c:pt idx="4072">
                  <c:v>16.450199999999999</c:v>
                </c:pt>
                <c:pt idx="4073">
                  <c:v>16.490600000000001</c:v>
                </c:pt>
                <c:pt idx="4074">
                  <c:v>15.9641</c:v>
                </c:pt>
                <c:pt idx="4075">
                  <c:v>16.028099999999998</c:v>
                </c:pt>
                <c:pt idx="4076">
                  <c:v>16.055</c:v>
                </c:pt>
                <c:pt idx="4077">
                  <c:v>16.077300000000001</c:v>
                </c:pt>
                <c:pt idx="4078">
                  <c:v>16.081800000000001</c:v>
                </c:pt>
                <c:pt idx="4079">
                  <c:v>16.085699999999999</c:v>
                </c:pt>
                <c:pt idx="4080">
                  <c:v>16.075900000000001</c:v>
                </c:pt>
                <c:pt idx="4081">
                  <c:v>15.405200000000001</c:v>
                </c:pt>
                <c:pt idx="4082">
                  <c:v>16.369299999999999</c:v>
                </c:pt>
                <c:pt idx="4083">
                  <c:v>16.450199999999999</c:v>
                </c:pt>
                <c:pt idx="4084">
                  <c:v>16.490600000000001</c:v>
                </c:pt>
                <c:pt idx="4085">
                  <c:v>15.9641</c:v>
                </c:pt>
                <c:pt idx="4086">
                  <c:v>16.028099999999998</c:v>
                </c:pt>
                <c:pt idx="4087">
                  <c:v>16.055</c:v>
                </c:pt>
                <c:pt idx="4088">
                  <c:v>16.077300000000001</c:v>
                </c:pt>
                <c:pt idx="4089">
                  <c:v>16.081800000000001</c:v>
                </c:pt>
                <c:pt idx="4090">
                  <c:v>16.085699999999999</c:v>
                </c:pt>
                <c:pt idx="4091">
                  <c:v>16.075900000000001</c:v>
                </c:pt>
                <c:pt idx="4092">
                  <c:v>55.694600000000001</c:v>
                </c:pt>
                <c:pt idx="4093">
                  <c:v>68.851100000000002</c:v>
                </c:pt>
                <c:pt idx="4094">
                  <c:v>76.487499999999997</c:v>
                </c:pt>
                <c:pt idx="4095">
                  <c:v>84.554900000000004</c:v>
                </c:pt>
                <c:pt idx="4096">
                  <c:v>87.619500000000002</c:v>
                </c:pt>
                <c:pt idx="4097">
                  <c:v>92.676400000000001</c:v>
                </c:pt>
                <c:pt idx="4098">
                  <c:v>97.774100000000004</c:v>
                </c:pt>
                <c:pt idx="4099">
                  <c:v>103.911</c:v>
                </c:pt>
                <c:pt idx="4100">
                  <c:v>104.395</c:v>
                </c:pt>
                <c:pt idx="4101">
                  <c:v>108.489</c:v>
                </c:pt>
                <c:pt idx="4102">
                  <c:v>113.348</c:v>
                </c:pt>
                <c:pt idx="4103">
                  <c:v>27.985399999999998</c:v>
                </c:pt>
                <c:pt idx="4104">
                  <c:v>32.643500000000003</c:v>
                </c:pt>
                <c:pt idx="4105">
                  <c:v>39.701999999999998</c:v>
                </c:pt>
                <c:pt idx="4106">
                  <c:v>41.216799999999999</c:v>
                </c:pt>
                <c:pt idx="4107">
                  <c:v>49.104900000000001</c:v>
                </c:pt>
                <c:pt idx="4108">
                  <c:v>51.404299999999999</c:v>
                </c:pt>
                <c:pt idx="4109">
                  <c:v>54.9754</c:v>
                </c:pt>
                <c:pt idx="4110">
                  <c:v>54.912199999999999</c:v>
                </c:pt>
                <c:pt idx="4111">
                  <c:v>60.842300000000002</c:v>
                </c:pt>
                <c:pt idx="4112">
                  <c:v>63.638500000000001</c:v>
                </c:pt>
                <c:pt idx="4113">
                  <c:v>66.675399999999996</c:v>
                </c:pt>
                <c:pt idx="4114">
                  <c:v>11.8453</c:v>
                </c:pt>
                <c:pt idx="4115">
                  <c:v>14.283200000000001</c:v>
                </c:pt>
                <c:pt idx="4116">
                  <c:v>14.173400000000001</c:v>
                </c:pt>
                <c:pt idx="4117">
                  <c:v>13.783799999999999</c:v>
                </c:pt>
                <c:pt idx="4118">
                  <c:v>14.2498</c:v>
                </c:pt>
                <c:pt idx="4119">
                  <c:v>14.093999999999999</c:v>
                </c:pt>
                <c:pt idx="4120">
                  <c:v>13.511100000000001</c:v>
                </c:pt>
                <c:pt idx="4121">
                  <c:v>17.065999999999999</c:v>
                </c:pt>
                <c:pt idx="4122">
                  <c:v>19.985099999999999</c:v>
                </c:pt>
                <c:pt idx="4123">
                  <c:v>22.044799999999999</c:v>
                </c:pt>
                <c:pt idx="4124">
                  <c:v>23.9756</c:v>
                </c:pt>
                <c:pt idx="4125">
                  <c:v>15.405200000000001</c:v>
                </c:pt>
                <c:pt idx="4126">
                  <c:v>14.7537</c:v>
                </c:pt>
                <c:pt idx="4127">
                  <c:v>14.1135</c:v>
                </c:pt>
                <c:pt idx="4128">
                  <c:v>14.279400000000001</c:v>
                </c:pt>
                <c:pt idx="4129">
                  <c:v>15.9641</c:v>
                </c:pt>
                <c:pt idx="4130">
                  <c:v>16.028099999999998</c:v>
                </c:pt>
                <c:pt idx="4131">
                  <c:v>16.055</c:v>
                </c:pt>
                <c:pt idx="4132">
                  <c:v>16.066299999999998</c:v>
                </c:pt>
                <c:pt idx="4133">
                  <c:v>15.8484</c:v>
                </c:pt>
                <c:pt idx="4134">
                  <c:v>15.674799999999999</c:v>
                </c:pt>
                <c:pt idx="4135">
                  <c:v>15.530900000000001</c:v>
                </c:pt>
                <c:pt idx="4136">
                  <c:v>15.405200000000001</c:v>
                </c:pt>
                <c:pt idx="4137">
                  <c:v>16.369299999999999</c:v>
                </c:pt>
                <c:pt idx="4138">
                  <c:v>16.450199999999999</c:v>
                </c:pt>
                <c:pt idx="4139">
                  <c:v>16.490600000000001</c:v>
                </c:pt>
                <c:pt idx="4140">
                  <c:v>15.9641</c:v>
                </c:pt>
                <c:pt idx="4141">
                  <c:v>16.028099999999998</c:v>
                </c:pt>
                <c:pt idx="4142">
                  <c:v>16.055</c:v>
                </c:pt>
                <c:pt idx="4143">
                  <c:v>16.077300000000001</c:v>
                </c:pt>
                <c:pt idx="4144">
                  <c:v>16.081800000000001</c:v>
                </c:pt>
                <c:pt idx="4145">
                  <c:v>16.085699999999999</c:v>
                </c:pt>
                <c:pt idx="4146">
                  <c:v>16.075900000000001</c:v>
                </c:pt>
                <c:pt idx="4147">
                  <c:v>15.405200000000001</c:v>
                </c:pt>
                <c:pt idx="4148">
                  <c:v>16.369299999999999</c:v>
                </c:pt>
                <c:pt idx="4149">
                  <c:v>16.450199999999999</c:v>
                </c:pt>
                <c:pt idx="4150">
                  <c:v>16.490600000000001</c:v>
                </c:pt>
                <c:pt idx="4151">
                  <c:v>15.9641</c:v>
                </c:pt>
                <c:pt idx="4152">
                  <c:v>16.028099999999998</c:v>
                </c:pt>
                <c:pt idx="4153">
                  <c:v>16.055</c:v>
                </c:pt>
                <c:pt idx="4154">
                  <c:v>16.077300000000001</c:v>
                </c:pt>
                <c:pt idx="4155">
                  <c:v>16.081800000000001</c:v>
                </c:pt>
                <c:pt idx="4156">
                  <c:v>16.085699999999999</c:v>
                </c:pt>
                <c:pt idx="4157">
                  <c:v>16.075900000000001</c:v>
                </c:pt>
                <c:pt idx="4158">
                  <c:v>15.405200000000001</c:v>
                </c:pt>
                <c:pt idx="4159">
                  <c:v>16.369299999999999</c:v>
                </c:pt>
                <c:pt idx="4160">
                  <c:v>16.450199999999999</c:v>
                </c:pt>
                <c:pt idx="4161">
                  <c:v>16.490600000000001</c:v>
                </c:pt>
                <c:pt idx="4162">
                  <c:v>15.9641</c:v>
                </c:pt>
                <c:pt idx="4163">
                  <c:v>16.028099999999998</c:v>
                </c:pt>
                <c:pt idx="4164">
                  <c:v>16.055</c:v>
                </c:pt>
                <c:pt idx="4165">
                  <c:v>16.077300000000001</c:v>
                </c:pt>
                <c:pt idx="4166">
                  <c:v>16.081800000000001</c:v>
                </c:pt>
                <c:pt idx="4167">
                  <c:v>16.085699999999999</c:v>
                </c:pt>
                <c:pt idx="4168">
                  <c:v>16.075900000000001</c:v>
                </c:pt>
                <c:pt idx="4169">
                  <c:v>15.405200000000001</c:v>
                </c:pt>
                <c:pt idx="4170">
                  <c:v>16.369299999999999</c:v>
                </c:pt>
                <c:pt idx="4171">
                  <c:v>16.450199999999999</c:v>
                </c:pt>
                <c:pt idx="4172">
                  <c:v>16.490600000000001</c:v>
                </c:pt>
                <c:pt idx="4173">
                  <c:v>15.9641</c:v>
                </c:pt>
                <c:pt idx="4174">
                  <c:v>16.028099999999998</c:v>
                </c:pt>
                <c:pt idx="4175">
                  <c:v>16.055</c:v>
                </c:pt>
                <c:pt idx="4176">
                  <c:v>16.077300000000001</c:v>
                </c:pt>
                <c:pt idx="4177">
                  <c:v>16.081800000000001</c:v>
                </c:pt>
                <c:pt idx="4178">
                  <c:v>16.085699999999999</c:v>
                </c:pt>
                <c:pt idx="4179">
                  <c:v>16.075900000000001</c:v>
                </c:pt>
                <c:pt idx="4180">
                  <c:v>15.405200000000001</c:v>
                </c:pt>
                <c:pt idx="4181">
                  <c:v>16.369299999999999</c:v>
                </c:pt>
                <c:pt idx="4182">
                  <c:v>16.450199999999999</c:v>
                </c:pt>
                <c:pt idx="4183">
                  <c:v>16.490600000000001</c:v>
                </c:pt>
                <c:pt idx="4184">
                  <c:v>15.9641</c:v>
                </c:pt>
                <c:pt idx="4185">
                  <c:v>16.028099999999998</c:v>
                </c:pt>
                <c:pt idx="4186">
                  <c:v>16.055</c:v>
                </c:pt>
                <c:pt idx="4187">
                  <c:v>16.077300000000001</c:v>
                </c:pt>
                <c:pt idx="4188">
                  <c:v>16.081800000000001</c:v>
                </c:pt>
                <c:pt idx="4189">
                  <c:v>16.085699999999999</c:v>
                </c:pt>
                <c:pt idx="4190">
                  <c:v>16.075900000000001</c:v>
                </c:pt>
                <c:pt idx="4191">
                  <c:v>15.405200000000001</c:v>
                </c:pt>
                <c:pt idx="4192">
                  <c:v>16.369299999999999</c:v>
                </c:pt>
                <c:pt idx="4193">
                  <c:v>16.450199999999999</c:v>
                </c:pt>
                <c:pt idx="4194">
                  <c:v>16.490600000000001</c:v>
                </c:pt>
                <c:pt idx="4195">
                  <c:v>15.9641</c:v>
                </c:pt>
                <c:pt idx="4196">
                  <c:v>16.028099999999998</c:v>
                </c:pt>
                <c:pt idx="4197">
                  <c:v>16.055</c:v>
                </c:pt>
                <c:pt idx="4198">
                  <c:v>16.077300000000001</c:v>
                </c:pt>
                <c:pt idx="4199">
                  <c:v>16.081800000000001</c:v>
                </c:pt>
                <c:pt idx="4200">
                  <c:v>16.085699999999999</c:v>
                </c:pt>
                <c:pt idx="4201">
                  <c:v>16.075900000000001</c:v>
                </c:pt>
                <c:pt idx="4202">
                  <c:v>15.405200000000001</c:v>
                </c:pt>
                <c:pt idx="4203">
                  <c:v>16.369299999999999</c:v>
                </c:pt>
                <c:pt idx="4204">
                  <c:v>16.450199999999999</c:v>
                </c:pt>
                <c:pt idx="4205">
                  <c:v>16.490600000000001</c:v>
                </c:pt>
                <c:pt idx="4206">
                  <c:v>15.9641</c:v>
                </c:pt>
                <c:pt idx="4207">
                  <c:v>16.028099999999998</c:v>
                </c:pt>
                <c:pt idx="4208">
                  <c:v>16.055</c:v>
                </c:pt>
                <c:pt idx="4209">
                  <c:v>16.077300000000001</c:v>
                </c:pt>
                <c:pt idx="4210">
                  <c:v>16.081800000000001</c:v>
                </c:pt>
                <c:pt idx="4211">
                  <c:v>16.085699999999999</c:v>
                </c:pt>
                <c:pt idx="4212">
                  <c:v>16.075900000000001</c:v>
                </c:pt>
                <c:pt idx="4213">
                  <c:v>15.405200000000001</c:v>
                </c:pt>
                <c:pt idx="4214">
                  <c:v>16.369299999999999</c:v>
                </c:pt>
                <c:pt idx="4215">
                  <c:v>16.450199999999999</c:v>
                </c:pt>
                <c:pt idx="4216">
                  <c:v>16.490600000000001</c:v>
                </c:pt>
                <c:pt idx="4217">
                  <c:v>15.9641</c:v>
                </c:pt>
                <c:pt idx="4218">
                  <c:v>16.028099999999998</c:v>
                </c:pt>
                <c:pt idx="4219">
                  <c:v>16.055</c:v>
                </c:pt>
                <c:pt idx="4220">
                  <c:v>16.077300000000001</c:v>
                </c:pt>
                <c:pt idx="4221">
                  <c:v>16.081800000000001</c:v>
                </c:pt>
                <c:pt idx="4222">
                  <c:v>16.085699999999999</c:v>
                </c:pt>
                <c:pt idx="4223">
                  <c:v>16.075900000000001</c:v>
                </c:pt>
                <c:pt idx="4224">
                  <c:v>55.694600000000001</c:v>
                </c:pt>
                <c:pt idx="4225">
                  <c:v>68.851100000000002</c:v>
                </c:pt>
                <c:pt idx="4226">
                  <c:v>76.487499999999997</c:v>
                </c:pt>
                <c:pt idx="4227">
                  <c:v>84.554900000000004</c:v>
                </c:pt>
                <c:pt idx="4228">
                  <c:v>87.619500000000002</c:v>
                </c:pt>
                <c:pt idx="4229">
                  <c:v>92.676400000000001</c:v>
                </c:pt>
                <c:pt idx="4230">
                  <c:v>96.816299999999998</c:v>
                </c:pt>
                <c:pt idx="4231">
                  <c:v>100.46899999999999</c:v>
                </c:pt>
                <c:pt idx="4232">
                  <c:v>101.44</c:v>
                </c:pt>
                <c:pt idx="4233">
                  <c:v>106.03400000000001</c:v>
                </c:pt>
                <c:pt idx="4234">
                  <c:v>111.94199999999999</c:v>
                </c:pt>
                <c:pt idx="4235">
                  <c:v>27.985399999999998</c:v>
                </c:pt>
                <c:pt idx="4236">
                  <c:v>32.643500000000003</c:v>
                </c:pt>
                <c:pt idx="4237">
                  <c:v>39.701999999999998</c:v>
                </c:pt>
                <c:pt idx="4238">
                  <c:v>41.216799999999999</c:v>
                </c:pt>
                <c:pt idx="4239">
                  <c:v>49.104900000000001</c:v>
                </c:pt>
                <c:pt idx="4240">
                  <c:v>51.404299999999999</c:v>
                </c:pt>
                <c:pt idx="4241">
                  <c:v>54.9754</c:v>
                </c:pt>
                <c:pt idx="4242">
                  <c:v>54.842199999999998</c:v>
                </c:pt>
                <c:pt idx="4243">
                  <c:v>58.383699999999997</c:v>
                </c:pt>
                <c:pt idx="4244">
                  <c:v>60.483699999999999</c:v>
                </c:pt>
                <c:pt idx="4245">
                  <c:v>63.755200000000002</c:v>
                </c:pt>
                <c:pt idx="4246">
                  <c:v>11.8453</c:v>
                </c:pt>
                <c:pt idx="4247">
                  <c:v>14.283200000000001</c:v>
                </c:pt>
                <c:pt idx="4248">
                  <c:v>14.173400000000001</c:v>
                </c:pt>
                <c:pt idx="4249">
                  <c:v>13.783799999999999</c:v>
                </c:pt>
                <c:pt idx="4250">
                  <c:v>14.2498</c:v>
                </c:pt>
                <c:pt idx="4251">
                  <c:v>14.093999999999999</c:v>
                </c:pt>
                <c:pt idx="4252">
                  <c:v>13.511100000000001</c:v>
                </c:pt>
                <c:pt idx="4253">
                  <c:v>14.8764</c:v>
                </c:pt>
                <c:pt idx="4254">
                  <c:v>15.3142</c:v>
                </c:pt>
                <c:pt idx="4255">
                  <c:v>19.847799999999999</c:v>
                </c:pt>
                <c:pt idx="4256">
                  <c:v>21.8049</c:v>
                </c:pt>
                <c:pt idx="4257">
                  <c:v>15.405200000000001</c:v>
                </c:pt>
                <c:pt idx="4258">
                  <c:v>14.7537</c:v>
                </c:pt>
                <c:pt idx="4259">
                  <c:v>14.1135</c:v>
                </c:pt>
                <c:pt idx="4260">
                  <c:v>14.279400000000001</c:v>
                </c:pt>
                <c:pt idx="4261">
                  <c:v>15.9641</c:v>
                </c:pt>
                <c:pt idx="4262">
                  <c:v>16.028099999999998</c:v>
                </c:pt>
                <c:pt idx="4263">
                  <c:v>16.055</c:v>
                </c:pt>
                <c:pt idx="4264">
                  <c:v>16.066299999999998</c:v>
                </c:pt>
                <c:pt idx="4265">
                  <c:v>15.8484</c:v>
                </c:pt>
                <c:pt idx="4266">
                  <c:v>15.674799999999999</c:v>
                </c:pt>
                <c:pt idx="4267">
                  <c:v>15.530900000000001</c:v>
                </c:pt>
                <c:pt idx="4268">
                  <c:v>15.405200000000001</c:v>
                </c:pt>
                <c:pt idx="4269">
                  <c:v>16.369299999999999</c:v>
                </c:pt>
                <c:pt idx="4270">
                  <c:v>16.450199999999999</c:v>
                </c:pt>
                <c:pt idx="4271">
                  <c:v>16.490600000000001</c:v>
                </c:pt>
                <c:pt idx="4272">
                  <c:v>15.9641</c:v>
                </c:pt>
                <c:pt idx="4273">
                  <c:v>16.028099999999998</c:v>
                </c:pt>
                <c:pt idx="4274">
                  <c:v>16.055</c:v>
                </c:pt>
                <c:pt idx="4275">
                  <c:v>16.077300000000001</c:v>
                </c:pt>
                <c:pt idx="4276">
                  <c:v>16.081800000000001</c:v>
                </c:pt>
                <c:pt idx="4277">
                  <c:v>16.085699999999999</c:v>
                </c:pt>
                <c:pt idx="4278">
                  <c:v>16.075900000000001</c:v>
                </c:pt>
                <c:pt idx="4279">
                  <c:v>15.405200000000001</c:v>
                </c:pt>
                <c:pt idx="4280">
                  <c:v>16.369299999999999</c:v>
                </c:pt>
                <c:pt idx="4281">
                  <c:v>16.450199999999999</c:v>
                </c:pt>
                <c:pt idx="4282">
                  <c:v>16.490600000000001</c:v>
                </c:pt>
                <c:pt idx="4283">
                  <c:v>15.9641</c:v>
                </c:pt>
                <c:pt idx="4284">
                  <c:v>16.028099999999998</c:v>
                </c:pt>
                <c:pt idx="4285">
                  <c:v>16.055</c:v>
                </c:pt>
                <c:pt idx="4286">
                  <c:v>16.077300000000001</c:v>
                </c:pt>
                <c:pt idx="4287">
                  <c:v>16.081800000000001</c:v>
                </c:pt>
                <c:pt idx="4288">
                  <c:v>16.085699999999999</c:v>
                </c:pt>
                <c:pt idx="4289">
                  <c:v>16.075900000000001</c:v>
                </c:pt>
                <c:pt idx="4290">
                  <c:v>15.405200000000001</c:v>
                </c:pt>
                <c:pt idx="4291">
                  <c:v>16.369299999999999</c:v>
                </c:pt>
                <c:pt idx="4292">
                  <c:v>16.450199999999999</c:v>
                </c:pt>
                <c:pt idx="4293">
                  <c:v>16.490600000000001</c:v>
                </c:pt>
                <c:pt idx="4294">
                  <c:v>15.9641</c:v>
                </c:pt>
                <c:pt idx="4295">
                  <c:v>16.028099999999998</c:v>
                </c:pt>
                <c:pt idx="4296">
                  <c:v>16.055</c:v>
                </c:pt>
                <c:pt idx="4297">
                  <c:v>16.077300000000001</c:v>
                </c:pt>
                <c:pt idx="4298">
                  <c:v>16.081800000000001</c:v>
                </c:pt>
                <c:pt idx="4299">
                  <c:v>16.085699999999999</c:v>
                </c:pt>
                <c:pt idx="4300">
                  <c:v>16.075900000000001</c:v>
                </c:pt>
                <c:pt idx="4301">
                  <c:v>15.405200000000001</c:v>
                </c:pt>
                <c:pt idx="4302">
                  <c:v>16.369299999999999</c:v>
                </c:pt>
                <c:pt idx="4303">
                  <c:v>16.450199999999999</c:v>
                </c:pt>
                <c:pt idx="4304">
                  <c:v>16.490600000000001</c:v>
                </c:pt>
                <c:pt idx="4305">
                  <c:v>15.9641</c:v>
                </c:pt>
                <c:pt idx="4306">
                  <c:v>16.028099999999998</c:v>
                </c:pt>
                <c:pt idx="4307">
                  <c:v>16.055</c:v>
                </c:pt>
                <c:pt idx="4308">
                  <c:v>16.077300000000001</c:v>
                </c:pt>
                <c:pt idx="4309">
                  <c:v>16.081800000000001</c:v>
                </c:pt>
                <c:pt idx="4310">
                  <c:v>16.085699999999999</c:v>
                </c:pt>
                <c:pt idx="4311">
                  <c:v>16.075900000000001</c:v>
                </c:pt>
                <c:pt idx="4312">
                  <c:v>15.405200000000001</c:v>
                </c:pt>
                <c:pt idx="4313">
                  <c:v>16.369299999999999</c:v>
                </c:pt>
                <c:pt idx="4314">
                  <c:v>16.450199999999999</c:v>
                </c:pt>
                <c:pt idx="4315">
                  <c:v>16.490600000000001</c:v>
                </c:pt>
                <c:pt idx="4316">
                  <c:v>15.9641</c:v>
                </c:pt>
                <c:pt idx="4317">
                  <c:v>16.028099999999998</c:v>
                </c:pt>
                <c:pt idx="4318">
                  <c:v>16.055</c:v>
                </c:pt>
                <c:pt idx="4319">
                  <c:v>16.077300000000001</c:v>
                </c:pt>
                <c:pt idx="4320">
                  <c:v>16.081800000000001</c:v>
                </c:pt>
                <c:pt idx="4321">
                  <c:v>16.085699999999999</c:v>
                </c:pt>
                <c:pt idx="4322">
                  <c:v>16.075900000000001</c:v>
                </c:pt>
                <c:pt idx="4323">
                  <c:v>15.405200000000001</c:v>
                </c:pt>
                <c:pt idx="4324">
                  <c:v>16.369299999999999</c:v>
                </c:pt>
                <c:pt idx="4325">
                  <c:v>16.450199999999999</c:v>
                </c:pt>
                <c:pt idx="4326">
                  <c:v>16.490600000000001</c:v>
                </c:pt>
                <c:pt idx="4327">
                  <c:v>15.9641</c:v>
                </c:pt>
                <c:pt idx="4328">
                  <c:v>16.028099999999998</c:v>
                </c:pt>
                <c:pt idx="4329">
                  <c:v>16.055</c:v>
                </c:pt>
                <c:pt idx="4330">
                  <c:v>16.077300000000001</c:v>
                </c:pt>
                <c:pt idx="4331">
                  <c:v>16.081800000000001</c:v>
                </c:pt>
                <c:pt idx="4332">
                  <c:v>16.085699999999999</c:v>
                </c:pt>
                <c:pt idx="4333">
                  <c:v>16.075900000000001</c:v>
                </c:pt>
                <c:pt idx="4334">
                  <c:v>15.405200000000001</c:v>
                </c:pt>
                <c:pt idx="4335">
                  <c:v>16.369299999999999</c:v>
                </c:pt>
                <c:pt idx="4336">
                  <c:v>16.450199999999999</c:v>
                </c:pt>
                <c:pt idx="4337">
                  <c:v>16.490600000000001</c:v>
                </c:pt>
                <c:pt idx="4338">
                  <c:v>15.9641</c:v>
                </c:pt>
                <c:pt idx="4339">
                  <c:v>16.028099999999998</c:v>
                </c:pt>
                <c:pt idx="4340">
                  <c:v>16.055</c:v>
                </c:pt>
                <c:pt idx="4341">
                  <c:v>16.077300000000001</c:v>
                </c:pt>
                <c:pt idx="4342">
                  <c:v>16.081800000000001</c:v>
                </c:pt>
                <c:pt idx="4343">
                  <c:v>16.085699999999999</c:v>
                </c:pt>
                <c:pt idx="4344">
                  <c:v>16.075900000000001</c:v>
                </c:pt>
                <c:pt idx="4345">
                  <c:v>15.405200000000001</c:v>
                </c:pt>
                <c:pt idx="4346">
                  <c:v>16.369299999999999</c:v>
                </c:pt>
                <c:pt idx="4347">
                  <c:v>16.450199999999999</c:v>
                </c:pt>
                <c:pt idx="4348">
                  <c:v>16.490600000000001</c:v>
                </c:pt>
                <c:pt idx="4349">
                  <c:v>15.9641</c:v>
                </c:pt>
                <c:pt idx="4350">
                  <c:v>16.028099999999998</c:v>
                </c:pt>
                <c:pt idx="4351">
                  <c:v>16.055</c:v>
                </c:pt>
                <c:pt idx="4352">
                  <c:v>16.077300000000001</c:v>
                </c:pt>
                <c:pt idx="4353">
                  <c:v>16.081800000000001</c:v>
                </c:pt>
                <c:pt idx="4354">
                  <c:v>16.085699999999999</c:v>
                </c:pt>
                <c:pt idx="4355">
                  <c:v>16.075900000000001</c:v>
                </c:pt>
                <c:pt idx="4356">
                  <c:v>55.694600000000001</c:v>
                </c:pt>
                <c:pt idx="4357">
                  <c:v>68.851100000000002</c:v>
                </c:pt>
                <c:pt idx="4358">
                  <c:v>76.487499999999997</c:v>
                </c:pt>
                <c:pt idx="4359">
                  <c:v>84.554900000000004</c:v>
                </c:pt>
                <c:pt idx="4360">
                  <c:v>87.619500000000002</c:v>
                </c:pt>
                <c:pt idx="4361">
                  <c:v>92.676400000000001</c:v>
                </c:pt>
                <c:pt idx="4362">
                  <c:v>96.816299999999998</c:v>
                </c:pt>
                <c:pt idx="4363">
                  <c:v>99.588099999999997</c:v>
                </c:pt>
                <c:pt idx="4364">
                  <c:v>98.003</c:v>
                </c:pt>
                <c:pt idx="4365">
                  <c:v>102.78</c:v>
                </c:pt>
                <c:pt idx="4366">
                  <c:v>109.277</c:v>
                </c:pt>
                <c:pt idx="4367">
                  <c:v>27.985399999999998</c:v>
                </c:pt>
                <c:pt idx="4368">
                  <c:v>32.643500000000003</c:v>
                </c:pt>
                <c:pt idx="4369">
                  <c:v>39.701999999999998</c:v>
                </c:pt>
                <c:pt idx="4370">
                  <c:v>41.216799999999999</c:v>
                </c:pt>
                <c:pt idx="4371">
                  <c:v>49.104900000000001</c:v>
                </c:pt>
                <c:pt idx="4372">
                  <c:v>51.404299999999999</c:v>
                </c:pt>
                <c:pt idx="4373">
                  <c:v>54.9754</c:v>
                </c:pt>
                <c:pt idx="4374">
                  <c:v>54.842199999999998</c:v>
                </c:pt>
                <c:pt idx="4375">
                  <c:v>58.383699999999997</c:v>
                </c:pt>
                <c:pt idx="4376">
                  <c:v>59.0931</c:v>
                </c:pt>
                <c:pt idx="4377">
                  <c:v>60.4163</c:v>
                </c:pt>
                <c:pt idx="4378">
                  <c:v>11.8453</c:v>
                </c:pt>
                <c:pt idx="4379">
                  <c:v>14.283200000000001</c:v>
                </c:pt>
                <c:pt idx="4380">
                  <c:v>14.173400000000001</c:v>
                </c:pt>
                <c:pt idx="4381">
                  <c:v>13.783799999999999</c:v>
                </c:pt>
                <c:pt idx="4382">
                  <c:v>14.2498</c:v>
                </c:pt>
                <c:pt idx="4383">
                  <c:v>14.093999999999999</c:v>
                </c:pt>
                <c:pt idx="4384">
                  <c:v>13.511100000000001</c:v>
                </c:pt>
                <c:pt idx="4385">
                  <c:v>13.5184</c:v>
                </c:pt>
                <c:pt idx="4386">
                  <c:v>14.8704</c:v>
                </c:pt>
                <c:pt idx="4387">
                  <c:v>17.984100000000002</c:v>
                </c:pt>
                <c:pt idx="4388">
                  <c:v>19.511900000000001</c:v>
                </c:pt>
                <c:pt idx="4389">
                  <c:v>15.405200000000001</c:v>
                </c:pt>
                <c:pt idx="4390">
                  <c:v>14.7537</c:v>
                </c:pt>
                <c:pt idx="4391">
                  <c:v>14.1135</c:v>
                </c:pt>
                <c:pt idx="4392">
                  <c:v>14.279400000000001</c:v>
                </c:pt>
                <c:pt idx="4393">
                  <c:v>15.9641</c:v>
                </c:pt>
                <c:pt idx="4394">
                  <c:v>16.028099999999998</c:v>
                </c:pt>
                <c:pt idx="4395">
                  <c:v>16.055</c:v>
                </c:pt>
                <c:pt idx="4396">
                  <c:v>16.066299999999998</c:v>
                </c:pt>
                <c:pt idx="4397">
                  <c:v>15.8484</c:v>
                </c:pt>
                <c:pt idx="4398">
                  <c:v>15.674799999999999</c:v>
                </c:pt>
                <c:pt idx="4399">
                  <c:v>15.530900000000001</c:v>
                </c:pt>
                <c:pt idx="4400">
                  <c:v>15.405200000000001</c:v>
                </c:pt>
                <c:pt idx="4401">
                  <c:v>16.369299999999999</c:v>
                </c:pt>
                <c:pt idx="4402">
                  <c:v>16.450199999999999</c:v>
                </c:pt>
                <c:pt idx="4403">
                  <c:v>16.490600000000001</c:v>
                </c:pt>
                <c:pt idx="4404">
                  <c:v>15.9641</c:v>
                </c:pt>
                <c:pt idx="4405">
                  <c:v>16.028099999999998</c:v>
                </c:pt>
                <c:pt idx="4406">
                  <c:v>16.055</c:v>
                </c:pt>
                <c:pt idx="4407">
                  <c:v>16.077300000000001</c:v>
                </c:pt>
                <c:pt idx="4408">
                  <c:v>16.081800000000001</c:v>
                </c:pt>
                <c:pt idx="4409">
                  <c:v>16.085699999999999</c:v>
                </c:pt>
                <c:pt idx="4410">
                  <c:v>16.075900000000001</c:v>
                </c:pt>
                <c:pt idx="4411">
                  <c:v>15.405200000000001</c:v>
                </c:pt>
                <c:pt idx="4412">
                  <c:v>16.369299999999999</c:v>
                </c:pt>
                <c:pt idx="4413">
                  <c:v>16.450199999999999</c:v>
                </c:pt>
                <c:pt idx="4414">
                  <c:v>16.490600000000001</c:v>
                </c:pt>
                <c:pt idx="4415">
                  <c:v>15.9641</c:v>
                </c:pt>
                <c:pt idx="4416">
                  <c:v>16.028099999999998</c:v>
                </c:pt>
                <c:pt idx="4417">
                  <c:v>16.055</c:v>
                </c:pt>
                <c:pt idx="4418">
                  <c:v>16.077300000000001</c:v>
                </c:pt>
                <c:pt idx="4419">
                  <c:v>16.081800000000001</c:v>
                </c:pt>
                <c:pt idx="4420">
                  <c:v>16.085699999999999</c:v>
                </c:pt>
                <c:pt idx="4421">
                  <c:v>16.075900000000001</c:v>
                </c:pt>
                <c:pt idx="4422">
                  <c:v>15.405200000000001</c:v>
                </c:pt>
                <c:pt idx="4423">
                  <c:v>16.369299999999999</c:v>
                </c:pt>
                <c:pt idx="4424">
                  <c:v>16.450199999999999</c:v>
                </c:pt>
                <c:pt idx="4425">
                  <c:v>16.490600000000001</c:v>
                </c:pt>
                <c:pt idx="4426">
                  <c:v>15.9641</c:v>
                </c:pt>
                <c:pt idx="4427">
                  <c:v>16.028099999999998</c:v>
                </c:pt>
                <c:pt idx="4428">
                  <c:v>16.055</c:v>
                </c:pt>
                <c:pt idx="4429">
                  <c:v>16.077300000000001</c:v>
                </c:pt>
                <c:pt idx="4430">
                  <c:v>16.081800000000001</c:v>
                </c:pt>
                <c:pt idx="4431">
                  <c:v>16.085699999999999</c:v>
                </c:pt>
                <c:pt idx="4432">
                  <c:v>16.075900000000001</c:v>
                </c:pt>
                <c:pt idx="4433">
                  <c:v>15.405200000000001</c:v>
                </c:pt>
                <c:pt idx="4434">
                  <c:v>16.369299999999999</c:v>
                </c:pt>
                <c:pt idx="4435">
                  <c:v>16.450199999999999</c:v>
                </c:pt>
                <c:pt idx="4436">
                  <c:v>16.490600000000001</c:v>
                </c:pt>
                <c:pt idx="4437">
                  <c:v>15.9641</c:v>
                </c:pt>
                <c:pt idx="4438">
                  <c:v>16.028099999999998</c:v>
                </c:pt>
                <c:pt idx="4439">
                  <c:v>16.055</c:v>
                </c:pt>
                <c:pt idx="4440">
                  <c:v>16.077300000000001</c:v>
                </c:pt>
                <c:pt idx="4441">
                  <c:v>16.081800000000001</c:v>
                </c:pt>
                <c:pt idx="4442">
                  <c:v>16.085699999999999</c:v>
                </c:pt>
                <c:pt idx="4443">
                  <c:v>16.075900000000001</c:v>
                </c:pt>
                <c:pt idx="4444">
                  <c:v>15.405200000000001</c:v>
                </c:pt>
                <c:pt idx="4445">
                  <c:v>16.369299999999999</c:v>
                </c:pt>
                <c:pt idx="4446">
                  <c:v>16.450199999999999</c:v>
                </c:pt>
                <c:pt idx="4447">
                  <c:v>16.490600000000001</c:v>
                </c:pt>
                <c:pt idx="4448">
                  <c:v>15.9641</c:v>
                </c:pt>
                <c:pt idx="4449">
                  <c:v>16.028099999999998</c:v>
                </c:pt>
                <c:pt idx="4450">
                  <c:v>16.055</c:v>
                </c:pt>
                <c:pt idx="4451">
                  <c:v>16.077300000000001</c:v>
                </c:pt>
                <c:pt idx="4452">
                  <c:v>16.081800000000001</c:v>
                </c:pt>
                <c:pt idx="4453">
                  <c:v>16.085699999999999</c:v>
                </c:pt>
                <c:pt idx="4454">
                  <c:v>16.075900000000001</c:v>
                </c:pt>
                <c:pt idx="4455">
                  <c:v>15.405200000000001</c:v>
                </c:pt>
                <c:pt idx="4456">
                  <c:v>16.369299999999999</c:v>
                </c:pt>
                <c:pt idx="4457">
                  <c:v>16.450199999999999</c:v>
                </c:pt>
                <c:pt idx="4458">
                  <c:v>16.490600000000001</c:v>
                </c:pt>
                <c:pt idx="4459">
                  <c:v>15.9641</c:v>
                </c:pt>
                <c:pt idx="4460">
                  <c:v>16.028099999999998</c:v>
                </c:pt>
                <c:pt idx="4461">
                  <c:v>16.055</c:v>
                </c:pt>
                <c:pt idx="4462">
                  <c:v>16.077300000000001</c:v>
                </c:pt>
                <c:pt idx="4463">
                  <c:v>16.081800000000001</c:v>
                </c:pt>
                <c:pt idx="4464">
                  <c:v>16.085699999999999</c:v>
                </c:pt>
                <c:pt idx="4465">
                  <c:v>16.075900000000001</c:v>
                </c:pt>
                <c:pt idx="4466">
                  <c:v>15.405200000000001</c:v>
                </c:pt>
                <c:pt idx="4467">
                  <c:v>16.369299999999999</c:v>
                </c:pt>
                <c:pt idx="4468">
                  <c:v>16.450199999999999</c:v>
                </c:pt>
                <c:pt idx="4469">
                  <c:v>16.490600000000001</c:v>
                </c:pt>
                <c:pt idx="4470">
                  <c:v>15.9641</c:v>
                </c:pt>
                <c:pt idx="4471">
                  <c:v>16.028099999999998</c:v>
                </c:pt>
                <c:pt idx="4472">
                  <c:v>16.055</c:v>
                </c:pt>
                <c:pt idx="4473">
                  <c:v>16.077300000000001</c:v>
                </c:pt>
                <c:pt idx="4474">
                  <c:v>16.081800000000001</c:v>
                </c:pt>
                <c:pt idx="4475">
                  <c:v>16.085699999999999</c:v>
                </c:pt>
                <c:pt idx="4476">
                  <c:v>16.075900000000001</c:v>
                </c:pt>
                <c:pt idx="4477">
                  <c:v>15.405200000000001</c:v>
                </c:pt>
                <c:pt idx="4478">
                  <c:v>16.369299999999999</c:v>
                </c:pt>
                <c:pt idx="4479">
                  <c:v>16.450199999999999</c:v>
                </c:pt>
                <c:pt idx="4480">
                  <c:v>16.490600000000001</c:v>
                </c:pt>
                <c:pt idx="4481">
                  <c:v>15.9641</c:v>
                </c:pt>
                <c:pt idx="4482">
                  <c:v>16.028099999999998</c:v>
                </c:pt>
                <c:pt idx="4483">
                  <c:v>16.055</c:v>
                </c:pt>
                <c:pt idx="4484">
                  <c:v>16.077300000000001</c:v>
                </c:pt>
                <c:pt idx="4485">
                  <c:v>16.081800000000001</c:v>
                </c:pt>
                <c:pt idx="4486">
                  <c:v>16.085699999999999</c:v>
                </c:pt>
                <c:pt idx="4487">
                  <c:v>16.075900000000001</c:v>
                </c:pt>
                <c:pt idx="4488">
                  <c:v>55.694600000000001</c:v>
                </c:pt>
                <c:pt idx="4489">
                  <c:v>68.851100000000002</c:v>
                </c:pt>
                <c:pt idx="4490">
                  <c:v>76.487499999999997</c:v>
                </c:pt>
                <c:pt idx="4491">
                  <c:v>84.554900000000004</c:v>
                </c:pt>
                <c:pt idx="4492">
                  <c:v>87.619500000000002</c:v>
                </c:pt>
                <c:pt idx="4493">
                  <c:v>92.676400000000001</c:v>
                </c:pt>
                <c:pt idx="4494">
                  <c:v>96.816299999999998</c:v>
                </c:pt>
                <c:pt idx="4495">
                  <c:v>99.588099999999997</c:v>
                </c:pt>
                <c:pt idx="4496">
                  <c:v>98.003</c:v>
                </c:pt>
                <c:pt idx="4497">
                  <c:v>99.776399999999995</c:v>
                </c:pt>
                <c:pt idx="4498">
                  <c:v>105.92</c:v>
                </c:pt>
                <c:pt idx="4499">
                  <c:v>27.985399999999998</c:v>
                </c:pt>
                <c:pt idx="4500">
                  <c:v>32.643500000000003</c:v>
                </c:pt>
                <c:pt idx="4501">
                  <c:v>39.701999999999998</c:v>
                </c:pt>
                <c:pt idx="4502">
                  <c:v>41.216799999999999</c:v>
                </c:pt>
                <c:pt idx="4503">
                  <c:v>49.104900000000001</c:v>
                </c:pt>
                <c:pt idx="4504">
                  <c:v>51.404299999999999</c:v>
                </c:pt>
                <c:pt idx="4505">
                  <c:v>54.9754</c:v>
                </c:pt>
                <c:pt idx="4506">
                  <c:v>54.842199999999998</c:v>
                </c:pt>
                <c:pt idx="4507">
                  <c:v>58.383699999999997</c:v>
                </c:pt>
                <c:pt idx="4508">
                  <c:v>59.0931</c:v>
                </c:pt>
                <c:pt idx="4509">
                  <c:v>59.941200000000002</c:v>
                </c:pt>
                <c:pt idx="4510">
                  <c:v>11.8453</c:v>
                </c:pt>
                <c:pt idx="4511">
                  <c:v>14.283200000000001</c:v>
                </c:pt>
                <c:pt idx="4512">
                  <c:v>14.173400000000001</c:v>
                </c:pt>
                <c:pt idx="4513">
                  <c:v>13.783799999999999</c:v>
                </c:pt>
                <c:pt idx="4514">
                  <c:v>14.2498</c:v>
                </c:pt>
                <c:pt idx="4515">
                  <c:v>14.093999999999999</c:v>
                </c:pt>
                <c:pt idx="4516">
                  <c:v>13.511100000000001</c:v>
                </c:pt>
                <c:pt idx="4517">
                  <c:v>13.5184</c:v>
                </c:pt>
                <c:pt idx="4518">
                  <c:v>14.8704</c:v>
                </c:pt>
                <c:pt idx="4519">
                  <c:v>15.9337</c:v>
                </c:pt>
                <c:pt idx="4520">
                  <c:v>17.488299999999999</c:v>
                </c:pt>
                <c:pt idx="4521">
                  <c:v>15.405200000000001</c:v>
                </c:pt>
                <c:pt idx="4522">
                  <c:v>14.7537</c:v>
                </c:pt>
                <c:pt idx="4523">
                  <c:v>14.1135</c:v>
                </c:pt>
                <c:pt idx="4524">
                  <c:v>14.279400000000001</c:v>
                </c:pt>
                <c:pt idx="4525">
                  <c:v>15.9641</c:v>
                </c:pt>
                <c:pt idx="4526">
                  <c:v>16.028099999999998</c:v>
                </c:pt>
                <c:pt idx="4527">
                  <c:v>16.055</c:v>
                </c:pt>
                <c:pt idx="4528">
                  <c:v>16.066299999999998</c:v>
                </c:pt>
                <c:pt idx="4529">
                  <c:v>15.8484</c:v>
                </c:pt>
                <c:pt idx="4530">
                  <c:v>15.674799999999999</c:v>
                </c:pt>
                <c:pt idx="4531">
                  <c:v>15.530900000000001</c:v>
                </c:pt>
                <c:pt idx="4532">
                  <c:v>15.405200000000001</c:v>
                </c:pt>
                <c:pt idx="4533">
                  <c:v>16.369299999999999</c:v>
                </c:pt>
                <c:pt idx="4534">
                  <c:v>16.450199999999999</c:v>
                </c:pt>
                <c:pt idx="4535">
                  <c:v>16.490600000000001</c:v>
                </c:pt>
                <c:pt idx="4536">
                  <c:v>15.9641</c:v>
                </c:pt>
                <c:pt idx="4537">
                  <c:v>16.028099999999998</c:v>
                </c:pt>
                <c:pt idx="4538">
                  <c:v>16.055</c:v>
                </c:pt>
                <c:pt idx="4539">
                  <c:v>16.077300000000001</c:v>
                </c:pt>
                <c:pt idx="4540">
                  <c:v>16.081800000000001</c:v>
                </c:pt>
                <c:pt idx="4541">
                  <c:v>16.085699999999999</c:v>
                </c:pt>
                <c:pt idx="4542">
                  <c:v>16.075900000000001</c:v>
                </c:pt>
                <c:pt idx="4543">
                  <c:v>15.405200000000001</c:v>
                </c:pt>
                <c:pt idx="4544">
                  <c:v>16.369299999999999</c:v>
                </c:pt>
                <c:pt idx="4545">
                  <c:v>16.450199999999999</c:v>
                </c:pt>
                <c:pt idx="4546">
                  <c:v>16.490600000000001</c:v>
                </c:pt>
                <c:pt idx="4547">
                  <c:v>15.9641</c:v>
                </c:pt>
                <c:pt idx="4548">
                  <c:v>16.028099999999998</c:v>
                </c:pt>
                <c:pt idx="4549">
                  <c:v>16.055</c:v>
                </c:pt>
                <c:pt idx="4550">
                  <c:v>16.077300000000001</c:v>
                </c:pt>
                <c:pt idx="4551">
                  <c:v>16.081800000000001</c:v>
                </c:pt>
                <c:pt idx="4552">
                  <c:v>16.085699999999999</c:v>
                </c:pt>
                <c:pt idx="4553">
                  <c:v>16.075900000000001</c:v>
                </c:pt>
                <c:pt idx="4554">
                  <c:v>15.405200000000001</c:v>
                </c:pt>
                <c:pt idx="4555">
                  <c:v>16.369299999999999</c:v>
                </c:pt>
                <c:pt idx="4556">
                  <c:v>16.450199999999999</c:v>
                </c:pt>
                <c:pt idx="4557">
                  <c:v>16.490600000000001</c:v>
                </c:pt>
                <c:pt idx="4558">
                  <c:v>15.9641</c:v>
                </c:pt>
                <c:pt idx="4559">
                  <c:v>16.028099999999998</c:v>
                </c:pt>
                <c:pt idx="4560">
                  <c:v>16.055</c:v>
                </c:pt>
                <c:pt idx="4561">
                  <c:v>16.077300000000001</c:v>
                </c:pt>
                <c:pt idx="4562">
                  <c:v>16.081800000000001</c:v>
                </c:pt>
                <c:pt idx="4563">
                  <c:v>16.085699999999999</c:v>
                </c:pt>
                <c:pt idx="4564">
                  <c:v>16.075900000000001</c:v>
                </c:pt>
                <c:pt idx="4565">
                  <c:v>15.405200000000001</c:v>
                </c:pt>
                <c:pt idx="4566">
                  <c:v>16.369299999999999</c:v>
                </c:pt>
                <c:pt idx="4567">
                  <c:v>16.450199999999999</c:v>
                </c:pt>
                <c:pt idx="4568">
                  <c:v>16.490600000000001</c:v>
                </c:pt>
                <c:pt idx="4569">
                  <c:v>15.9641</c:v>
                </c:pt>
                <c:pt idx="4570">
                  <c:v>16.028099999999998</c:v>
                </c:pt>
                <c:pt idx="4571">
                  <c:v>16.055</c:v>
                </c:pt>
                <c:pt idx="4572">
                  <c:v>16.077300000000001</c:v>
                </c:pt>
                <c:pt idx="4573">
                  <c:v>16.081800000000001</c:v>
                </c:pt>
                <c:pt idx="4574">
                  <c:v>16.085699999999999</c:v>
                </c:pt>
                <c:pt idx="4575">
                  <c:v>16.075900000000001</c:v>
                </c:pt>
                <c:pt idx="4576">
                  <c:v>15.405200000000001</c:v>
                </c:pt>
                <c:pt idx="4577">
                  <c:v>16.369299999999999</c:v>
                </c:pt>
                <c:pt idx="4578">
                  <c:v>16.450199999999999</c:v>
                </c:pt>
                <c:pt idx="4579">
                  <c:v>16.490600000000001</c:v>
                </c:pt>
                <c:pt idx="4580">
                  <c:v>15.9641</c:v>
                </c:pt>
                <c:pt idx="4581">
                  <c:v>16.028099999999998</c:v>
                </c:pt>
                <c:pt idx="4582">
                  <c:v>16.055</c:v>
                </c:pt>
                <c:pt idx="4583">
                  <c:v>16.077300000000001</c:v>
                </c:pt>
                <c:pt idx="4584">
                  <c:v>16.081800000000001</c:v>
                </c:pt>
                <c:pt idx="4585">
                  <c:v>16.085699999999999</c:v>
                </c:pt>
                <c:pt idx="4586">
                  <c:v>16.075900000000001</c:v>
                </c:pt>
                <c:pt idx="4587">
                  <c:v>15.405200000000001</c:v>
                </c:pt>
                <c:pt idx="4588">
                  <c:v>16.369299999999999</c:v>
                </c:pt>
                <c:pt idx="4589">
                  <c:v>16.450199999999999</c:v>
                </c:pt>
                <c:pt idx="4590">
                  <c:v>16.490600000000001</c:v>
                </c:pt>
                <c:pt idx="4591">
                  <c:v>15.9641</c:v>
                </c:pt>
                <c:pt idx="4592">
                  <c:v>16.028099999999998</c:v>
                </c:pt>
                <c:pt idx="4593">
                  <c:v>16.055</c:v>
                </c:pt>
                <c:pt idx="4594">
                  <c:v>16.077300000000001</c:v>
                </c:pt>
                <c:pt idx="4595">
                  <c:v>16.081800000000001</c:v>
                </c:pt>
                <c:pt idx="4596">
                  <c:v>16.085699999999999</c:v>
                </c:pt>
                <c:pt idx="4597">
                  <c:v>16.075900000000001</c:v>
                </c:pt>
                <c:pt idx="4598">
                  <c:v>15.405200000000001</c:v>
                </c:pt>
                <c:pt idx="4599">
                  <c:v>16.369299999999999</c:v>
                </c:pt>
                <c:pt idx="4600">
                  <c:v>16.450199999999999</c:v>
                </c:pt>
                <c:pt idx="4601">
                  <c:v>16.490600000000001</c:v>
                </c:pt>
                <c:pt idx="4602">
                  <c:v>15.9641</c:v>
                </c:pt>
                <c:pt idx="4603">
                  <c:v>16.028099999999998</c:v>
                </c:pt>
                <c:pt idx="4604">
                  <c:v>16.055</c:v>
                </c:pt>
                <c:pt idx="4605">
                  <c:v>16.077300000000001</c:v>
                </c:pt>
                <c:pt idx="4606">
                  <c:v>16.081800000000001</c:v>
                </c:pt>
                <c:pt idx="4607">
                  <c:v>16.085699999999999</c:v>
                </c:pt>
                <c:pt idx="4608">
                  <c:v>16.075900000000001</c:v>
                </c:pt>
                <c:pt idx="4609">
                  <c:v>15.405200000000001</c:v>
                </c:pt>
                <c:pt idx="4610">
                  <c:v>16.369299999999999</c:v>
                </c:pt>
                <c:pt idx="4611">
                  <c:v>16.450199999999999</c:v>
                </c:pt>
                <c:pt idx="4612">
                  <c:v>16.490600000000001</c:v>
                </c:pt>
                <c:pt idx="4613">
                  <c:v>15.9641</c:v>
                </c:pt>
                <c:pt idx="4614">
                  <c:v>16.028099999999998</c:v>
                </c:pt>
                <c:pt idx="4615">
                  <c:v>16.055</c:v>
                </c:pt>
                <c:pt idx="4616">
                  <c:v>16.077300000000001</c:v>
                </c:pt>
                <c:pt idx="4617">
                  <c:v>16.081800000000001</c:v>
                </c:pt>
                <c:pt idx="4618">
                  <c:v>16.085699999999999</c:v>
                </c:pt>
                <c:pt idx="4619">
                  <c:v>16.075900000000001</c:v>
                </c:pt>
                <c:pt idx="4620">
                  <c:v>55.694600000000001</c:v>
                </c:pt>
                <c:pt idx="4621">
                  <c:v>68.851100000000002</c:v>
                </c:pt>
                <c:pt idx="4622">
                  <c:v>76.487499999999997</c:v>
                </c:pt>
                <c:pt idx="4623">
                  <c:v>84.554900000000004</c:v>
                </c:pt>
                <c:pt idx="4624">
                  <c:v>87.619500000000002</c:v>
                </c:pt>
                <c:pt idx="4625">
                  <c:v>92.676400000000001</c:v>
                </c:pt>
                <c:pt idx="4626">
                  <c:v>96.816299999999998</c:v>
                </c:pt>
                <c:pt idx="4627">
                  <c:v>99.588099999999997</c:v>
                </c:pt>
                <c:pt idx="4628">
                  <c:v>98.003</c:v>
                </c:pt>
                <c:pt idx="4629">
                  <c:v>99.776399999999995</c:v>
                </c:pt>
                <c:pt idx="4630">
                  <c:v>103.309</c:v>
                </c:pt>
                <c:pt idx="4631">
                  <c:v>27.985399999999998</c:v>
                </c:pt>
                <c:pt idx="4632">
                  <c:v>32.643500000000003</c:v>
                </c:pt>
                <c:pt idx="4633">
                  <c:v>39.701999999999998</c:v>
                </c:pt>
                <c:pt idx="4634">
                  <c:v>41.216799999999999</c:v>
                </c:pt>
                <c:pt idx="4635">
                  <c:v>49.104900000000001</c:v>
                </c:pt>
                <c:pt idx="4636">
                  <c:v>51.404299999999999</c:v>
                </c:pt>
                <c:pt idx="4637">
                  <c:v>54.9754</c:v>
                </c:pt>
                <c:pt idx="4638">
                  <c:v>54.842199999999998</c:v>
                </c:pt>
                <c:pt idx="4639">
                  <c:v>58.383699999999997</c:v>
                </c:pt>
                <c:pt idx="4640">
                  <c:v>59.0931</c:v>
                </c:pt>
                <c:pt idx="4641">
                  <c:v>59.941200000000002</c:v>
                </c:pt>
                <c:pt idx="4642">
                  <c:v>11.8453</c:v>
                </c:pt>
                <c:pt idx="4643">
                  <c:v>14.283200000000001</c:v>
                </c:pt>
                <c:pt idx="4644">
                  <c:v>14.173400000000001</c:v>
                </c:pt>
                <c:pt idx="4645">
                  <c:v>13.783799999999999</c:v>
                </c:pt>
                <c:pt idx="4646">
                  <c:v>14.2498</c:v>
                </c:pt>
                <c:pt idx="4647">
                  <c:v>14.093999999999999</c:v>
                </c:pt>
                <c:pt idx="4648">
                  <c:v>13.511100000000001</c:v>
                </c:pt>
                <c:pt idx="4649">
                  <c:v>13.5184</c:v>
                </c:pt>
                <c:pt idx="4650">
                  <c:v>14.8704</c:v>
                </c:pt>
                <c:pt idx="4651">
                  <c:v>14.6326</c:v>
                </c:pt>
                <c:pt idx="4652">
                  <c:v>15.2926</c:v>
                </c:pt>
                <c:pt idx="4653">
                  <c:v>15.405200000000001</c:v>
                </c:pt>
                <c:pt idx="4654">
                  <c:v>14.7537</c:v>
                </c:pt>
                <c:pt idx="4655">
                  <c:v>14.1135</c:v>
                </c:pt>
                <c:pt idx="4656">
                  <c:v>14.279400000000001</c:v>
                </c:pt>
                <c:pt idx="4657">
                  <c:v>15.9641</c:v>
                </c:pt>
                <c:pt idx="4658">
                  <c:v>16.028099999999998</c:v>
                </c:pt>
                <c:pt idx="4659">
                  <c:v>16.055</c:v>
                </c:pt>
                <c:pt idx="4660">
                  <c:v>16.066299999999998</c:v>
                </c:pt>
                <c:pt idx="4661">
                  <c:v>15.8484</c:v>
                </c:pt>
                <c:pt idx="4662">
                  <c:v>15.674799999999999</c:v>
                </c:pt>
                <c:pt idx="4663">
                  <c:v>15.530900000000001</c:v>
                </c:pt>
                <c:pt idx="4664">
                  <c:v>15.405200000000001</c:v>
                </c:pt>
                <c:pt idx="4665">
                  <c:v>16.369299999999999</c:v>
                </c:pt>
                <c:pt idx="4666">
                  <c:v>16.450199999999999</c:v>
                </c:pt>
                <c:pt idx="4667">
                  <c:v>16.490600000000001</c:v>
                </c:pt>
                <c:pt idx="4668">
                  <c:v>15.9641</c:v>
                </c:pt>
                <c:pt idx="4669">
                  <c:v>16.028099999999998</c:v>
                </c:pt>
                <c:pt idx="4670">
                  <c:v>16.055</c:v>
                </c:pt>
                <c:pt idx="4671">
                  <c:v>16.077300000000001</c:v>
                </c:pt>
                <c:pt idx="4672">
                  <c:v>16.081800000000001</c:v>
                </c:pt>
                <c:pt idx="4673">
                  <c:v>16.085699999999999</c:v>
                </c:pt>
                <c:pt idx="4674">
                  <c:v>16.075900000000001</c:v>
                </c:pt>
                <c:pt idx="4675">
                  <c:v>15.405200000000001</c:v>
                </c:pt>
                <c:pt idx="4676">
                  <c:v>16.369299999999999</c:v>
                </c:pt>
                <c:pt idx="4677">
                  <c:v>16.450199999999999</c:v>
                </c:pt>
                <c:pt idx="4678">
                  <c:v>16.490600000000001</c:v>
                </c:pt>
                <c:pt idx="4679">
                  <c:v>15.9641</c:v>
                </c:pt>
                <c:pt idx="4680">
                  <c:v>16.028099999999998</c:v>
                </c:pt>
                <c:pt idx="4681">
                  <c:v>16.055</c:v>
                </c:pt>
                <c:pt idx="4682">
                  <c:v>16.077300000000001</c:v>
                </c:pt>
                <c:pt idx="4683">
                  <c:v>16.081800000000001</c:v>
                </c:pt>
                <c:pt idx="4684">
                  <c:v>16.085699999999999</c:v>
                </c:pt>
                <c:pt idx="4685">
                  <c:v>16.075900000000001</c:v>
                </c:pt>
                <c:pt idx="4686">
                  <c:v>15.405200000000001</c:v>
                </c:pt>
                <c:pt idx="4687">
                  <c:v>16.369299999999999</c:v>
                </c:pt>
                <c:pt idx="4688">
                  <c:v>16.450199999999999</c:v>
                </c:pt>
                <c:pt idx="4689">
                  <c:v>16.490600000000001</c:v>
                </c:pt>
                <c:pt idx="4690">
                  <c:v>15.9641</c:v>
                </c:pt>
                <c:pt idx="4691">
                  <c:v>16.028099999999998</c:v>
                </c:pt>
                <c:pt idx="4692">
                  <c:v>16.055</c:v>
                </c:pt>
                <c:pt idx="4693">
                  <c:v>16.077300000000001</c:v>
                </c:pt>
                <c:pt idx="4694">
                  <c:v>16.081800000000001</c:v>
                </c:pt>
                <c:pt idx="4695">
                  <c:v>16.085699999999999</c:v>
                </c:pt>
                <c:pt idx="4696">
                  <c:v>16.075900000000001</c:v>
                </c:pt>
                <c:pt idx="4697">
                  <c:v>15.405200000000001</c:v>
                </c:pt>
                <c:pt idx="4698">
                  <c:v>16.369299999999999</c:v>
                </c:pt>
                <c:pt idx="4699">
                  <c:v>16.450199999999999</c:v>
                </c:pt>
                <c:pt idx="4700">
                  <c:v>16.490600000000001</c:v>
                </c:pt>
                <c:pt idx="4701">
                  <c:v>15.9641</c:v>
                </c:pt>
                <c:pt idx="4702">
                  <c:v>16.028099999999998</c:v>
                </c:pt>
                <c:pt idx="4703">
                  <c:v>16.055</c:v>
                </c:pt>
                <c:pt idx="4704">
                  <c:v>16.077300000000001</c:v>
                </c:pt>
                <c:pt idx="4705">
                  <c:v>16.081800000000001</c:v>
                </c:pt>
                <c:pt idx="4706">
                  <c:v>16.085699999999999</c:v>
                </c:pt>
                <c:pt idx="4707">
                  <c:v>16.075900000000001</c:v>
                </c:pt>
                <c:pt idx="4708">
                  <c:v>15.405200000000001</c:v>
                </c:pt>
                <c:pt idx="4709">
                  <c:v>16.369299999999999</c:v>
                </c:pt>
                <c:pt idx="4710">
                  <c:v>16.450199999999999</c:v>
                </c:pt>
                <c:pt idx="4711">
                  <c:v>16.490600000000001</c:v>
                </c:pt>
                <c:pt idx="4712">
                  <c:v>15.9641</c:v>
                </c:pt>
                <c:pt idx="4713">
                  <c:v>16.028099999999998</c:v>
                </c:pt>
                <c:pt idx="4714">
                  <c:v>16.055</c:v>
                </c:pt>
                <c:pt idx="4715">
                  <c:v>16.077300000000001</c:v>
                </c:pt>
                <c:pt idx="4716">
                  <c:v>16.081800000000001</c:v>
                </c:pt>
                <c:pt idx="4717">
                  <c:v>16.085699999999999</c:v>
                </c:pt>
                <c:pt idx="4718">
                  <c:v>16.075900000000001</c:v>
                </c:pt>
                <c:pt idx="4719">
                  <c:v>15.405200000000001</c:v>
                </c:pt>
                <c:pt idx="4720">
                  <c:v>16.369299999999999</c:v>
                </c:pt>
                <c:pt idx="4721">
                  <c:v>16.450199999999999</c:v>
                </c:pt>
                <c:pt idx="4722">
                  <c:v>16.490600000000001</c:v>
                </c:pt>
                <c:pt idx="4723">
                  <c:v>15.9641</c:v>
                </c:pt>
                <c:pt idx="4724">
                  <c:v>16.028099999999998</c:v>
                </c:pt>
                <c:pt idx="4725">
                  <c:v>16.055</c:v>
                </c:pt>
                <c:pt idx="4726">
                  <c:v>16.077300000000001</c:v>
                </c:pt>
                <c:pt idx="4727">
                  <c:v>16.081800000000001</c:v>
                </c:pt>
                <c:pt idx="4728">
                  <c:v>16.085699999999999</c:v>
                </c:pt>
                <c:pt idx="4729">
                  <c:v>16.075900000000001</c:v>
                </c:pt>
                <c:pt idx="4730">
                  <c:v>15.405200000000001</c:v>
                </c:pt>
                <c:pt idx="4731">
                  <c:v>16.369299999999999</c:v>
                </c:pt>
                <c:pt idx="4732">
                  <c:v>16.450199999999999</c:v>
                </c:pt>
                <c:pt idx="4733">
                  <c:v>16.490600000000001</c:v>
                </c:pt>
                <c:pt idx="4734">
                  <c:v>15.9641</c:v>
                </c:pt>
                <c:pt idx="4735">
                  <c:v>16.028099999999998</c:v>
                </c:pt>
                <c:pt idx="4736">
                  <c:v>16.055</c:v>
                </c:pt>
                <c:pt idx="4737">
                  <c:v>16.077300000000001</c:v>
                </c:pt>
                <c:pt idx="4738">
                  <c:v>16.081800000000001</c:v>
                </c:pt>
                <c:pt idx="4739">
                  <c:v>16.085699999999999</c:v>
                </c:pt>
                <c:pt idx="4740">
                  <c:v>16.075900000000001</c:v>
                </c:pt>
                <c:pt idx="4741">
                  <c:v>15.405200000000001</c:v>
                </c:pt>
                <c:pt idx="4742">
                  <c:v>16.369299999999999</c:v>
                </c:pt>
                <c:pt idx="4743">
                  <c:v>16.450199999999999</c:v>
                </c:pt>
                <c:pt idx="4744">
                  <c:v>16.490600000000001</c:v>
                </c:pt>
                <c:pt idx="4745">
                  <c:v>15.9641</c:v>
                </c:pt>
                <c:pt idx="4746">
                  <c:v>16.028099999999998</c:v>
                </c:pt>
                <c:pt idx="4747">
                  <c:v>16.055</c:v>
                </c:pt>
                <c:pt idx="4748">
                  <c:v>16.077300000000001</c:v>
                </c:pt>
                <c:pt idx="4749">
                  <c:v>16.081800000000001</c:v>
                </c:pt>
                <c:pt idx="4750">
                  <c:v>16.085699999999999</c:v>
                </c:pt>
                <c:pt idx="4751">
                  <c:v>16.075900000000001</c:v>
                </c:pt>
                <c:pt idx="4752">
                  <c:v>50.492400000000004</c:v>
                </c:pt>
                <c:pt idx="4753">
                  <c:v>66.260300000000001</c:v>
                </c:pt>
                <c:pt idx="4754">
                  <c:v>74.844800000000006</c:v>
                </c:pt>
                <c:pt idx="4755">
                  <c:v>80.959100000000007</c:v>
                </c:pt>
                <c:pt idx="4756">
                  <c:v>82.566299999999998</c:v>
                </c:pt>
                <c:pt idx="4757">
                  <c:v>84.941400000000002</c:v>
                </c:pt>
                <c:pt idx="4758">
                  <c:v>88.198999999999998</c:v>
                </c:pt>
                <c:pt idx="4759">
                  <c:v>87.660799999999995</c:v>
                </c:pt>
                <c:pt idx="4760">
                  <c:v>89.123400000000004</c:v>
                </c:pt>
                <c:pt idx="4761">
                  <c:v>90.642499999999998</c:v>
                </c:pt>
                <c:pt idx="4762">
                  <c:v>90.5047</c:v>
                </c:pt>
                <c:pt idx="4763">
                  <c:v>21.169699999999999</c:v>
                </c:pt>
                <c:pt idx="4764">
                  <c:v>26.8386</c:v>
                </c:pt>
                <c:pt idx="4765">
                  <c:v>33.097000000000001</c:v>
                </c:pt>
                <c:pt idx="4766">
                  <c:v>39.045299999999997</c:v>
                </c:pt>
                <c:pt idx="4767">
                  <c:v>42.174500000000002</c:v>
                </c:pt>
                <c:pt idx="4768">
                  <c:v>45.938499999999998</c:v>
                </c:pt>
                <c:pt idx="4769">
                  <c:v>50.912399999999998</c:v>
                </c:pt>
                <c:pt idx="4770">
                  <c:v>52.936</c:v>
                </c:pt>
                <c:pt idx="4771">
                  <c:v>55.273000000000003</c:v>
                </c:pt>
                <c:pt idx="4772">
                  <c:v>56.310499999999998</c:v>
                </c:pt>
                <c:pt idx="4773">
                  <c:v>56.858899999999998</c:v>
                </c:pt>
                <c:pt idx="4774">
                  <c:v>15.7843</c:v>
                </c:pt>
                <c:pt idx="4775">
                  <c:v>16.549600000000002</c:v>
                </c:pt>
                <c:pt idx="4776">
                  <c:v>16.377500000000001</c:v>
                </c:pt>
                <c:pt idx="4777">
                  <c:v>16.289899999999999</c:v>
                </c:pt>
                <c:pt idx="4778">
                  <c:v>16.1449</c:v>
                </c:pt>
                <c:pt idx="4779">
                  <c:v>16.099299999999999</c:v>
                </c:pt>
                <c:pt idx="4780">
                  <c:v>17.335799999999999</c:v>
                </c:pt>
                <c:pt idx="4781">
                  <c:v>17.098400000000002</c:v>
                </c:pt>
                <c:pt idx="4782">
                  <c:v>17.5886</c:v>
                </c:pt>
                <c:pt idx="4783">
                  <c:v>19.082799999999999</c:v>
                </c:pt>
                <c:pt idx="4784">
                  <c:v>18.860199999999999</c:v>
                </c:pt>
                <c:pt idx="4785">
                  <c:v>19.2102</c:v>
                </c:pt>
                <c:pt idx="4786">
                  <c:v>18.633299999999998</c:v>
                </c:pt>
                <c:pt idx="4787">
                  <c:v>18.923300000000001</c:v>
                </c:pt>
                <c:pt idx="4788">
                  <c:v>19.078600000000002</c:v>
                </c:pt>
                <c:pt idx="4789">
                  <c:v>19.270199999999999</c:v>
                </c:pt>
                <c:pt idx="4790">
                  <c:v>19.400099999999998</c:v>
                </c:pt>
                <c:pt idx="4791">
                  <c:v>19.549299999999999</c:v>
                </c:pt>
                <c:pt idx="4792">
                  <c:v>19.552800000000001</c:v>
                </c:pt>
                <c:pt idx="4793">
                  <c:v>19.564800000000002</c:v>
                </c:pt>
                <c:pt idx="4794">
                  <c:v>19.581600000000002</c:v>
                </c:pt>
                <c:pt idx="4795">
                  <c:v>19.6051</c:v>
                </c:pt>
                <c:pt idx="4796">
                  <c:v>19.2102</c:v>
                </c:pt>
                <c:pt idx="4797">
                  <c:v>18.633299999999998</c:v>
                </c:pt>
                <c:pt idx="4798">
                  <c:v>18.923300000000001</c:v>
                </c:pt>
                <c:pt idx="4799">
                  <c:v>19.078600000000002</c:v>
                </c:pt>
                <c:pt idx="4800">
                  <c:v>19.270199999999999</c:v>
                </c:pt>
                <c:pt idx="4801">
                  <c:v>19.400099999999998</c:v>
                </c:pt>
                <c:pt idx="4802">
                  <c:v>19.549299999999999</c:v>
                </c:pt>
                <c:pt idx="4803">
                  <c:v>19.552800000000001</c:v>
                </c:pt>
                <c:pt idx="4804">
                  <c:v>19.564800000000002</c:v>
                </c:pt>
                <c:pt idx="4805">
                  <c:v>19.581600000000002</c:v>
                </c:pt>
                <c:pt idx="4806">
                  <c:v>19.6051</c:v>
                </c:pt>
                <c:pt idx="4807">
                  <c:v>19.2102</c:v>
                </c:pt>
                <c:pt idx="4808">
                  <c:v>18.633299999999998</c:v>
                </c:pt>
                <c:pt idx="4809">
                  <c:v>18.923300000000001</c:v>
                </c:pt>
                <c:pt idx="4810">
                  <c:v>19.078600000000002</c:v>
                </c:pt>
                <c:pt idx="4811">
                  <c:v>19.270199999999999</c:v>
                </c:pt>
                <c:pt idx="4812">
                  <c:v>19.400099999999998</c:v>
                </c:pt>
                <c:pt idx="4813">
                  <c:v>19.549299999999999</c:v>
                </c:pt>
                <c:pt idx="4814">
                  <c:v>19.552800000000001</c:v>
                </c:pt>
                <c:pt idx="4815">
                  <c:v>19.564800000000002</c:v>
                </c:pt>
                <c:pt idx="4816">
                  <c:v>19.581600000000002</c:v>
                </c:pt>
                <c:pt idx="4817">
                  <c:v>19.6051</c:v>
                </c:pt>
                <c:pt idx="4818">
                  <c:v>19.2102</c:v>
                </c:pt>
                <c:pt idx="4819">
                  <c:v>18.633299999999998</c:v>
                </c:pt>
                <c:pt idx="4820">
                  <c:v>18.923300000000001</c:v>
                </c:pt>
                <c:pt idx="4821">
                  <c:v>19.078600000000002</c:v>
                </c:pt>
                <c:pt idx="4822">
                  <c:v>19.270199999999999</c:v>
                </c:pt>
                <c:pt idx="4823">
                  <c:v>19.400099999999998</c:v>
                </c:pt>
                <c:pt idx="4824">
                  <c:v>19.549299999999999</c:v>
                </c:pt>
                <c:pt idx="4825">
                  <c:v>19.552800000000001</c:v>
                </c:pt>
                <c:pt idx="4826">
                  <c:v>19.564800000000002</c:v>
                </c:pt>
                <c:pt idx="4827">
                  <c:v>19.581600000000002</c:v>
                </c:pt>
                <c:pt idx="4828">
                  <c:v>19.6051</c:v>
                </c:pt>
                <c:pt idx="4829">
                  <c:v>19.2102</c:v>
                </c:pt>
                <c:pt idx="4830">
                  <c:v>18.633299999999998</c:v>
                </c:pt>
                <c:pt idx="4831">
                  <c:v>18.923300000000001</c:v>
                </c:pt>
                <c:pt idx="4832">
                  <c:v>19.078600000000002</c:v>
                </c:pt>
                <c:pt idx="4833">
                  <c:v>19.270199999999999</c:v>
                </c:pt>
                <c:pt idx="4834">
                  <c:v>19.400099999999998</c:v>
                </c:pt>
                <c:pt idx="4835">
                  <c:v>19.549299999999999</c:v>
                </c:pt>
                <c:pt idx="4836">
                  <c:v>19.552800000000001</c:v>
                </c:pt>
                <c:pt idx="4837">
                  <c:v>19.564800000000002</c:v>
                </c:pt>
                <c:pt idx="4838">
                  <c:v>19.581600000000002</c:v>
                </c:pt>
                <c:pt idx="4839">
                  <c:v>19.6051</c:v>
                </c:pt>
                <c:pt idx="4840">
                  <c:v>19.2102</c:v>
                </c:pt>
                <c:pt idx="4841">
                  <c:v>18.633299999999998</c:v>
                </c:pt>
                <c:pt idx="4842">
                  <c:v>18.923300000000001</c:v>
                </c:pt>
                <c:pt idx="4843">
                  <c:v>19.078600000000002</c:v>
                </c:pt>
                <c:pt idx="4844">
                  <c:v>19.270199999999999</c:v>
                </c:pt>
                <c:pt idx="4845">
                  <c:v>19.400099999999998</c:v>
                </c:pt>
                <c:pt idx="4846">
                  <c:v>19.549299999999999</c:v>
                </c:pt>
                <c:pt idx="4847">
                  <c:v>19.552800000000001</c:v>
                </c:pt>
                <c:pt idx="4848">
                  <c:v>19.564800000000002</c:v>
                </c:pt>
                <c:pt idx="4849">
                  <c:v>19.581600000000002</c:v>
                </c:pt>
                <c:pt idx="4850">
                  <c:v>19.6051</c:v>
                </c:pt>
                <c:pt idx="4851">
                  <c:v>19.2102</c:v>
                </c:pt>
                <c:pt idx="4852">
                  <c:v>18.633299999999998</c:v>
                </c:pt>
                <c:pt idx="4853">
                  <c:v>18.923300000000001</c:v>
                </c:pt>
                <c:pt idx="4854">
                  <c:v>19.078600000000002</c:v>
                </c:pt>
                <c:pt idx="4855">
                  <c:v>19.270199999999999</c:v>
                </c:pt>
                <c:pt idx="4856">
                  <c:v>19.400099999999998</c:v>
                </c:pt>
                <c:pt idx="4857">
                  <c:v>19.549299999999999</c:v>
                </c:pt>
                <c:pt idx="4858">
                  <c:v>19.552800000000001</c:v>
                </c:pt>
                <c:pt idx="4859">
                  <c:v>19.564800000000002</c:v>
                </c:pt>
                <c:pt idx="4860">
                  <c:v>19.581600000000002</c:v>
                </c:pt>
                <c:pt idx="4861">
                  <c:v>19.6051</c:v>
                </c:pt>
                <c:pt idx="4862">
                  <c:v>19.2102</c:v>
                </c:pt>
                <c:pt idx="4863">
                  <c:v>18.633299999999998</c:v>
                </c:pt>
                <c:pt idx="4864">
                  <c:v>18.923300000000001</c:v>
                </c:pt>
                <c:pt idx="4865">
                  <c:v>19.078600000000002</c:v>
                </c:pt>
                <c:pt idx="4866">
                  <c:v>19.270199999999999</c:v>
                </c:pt>
                <c:pt idx="4867">
                  <c:v>19.400099999999998</c:v>
                </c:pt>
                <c:pt idx="4868">
                  <c:v>19.549299999999999</c:v>
                </c:pt>
                <c:pt idx="4869">
                  <c:v>19.552800000000001</c:v>
                </c:pt>
                <c:pt idx="4870">
                  <c:v>19.564800000000002</c:v>
                </c:pt>
                <c:pt idx="4871">
                  <c:v>19.581600000000002</c:v>
                </c:pt>
                <c:pt idx="4872">
                  <c:v>19.6051</c:v>
                </c:pt>
                <c:pt idx="4873">
                  <c:v>19.2102</c:v>
                </c:pt>
                <c:pt idx="4874">
                  <c:v>18.633299999999998</c:v>
                </c:pt>
                <c:pt idx="4875">
                  <c:v>18.923300000000001</c:v>
                </c:pt>
                <c:pt idx="4876">
                  <c:v>19.078600000000002</c:v>
                </c:pt>
                <c:pt idx="4877">
                  <c:v>19.270199999999999</c:v>
                </c:pt>
                <c:pt idx="4878">
                  <c:v>19.400099999999998</c:v>
                </c:pt>
                <c:pt idx="4879">
                  <c:v>19.549299999999999</c:v>
                </c:pt>
                <c:pt idx="4880">
                  <c:v>19.552800000000001</c:v>
                </c:pt>
                <c:pt idx="4881">
                  <c:v>19.564800000000002</c:v>
                </c:pt>
                <c:pt idx="4882">
                  <c:v>19.581600000000002</c:v>
                </c:pt>
                <c:pt idx="4883">
                  <c:v>19.6051</c:v>
                </c:pt>
                <c:pt idx="4884">
                  <c:v>49.875599999999999</c:v>
                </c:pt>
                <c:pt idx="4885">
                  <c:v>64.049000000000007</c:v>
                </c:pt>
                <c:pt idx="4886">
                  <c:v>74.5822</c:v>
                </c:pt>
                <c:pt idx="4887">
                  <c:v>82.792100000000005</c:v>
                </c:pt>
                <c:pt idx="4888">
                  <c:v>85.010599999999997</c:v>
                </c:pt>
                <c:pt idx="4889">
                  <c:v>90.238</c:v>
                </c:pt>
                <c:pt idx="4890">
                  <c:v>93.523600000000002</c:v>
                </c:pt>
                <c:pt idx="4891">
                  <c:v>95.930300000000003</c:v>
                </c:pt>
                <c:pt idx="4892">
                  <c:v>96.369500000000002</c:v>
                </c:pt>
                <c:pt idx="4893">
                  <c:v>99.158000000000001</c:v>
                </c:pt>
                <c:pt idx="4894">
                  <c:v>98.248400000000004</c:v>
                </c:pt>
                <c:pt idx="4895">
                  <c:v>21.169699999999999</c:v>
                </c:pt>
                <c:pt idx="4896">
                  <c:v>24.4847</c:v>
                </c:pt>
                <c:pt idx="4897">
                  <c:v>31.152100000000001</c:v>
                </c:pt>
                <c:pt idx="4898">
                  <c:v>37.8613</c:v>
                </c:pt>
                <c:pt idx="4899">
                  <c:v>40.8904</c:v>
                </c:pt>
                <c:pt idx="4900">
                  <c:v>44.830800000000004</c:v>
                </c:pt>
                <c:pt idx="4901">
                  <c:v>51.7027</c:v>
                </c:pt>
                <c:pt idx="4902">
                  <c:v>53.098399999999998</c:v>
                </c:pt>
                <c:pt idx="4903">
                  <c:v>56.471699999999998</c:v>
                </c:pt>
                <c:pt idx="4904">
                  <c:v>57.514899999999997</c:v>
                </c:pt>
                <c:pt idx="4905">
                  <c:v>58.841900000000003</c:v>
                </c:pt>
                <c:pt idx="4906">
                  <c:v>15.7843</c:v>
                </c:pt>
                <c:pt idx="4907">
                  <c:v>16.549600000000002</c:v>
                </c:pt>
                <c:pt idx="4908">
                  <c:v>16.377500000000001</c:v>
                </c:pt>
                <c:pt idx="4909">
                  <c:v>16.289899999999999</c:v>
                </c:pt>
                <c:pt idx="4910">
                  <c:v>16.1449</c:v>
                </c:pt>
                <c:pt idx="4911">
                  <c:v>16.0657</c:v>
                </c:pt>
                <c:pt idx="4912">
                  <c:v>17.335799999999999</c:v>
                </c:pt>
                <c:pt idx="4913">
                  <c:v>17.098400000000002</c:v>
                </c:pt>
                <c:pt idx="4914">
                  <c:v>17.5886</c:v>
                </c:pt>
                <c:pt idx="4915">
                  <c:v>19.082799999999999</c:v>
                </c:pt>
                <c:pt idx="4916">
                  <c:v>18.860199999999999</c:v>
                </c:pt>
                <c:pt idx="4917">
                  <c:v>19.2102</c:v>
                </c:pt>
                <c:pt idx="4918">
                  <c:v>18.633299999999998</c:v>
                </c:pt>
                <c:pt idx="4919">
                  <c:v>18.923300000000001</c:v>
                </c:pt>
                <c:pt idx="4920">
                  <c:v>19.078600000000002</c:v>
                </c:pt>
                <c:pt idx="4921">
                  <c:v>19.270199999999999</c:v>
                </c:pt>
                <c:pt idx="4922">
                  <c:v>19.400099999999998</c:v>
                </c:pt>
                <c:pt idx="4923">
                  <c:v>19.549299999999999</c:v>
                </c:pt>
                <c:pt idx="4924">
                  <c:v>19.552800000000001</c:v>
                </c:pt>
                <c:pt idx="4925">
                  <c:v>19.564800000000002</c:v>
                </c:pt>
                <c:pt idx="4926">
                  <c:v>19.581600000000002</c:v>
                </c:pt>
                <c:pt idx="4927">
                  <c:v>19.6051</c:v>
                </c:pt>
                <c:pt idx="4928">
                  <c:v>19.2102</c:v>
                </c:pt>
                <c:pt idx="4929">
                  <c:v>18.633299999999998</c:v>
                </c:pt>
                <c:pt idx="4930">
                  <c:v>18.923300000000001</c:v>
                </c:pt>
                <c:pt idx="4931">
                  <c:v>19.078600000000002</c:v>
                </c:pt>
                <c:pt idx="4932">
                  <c:v>19.270199999999999</c:v>
                </c:pt>
                <c:pt idx="4933">
                  <c:v>19.400099999999998</c:v>
                </c:pt>
                <c:pt idx="4934">
                  <c:v>19.549299999999999</c:v>
                </c:pt>
                <c:pt idx="4935">
                  <c:v>19.552800000000001</c:v>
                </c:pt>
                <c:pt idx="4936">
                  <c:v>19.564800000000002</c:v>
                </c:pt>
                <c:pt idx="4937">
                  <c:v>19.581600000000002</c:v>
                </c:pt>
                <c:pt idx="4938">
                  <c:v>19.6051</c:v>
                </c:pt>
                <c:pt idx="4939">
                  <c:v>19.2102</c:v>
                </c:pt>
                <c:pt idx="4940">
                  <c:v>18.633299999999998</c:v>
                </c:pt>
                <c:pt idx="4941">
                  <c:v>18.923300000000001</c:v>
                </c:pt>
                <c:pt idx="4942">
                  <c:v>19.078600000000002</c:v>
                </c:pt>
                <c:pt idx="4943">
                  <c:v>19.270199999999999</c:v>
                </c:pt>
                <c:pt idx="4944">
                  <c:v>19.400099999999998</c:v>
                </c:pt>
                <c:pt idx="4945">
                  <c:v>19.549299999999999</c:v>
                </c:pt>
                <c:pt idx="4946">
                  <c:v>19.552800000000001</c:v>
                </c:pt>
                <c:pt idx="4947">
                  <c:v>19.564800000000002</c:v>
                </c:pt>
                <c:pt idx="4948">
                  <c:v>19.581600000000002</c:v>
                </c:pt>
                <c:pt idx="4949">
                  <c:v>19.6051</c:v>
                </c:pt>
                <c:pt idx="4950">
                  <c:v>19.2102</c:v>
                </c:pt>
                <c:pt idx="4951">
                  <c:v>18.633299999999998</c:v>
                </c:pt>
                <c:pt idx="4952">
                  <c:v>18.923300000000001</c:v>
                </c:pt>
                <c:pt idx="4953">
                  <c:v>19.078600000000002</c:v>
                </c:pt>
                <c:pt idx="4954">
                  <c:v>19.270199999999999</c:v>
                </c:pt>
                <c:pt idx="4955">
                  <c:v>19.400099999999998</c:v>
                </c:pt>
                <c:pt idx="4956">
                  <c:v>19.549299999999999</c:v>
                </c:pt>
                <c:pt idx="4957">
                  <c:v>19.552800000000001</c:v>
                </c:pt>
                <c:pt idx="4958">
                  <c:v>19.564800000000002</c:v>
                </c:pt>
                <c:pt idx="4959">
                  <c:v>19.581600000000002</c:v>
                </c:pt>
                <c:pt idx="4960">
                  <c:v>19.6051</c:v>
                </c:pt>
                <c:pt idx="4961">
                  <c:v>19.2102</c:v>
                </c:pt>
                <c:pt idx="4962">
                  <c:v>18.633299999999998</c:v>
                </c:pt>
                <c:pt idx="4963">
                  <c:v>18.923300000000001</c:v>
                </c:pt>
                <c:pt idx="4964">
                  <c:v>19.078600000000002</c:v>
                </c:pt>
                <c:pt idx="4965">
                  <c:v>19.270199999999999</c:v>
                </c:pt>
                <c:pt idx="4966">
                  <c:v>19.400099999999998</c:v>
                </c:pt>
                <c:pt idx="4967">
                  <c:v>19.549299999999999</c:v>
                </c:pt>
                <c:pt idx="4968">
                  <c:v>19.552800000000001</c:v>
                </c:pt>
                <c:pt idx="4969">
                  <c:v>19.564800000000002</c:v>
                </c:pt>
                <c:pt idx="4970">
                  <c:v>19.581600000000002</c:v>
                </c:pt>
                <c:pt idx="4971">
                  <c:v>19.6051</c:v>
                </c:pt>
                <c:pt idx="4972">
                  <c:v>19.2102</c:v>
                </c:pt>
                <c:pt idx="4973">
                  <c:v>18.633299999999998</c:v>
                </c:pt>
                <c:pt idx="4974">
                  <c:v>18.923300000000001</c:v>
                </c:pt>
                <c:pt idx="4975">
                  <c:v>19.078600000000002</c:v>
                </c:pt>
                <c:pt idx="4976">
                  <c:v>19.270199999999999</c:v>
                </c:pt>
                <c:pt idx="4977">
                  <c:v>19.400099999999998</c:v>
                </c:pt>
                <c:pt idx="4978">
                  <c:v>19.549299999999999</c:v>
                </c:pt>
                <c:pt idx="4979">
                  <c:v>19.552800000000001</c:v>
                </c:pt>
                <c:pt idx="4980">
                  <c:v>19.564800000000002</c:v>
                </c:pt>
                <c:pt idx="4981">
                  <c:v>19.581600000000002</c:v>
                </c:pt>
                <c:pt idx="4982">
                  <c:v>19.6051</c:v>
                </c:pt>
                <c:pt idx="4983">
                  <c:v>19.2102</c:v>
                </c:pt>
                <c:pt idx="4984">
                  <c:v>18.633299999999998</c:v>
                </c:pt>
                <c:pt idx="4985">
                  <c:v>18.923300000000001</c:v>
                </c:pt>
                <c:pt idx="4986">
                  <c:v>19.078600000000002</c:v>
                </c:pt>
                <c:pt idx="4987">
                  <c:v>19.270199999999999</c:v>
                </c:pt>
                <c:pt idx="4988">
                  <c:v>19.400099999999998</c:v>
                </c:pt>
                <c:pt idx="4989">
                  <c:v>19.549299999999999</c:v>
                </c:pt>
                <c:pt idx="4990">
                  <c:v>19.552800000000001</c:v>
                </c:pt>
                <c:pt idx="4991">
                  <c:v>19.564800000000002</c:v>
                </c:pt>
                <c:pt idx="4992">
                  <c:v>19.581600000000002</c:v>
                </c:pt>
                <c:pt idx="4993">
                  <c:v>19.6051</c:v>
                </c:pt>
                <c:pt idx="4994">
                  <c:v>19.2102</c:v>
                </c:pt>
                <c:pt idx="4995">
                  <c:v>18.633299999999998</c:v>
                </c:pt>
                <c:pt idx="4996">
                  <c:v>18.923300000000001</c:v>
                </c:pt>
                <c:pt idx="4997">
                  <c:v>19.078600000000002</c:v>
                </c:pt>
                <c:pt idx="4998">
                  <c:v>19.270199999999999</c:v>
                </c:pt>
                <c:pt idx="4999">
                  <c:v>19.400099999999998</c:v>
                </c:pt>
                <c:pt idx="5000">
                  <c:v>19.549299999999999</c:v>
                </c:pt>
                <c:pt idx="5001">
                  <c:v>19.552800000000001</c:v>
                </c:pt>
                <c:pt idx="5002">
                  <c:v>19.564800000000002</c:v>
                </c:pt>
                <c:pt idx="5003">
                  <c:v>19.581600000000002</c:v>
                </c:pt>
                <c:pt idx="5004">
                  <c:v>19.6051</c:v>
                </c:pt>
                <c:pt idx="5005">
                  <c:v>19.2102</c:v>
                </c:pt>
                <c:pt idx="5006">
                  <c:v>18.633299999999998</c:v>
                </c:pt>
                <c:pt idx="5007">
                  <c:v>18.923300000000001</c:v>
                </c:pt>
                <c:pt idx="5008">
                  <c:v>19.078600000000002</c:v>
                </c:pt>
                <c:pt idx="5009">
                  <c:v>19.270199999999999</c:v>
                </c:pt>
                <c:pt idx="5010">
                  <c:v>19.400099999999998</c:v>
                </c:pt>
                <c:pt idx="5011">
                  <c:v>19.549299999999999</c:v>
                </c:pt>
                <c:pt idx="5012">
                  <c:v>19.552800000000001</c:v>
                </c:pt>
                <c:pt idx="5013">
                  <c:v>19.564800000000002</c:v>
                </c:pt>
                <c:pt idx="5014">
                  <c:v>19.581600000000002</c:v>
                </c:pt>
                <c:pt idx="5015">
                  <c:v>19.6051</c:v>
                </c:pt>
                <c:pt idx="5016">
                  <c:v>49.875599999999999</c:v>
                </c:pt>
                <c:pt idx="5017">
                  <c:v>62.082500000000003</c:v>
                </c:pt>
                <c:pt idx="5018">
                  <c:v>72.454599999999999</c:v>
                </c:pt>
                <c:pt idx="5019">
                  <c:v>82.336399999999998</c:v>
                </c:pt>
                <c:pt idx="5020">
                  <c:v>91.046599999999998</c:v>
                </c:pt>
                <c:pt idx="5021">
                  <c:v>96.083399999999997</c:v>
                </c:pt>
                <c:pt idx="5022">
                  <c:v>94.771500000000003</c:v>
                </c:pt>
                <c:pt idx="5023">
                  <c:v>96.572100000000006</c:v>
                </c:pt>
                <c:pt idx="5024">
                  <c:v>97.567400000000006</c:v>
                </c:pt>
                <c:pt idx="5025">
                  <c:v>98.829800000000006</c:v>
                </c:pt>
                <c:pt idx="5026">
                  <c:v>99.839500000000001</c:v>
                </c:pt>
                <c:pt idx="5027">
                  <c:v>21.169699999999999</c:v>
                </c:pt>
                <c:pt idx="5028">
                  <c:v>24.3752</c:v>
                </c:pt>
                <c:pt idx="5029">
                  <c:v>29.358599999999999</c:v>
                </c:pt>
                <c:pt idx="5030">
                  <c:v>34.889099999999999</c:v>
                </c:pt>
                <c:pt idx="5031">
                  <c:v>38.752800000000001</c:v>
                </c:pt>
                <c:pt idx="5032">
                  <c:v>44.011899999999997</c:v>
                </c:pt>
                <c:pt idx="5033">
                  <c:v>49.021999999999998</c:v>
                </c:pt>
                <c:pt idx="5034">
                  <c:v>54.4467</c:v>
                </c:pt>
                <c:pt idx="5035">
                  <c:v>57.018700000000003</c:v>
                </c:pt>
                <c:pt idx="5036">
                  <c:v>55.950899999999997</c:v>
                </c:pt>
                <c:pt idx="5037">
                  <c:v>56.939500000000002</c:v>
                </c:pt>
                <c:pt idx="5038">
                  <c:v>15.7843</c:v>
                </c:pt>
                <c:pt idx="5039">
                  <c:v>16.549600000000002</c:v>
                </c:pt>
                <c:pt idx="5040">
                  <c:v>16.377500000000001</c:v>
                </c:pt>
                <c:pt idx="5041">
                  <c:v>16.289899999999999</c:v>
                </c:pt>
                <c:pt idx="5042">
                  <c:v>16.1449</c:v>
                </c:pt>
                <c:pt idx="5043">
                  <c:v>16.0657</c:v>
                </c:pt>
                <c:pt idx="5044">
                  <c:v>17.335799999999999</c:v>
                </c:pt>
                <c:pt idx="5045">
                  <c:v>17.098400000000002</c:v>
                </c:pt>
                <c:pt idx="5046">
                  <c:v>17.5886</c:v>
                </c:pt>
                <c:pt idx="5047">
                  <c:v>19.082799999999999</c:v>
                </c:pt>
                <c:pt idx="5048">
                  <c:v>18.860199999999999</c:v>
                </c:pt>
                <c:pt idx="5049">
                  <c:v>19.2102</c:v>
                </c:pt>
                <c:pt idx="5050">
                  <c:v>18.633299999999998</c:v>
                </c:pt>
                <c:pt idx="5051">
                  <c:v>18.923300000000001</c:v>
                </c:pt>
                <c:pt idx="5052">
                  <c:v>19.078600000000002</c:v>
                </c:pt>
                <c:pt idx="5053">
                  <c:v>19.270199999999999</c:v>
                </c:pt>
                <c:pt idx="5054">
                  <c:v>19.400099999999998</c:v>
                </c:pt>
                <c:pt idx="5055">
                  <c:v>19.549299999999999</c:v>
                </c:pt>
                <c:pt idx="5056">
                  <c:v>19.552800000000001</c:v>
                </c:pt>
                <c:pt idx="5057">
                  <c:v>19.564800000000002</c:v>
                </c:pt>
                <c:pt idx="5058">
                  <c:v>19.581600000000002</c:v>
                </c:pt>
                <c:pt idx="5059">
                  <c:v>19.6051</c:v>
                </c:pt>
                <c:pt idx="5060">
                  <c:v>19.2102</c:v>
                </c:pt>
                <c:pt idx="5061">
                  <c:v>18.633299999999998</c:v>
                </c:pt>
                <c:pt idx="5062">
                  <c:v>18.923300000000001</c:v>
                </c:pt>
                <c:pt idx="5063">
                  <c:v>19.078600000000002</c:v>
                </c:pt>
                <c:pt idx="5064">
                  <c:v>19.270199999999999</c:v>
                </c:pt>
                <c:pt idx="5065">
                  <c:v>19.400099999999998</c:v>
                </c:pt>
                <c:pt idx="5066">
                  <c:v>19.549299999999999</c:v>
                </c:pt>
                <c:pt idx="5067">
                  <c:v>19.552800000000001</c:v>
                </c:pt>
                <c:pt idx="5068">
                  <c:v>19.564800000000002</c:v>
                </c:pt>
                <c:pt idx="5069">
                  <c:v>19.581600000000002</c:v>
                </c:pt>
                <c:pt idx="5070">
                  <c:v>19.6051</c:v>
                </c:pt>
                <c:pt idx="5071">
                  <c:v>19.2102</c:v>
                </c:pt>
                <c:pt idx="5072">
                  <c:v>18.633299999999998</c:v>
                </c:pt>
                <c:pt idx="5073">
                  <c:v>18.923300000000001</c:v>
                </c:pt>
                <c:pt idx="5074">
                  <c:v>19.078600000000002</c:v>
                </c:pt>
                <c:pt idx="5075">
                  <c:v>19.270199999999999</c:v>
                </c:pt>
                <c:pt idx="5076">
                  <c:v>19.400099999999998</c:v>
                </c:pt>
                <c:pt idx="5077">
                  <c:v>19.549299999999999</c:v>
                </c:pt>
                <c:pt idx="5078">
                  <c:v>19.552800000000001</c:v>
                </c:pt>
                <c:pt idx="5079">
                  <c:v>19.564800000000002</c:v>
                </c:pt>
                <c:pt idx="5080">
                  <c:v>19.581600000000002</c:v>
                </c:pt>
                <c:pt idx="5081">
                  <c:v>19.6051</c:v>
                </c:pt>
                <c:pt idx="5082">
                  <c:v>19.2102</c:v>
                </c:pt>
                <c:pt idx="5083">
                  <c:v>18.633299999999998</c:v>
                </c:pt>
                <c:pt idx="5084">
                  <c:v>18.923300000000001</c:v>
                </c:pt>
                <c:pt idx="5085">
                  <c:v>19.078600000000002</c:v>
                </c:pt>
                <c:pt idx="5086">
                  <c:v>19.270199999999999</c:v>
                </c:pt>
                <c:pt idx="5087">
                  <c:v>19.400099999999998</c:v>
                </c:pt>
                <c:pt idx="5088">
                  <c:v>19.549299999999999</c:v>
                </c:pt>
                <c:pt idx="5089">
                  <c:v>19.552800000000001</c:v>
                </c:pt>
                <c:pt idx="5090">
                  <c:v>19.564800000000002</c:v>
                </c:pt>
                <c:pt idx="5091">
                  <c:v>19.581600000000002</c:v>
                </c:pt>
                <c:pt idx="5092">
                  <c:v>19.6051</c:v>
                </c:pt>
                <c:pt idx="5093">
                  <c:v>19.2102</c:v>
                </c:pt>
                <c:pt idx="5094">
                  <c:v>18.633299999999998</c:v>
                </c:pt>
                <c:pt idx="5095">
                  <c:v>18.923300000000001</c:v>
                </c:pt>
                <c:pt idx="5096">
                  <c:v>19.078600000000002</c:v>
                </c:pt>
                <c:pt idx="5097">
                  <c:v>19.270199999999999</c:v>
                </c:pt>
                <c:pt idx="5098">
                  <c:v>19.400099999999998</c:v>
                </c:pt>
                <c:pt idx="5099">
                  <c:v>19.549299999999999</c:v>
                </c:pt>
                <c:pt idx="5100">
                  <c:v>19.552800000000001</c:v>
                </c:pt>
                <c:pt idx="5101">
                  <c:v>19.564800000000002</c:v>
                </c:pt>
                <c:pt idx="5102">
                  <c:v>19.581600000000002</c:v>
                </c:pt>
                <c:pt idx="5103">
                  <c:v>19.6051</c:v>
                </c:pt>
                <c:pt idx="5104">
                  <c:v>19.2102</c:v>
                </c:pt>
                <c:pt idx="5105">
                  <c:v>18.633299999999998</c:v>
                </c:pt>
                <c:pt idx="5106">
                  <c:v>18.923300000000001</c:v>
                </c:pt>
                <c:pt idx="5107">
                  <c:v>19.078600000000002</c:v>
                </c:pt>
                <c:pt idx="5108">
                  <c:v>19.270199999999999</c:v>
                </c:pt>
                <c:pt idx="5109">
                  <c:v>19.400099999999998</c:v>
                </c:pt>
                <c:pt idx="5110">
                  <c:v>19.549299999999999</c:v>
                </c:pt>
                <c:pt idx="5111">
                  <c:v>19.552800000000001</c:v>
                </c:pt>
                <c:pt idx="5112">
                  <c:v>19.564800000000002</c:v>
                </c:pt>
                <c:pt idx="5113">
                  <c:v>19.581600000000002</c:v>
                </c:pt>
                <c:pt idx="5114">
                  <c:v>19.6051</c:v>
                </c:pt>
                <c:pt idx="5115">
                  <c:v>19.2102</c:v>
                </c:pt>
                <c:pt idx="5116">
                  <c:v>18.633299999999998</c:v>
                </c:pt>
                <c:pt idx="5117">
                  <c:v>18.923300000000001</c:v>
                </c:pt>
                <c:pt idx="5118">
                  <c:v>19.078600000000002</c:v>
                </c:pt>
                <c:pt idx="5119">
                  <c:v>19.270199999999999</c:v>
                </c:pt>
                <c:pt idx="5120">
                  <c:v>19.400099999999998</c:v>
                </c:pt>
                <c:pt idx="5121">
                  <c:v>19.549299999999999</c:v>
                </c:pt>
                <c:pt idx="5122">
                  <c:v>19.552800000000001</c:v>
                </c:pt>
                <c:pt idx="5123">
                  <c:v>19.564800000000002</c:v>
                </c:pt>
                <c:pt idx="5124">
                  <c:v>19.581600000000002</c:v>
                </c:pt>
                <c:pt idx="5125">
                  <c:v>19.6051</c:v>
                </c:pt>
                <c:pt idx="5126">
                  <c:v>19.2102</c:v>
                </c:pt>
                <c:pt idx="5127">
                  <c:v>18.633299999999998</c:v>
                </c:pt>
                <c:pt idx="5128">
                  <c:v>18.923300000000001</c:v>
                </c:pt>
                <c:pt idx="5129">
                  <c:v>19.078600000000002</c:v>
                </c:pt>
                <c:pt idx="5130">
                  <c:v>19.270199999999999</c:v>
                </c:pt>
                <c:pt idx="5131">
                  <c:v>19.400099999999998</c:v>
                </c:pt>
                <c:pt idx="5132">
                  <c:v>19.549299999999999</c:v>
                </c:pt>
                <c:pt idx="5133">
                  <c:v>19.552800000000001</c:v>
                </c:pt>
                <c:pt idx="5134">
                  <c:v>19.564800000000002</c:v>
                </c:pt>
                <c:pt idx="5135">
                  <c:v>19.581600000000002</c:v>
                </c:pt>
                <c:pt idx="5136">
                  <c:v>19.6051</c:v>
                </c:pt>
                <c:pt idx="5137">
                  <c:v>19.2102</c:v>
                </c:pt>
                <c:pt idx="5138">
                  <c:v>18.633299999999998</c:v>
                </c:pt>
                <c:pt idx="5139">
                  <c:v>18.923300000000001</c:v>
                </c:pt>
                <c:pt idx="5140">
                  <c:v>19.078600000000002</c:v>
                </c:pt>
                <c:pt idx="5141">
                  <c:v>19.270199999999999</c:v>
                </c:pt>
                <c:pt idx="5142">
                  <c:v>19.400099999999998</c:v>
                </c:pt>
                <c:pt idx="5143">
                  <c:v>19.549299999999999</c:v>
                </c:pt>
                <c:pt idx="5144">
                  <c:v>19.552800000000001</c:v>
                </c:pt>
                <c:pt idx="5145">
                  <c:v>19.564800000000002</c:v>
                </c:pt>
                <c:pt idx="5146">
                  <c:v>19.581600000000002</c:v>
                </c:pt>
                <c:pt idx="5147">
                  <c:v>19.6051</c:v>
                </c:pt>
                <c:pt idx="5148">
                  <c:v>49.875599999999999</c:v>
                </c:pt>
                <c:pt idx="5149">
                  <c:v>62.082500000000003</c:v>
                </c:pt>
                <c:pt idx="5150">
                  <c:v>70.093800000000002</c:v>
                </c:pt>
                <c:pt idx="5151">
                  <c:v>79.722800000000007</c:v>
                </c:pt>
                <c:pt idx="5152">
                  <c:v>90.291600000000003</c:v>
                </c:pt>
                <c:pt idx="5153">
                  <c:v>91.917199999999994</c:v>
                </c:pt>
                <c:pt idx="5154">
                  <c:v>97.841099999999997</c:v>
                </c:pt>
                <c:pt idx="5155">
                  <c:v>100.85</c:v>
                </c:pt>
                <c:pt idx="5156">
                  <c:v>102.093</c:v>
                </c:pt>
                <c:pt idx="5157">
                  <c:v>103.989</c:v>
                </c:pt>
                <c:pt idx="5158">
                  <c:v>105.7</c:v>
                </c:pt>
                <c:pt idx="5159">
                  <c:v>21.169699999999999</c:v>
                </c:pt>
                <c:pt idx="5160">
                  <c:v>24.3752</c:v>
                </c:pt>
                <c:pt idx="5161">
                  <c:v>28.726500000000001</c:v>
                </c:pt>
                <c:pt idx="5162">
                  <c:v>32.328699999999998</c:v>
                </c:pt>
                <c:pt idx="5163">
                  <c:v>36.000599999999999</c:v>
                </c:pt>
                <c:pt idx="5164">
                  <c:v>42.221499999999999</c:v>
                </c:pt>
                <c:pt idx="5165">
                  <c:v>48.350999999999999</c:v>
                </c:pt>
                <c:pt idx="5166">
                  <c:v>51.492899999999999</c:v>
                </c:pt>
                <c:pt idx="5167">
                  <c:v>56.353400000000001</c:v>
                </c:pt>
                <c:pt idx="5168">
                  <c:v>55.927799999999998</c:v>
                </c:pt>
                <c:pt idx="5169">
                  <c:v>58.794499999999999</c:v>
                </c:pt>
                <c:pt idx="5170">
                  <c:v>15.7843</c:v>
                </c:pt>
                <c:pt idx="5171">
                  <c:v>16.549600000000002</c:v>
                </c:pt>
                <c:pt idx="5172">
                  <c:v>16.377500000000001</c:v>
                </c:pt>
                <c:pt idx="5173">
                  <c:v>16.289899999999999</c:v>
                </c:pt>
                <c:pt idx="5174">
                  <c:v>16.1449</c:v>
                </c:pt>
                <c:pt idx="5175">
                  <c:v>16.0657</c:v>
                </c:pt>
                <c:pt idx="5176">
                  <c:v>17.335799999999999</c:v>
                </c:pt>
                <c:pt idx="5177">
                  <c:v>17.098400000000002</c:v>
                </c:pt>
                <c:pt idx="5178">
                  <c:v>17.5886</c:v>
                </c:pt>
                <c:pt idx="5179">
                  <c:v>19.082799999999999</c:v>
                </c:pt>
                <c:pt idx="5180">
                  <c:v>18.860199999999999</c:v>
                </c:pt>
                <c:pt idx="5181">
                  <c:v>19.2102</c:v>
                </c:pt>
                <c:pt idx="5182">
                  <c:v>18.633299999999998</c:v>
                </c:pt>
                <c:pt idx="5183">
                  <c:v>18.923300000000001</c:v>
                </c:pt>
                <c:pt idx="5184">
                  <c:v>19.078600000000002</c:v>
                </c:pt>
                <c:pt idx="5185">
                  <c:v>19.270199999999999</c:v>
                </c:pt>
                <c:pt idx="5186">
                  <c:v>19.400099999999998</c:v>
                </c:pt>
                <c:pt idx="5187">
                  <c:v>19.549299999999999</c:v>
                </c:pt>
                <c:pt idx="5188">
                  <c:v>19.552800000000001</c:v>
                </c:pt>
                <c:pt idx="5189">
                  <c:v>19.564800000000002</c:v>
                </c:pt>
                <c:pt idx="5190">
                  <c:v>19.581600000000002</c:v>
                </c:pt>
                <c:pt idx="5191">
                  <c:v>19.6051</c:v>
                </c:pt>
                <c:pt idx="5192">
                  <c:v>19.2102</c:v>
                </c:pt>
                <c:pt idx="5193">
                  <c:v>18.633299999999998</c:v>
                </c:pt>
                <c:pt idx="5194">
                  <c:v>18.923300000000001</c:v>
                </c:pt>
                <c:pt idx="5195">
                  <c:v>19.078600000000002</c:v>
                </c:pt>
                <c:pt idx="5196">
                  <c:v>19.270199999999999</c:v>
                </c:pt>
                <c:pt idx="5197">
                  <c:v>19.400099999999998</c:v>
                </c:pt>
                <c:pt idx="5198">
                  <c:v>19.549299999999999</c:v>
                </c:pt>
                <c:pt idx="5199">
                  <c:v>19.552800000000001</c:v>
                </c:pt>
                <c:pt idx="5200">
                  <c:v>19.564800000000002</c:v>
                </c:pt>
                <c:pt idx="5201">
                  <c:v>19.581600000000002</c:v>
                </c:pt>
                <c:pt idx="5202">
                  <c:v>19.6051</c:v>
                </c:pt>
                <c:pt idx="5203">
                  <c:v>19.2102</c:v>
                </c:pt>
                <c:pt idx="5204">
                  <c:v>18.633299999999998</c:v>
                </c:pt>
                <c:pt idx="5205">
                  <c:v>18.923300000000001</c:v>
                </c:pt>
                <c:pt idx="5206">
                  <c:v>19.078600000000002</c:v>
                </c:pt>
                <c:pt idx="5207">
                  <c:v>19.270199999999999</c:v>
                </c:pt>
                <c:pt idx="5208">
                  <c:v>19.400099999999998</c:v>
                </c:pt>
                <c:pt idx="5209">
                  <c:v>19.549299999999999</c:v>
                </c:pt>
                <c:pt idx="5210">
                  <c:v>19.552800000000001</c:v>
                </c:pt>
                <c:pt idx="5211">
                  <c:v>19.564800000000002</c:v>
                </c:pt>
                <c:pt idx="5212">
                  <c:v>19.581600000000002</c:v>
                </c:pt>
                <c:pt idx="5213">
                  <c:v>19.6051</c:v>
                </c:pt>
                <c:pt idx="5214">
                  <c:v>19.2102</c:v>
                </c:pt>
                <c:pt idx="5215">
                  <c:v>18.633299999999998</c:v>
                </c:pt>
                <c:pt idx="5216">
                  <c:v>18.923300000000001</c:v>
                </c:pt>
                <c:pt idx="5217">
                  <c:v>19.078600000000002</c:v>
                </c:pt>
                <c:pt idx="5218">
                  <c:v>19.270199999999999</c:v>
                </c:pt>
                <c:pt idx="5219">
                  <c:v>19.400099999999998</c:v>
                </c:pt>
                <c:pt idx="5220">
                  <c:v>19.549299999999999</c:v>
                </c:pt>
                <c:pt idx="5221">
                  <c:v>19.552800000000001</c:v>
                </c:pt>
                <c:pt idx="5222">
                  <c:v>19.564800000000002</c:v>
                </c:pt>
                <c:pt idx="5223">
                  <c:v>19.581600000000002</c:v>
                </c:pt>
                <c:pt idx="5224">
                  <c:v>19.6051</c:v>
                </c:pt>
                <c:pt idx="5225">
                  <c:v>19.2102</c:v>
                </c:pt>
                <c:pt idx="5226">
                  <c:v>18.633299999999998</c:v>
                </c:pt>
                <c:pt idx="5227">
                  <c:v>18.923300000000001</c:v>
                </c:pt>
                <c:pt idx="5228">
                  <c:v>19.078600000000002</c:v>
                </c:pt>
                <c:pt idx="5229">
                  <c:v>19.270199999999999</c:v>
                </c:pt>
                <c:pt idx="5230">
                  <c:v>19.400099999999998</c:v>
                </c:pt>
                <c:pt idx="5231">
                  <c:v>19.549299999999999</c:v>
                </c:pt>
                <c:pt idx="5232">
                  <c:v>19.552800000000001</c:v>
                </c:pt>
                <c:pt idx="5233">
                  <c:v>19.564800000000002</c:v>
                </c:pt>
                <c:pt idx="5234">
                  <c:v>19.581600000000002</c:v>
                </c:pt>
                <c:pt idx="5235">
                  <c:v>19.6051</c:v>
                </c:pt>
                <c:pt idx="5236">
                  <c:v>19.2102</c:v>
                </c:pt>
                <c:pt idx="5237">
                  <c:v>18.633299999999998</c:v>
                </c:pt>
                <c:pt idx="5238">
                  <c:v>18.923300000000001</c:v>
                </c:pt>
                <c:pt idx="5239">
                  <c:v>19.078600000000002</c:v>
                </c:pt>
                <c:pt idx="5240">
                  <c:v>19.270199999999999</c:v>
                </c:pt>
                <c:pt idx="5241">
                  <c:v>19.400099999999998</c:v>
                </c:pt>
                <c:pt idx="5242">
                  <c:v>19.549299999999999</c:v>
                </c:pt>
                <c:pt idx="5243">
                  <c:v>19.552800000000001</c:v>
                </c:pt>
                <c:pt idx="5244">
                  <c:v>19.564800000000002</c:v>
                </c:pt>
                <c:pt idx="5245">
                  <c:v>19.581600000000002</c:v>
                </c:pt>
                <c:pt idx="5246">
                  <c:v>19.6051</c:v>
                </c:pt>
                <c:pt idx="5247">
                  <c:v>19.2102</c:v>
                </c:pt>
                <c:pt idx="5248">
                  <c:v>18.633299999999998</c:v>
                </c:pt>
                <c:pt idx="5249">
                  <c:v>18.923300000000001</c:v>
                </c:pt>
                <c:pt idx="5250">
                  <c:v>19.078600000000002</c:v>
                </c:pt>
                <c:pt idx="5251">
                  <c:v>19.270199999999999</c:v>
                </c:pt>
                <c:pt idx="5252">
                  <c:v>19.400099999999998</c:v>
                </c:pt>
                <c:pt idx="5253">
                  <c:v>19.549299999999999</c:v>
                </c:pt>
                <c:pt idx="5254">
                  <c:v>19.552800000000001</c:v>
                </c:pt>
                <c:pt idx="5255">
                  <c:v>19.564800000000002</c:v>
                </c:pt>
                <c:pt idx="5256">
                  <c:v>19.581600000000002</c:v>
                </c:pt>
                <c:pt idx="5257">
                  <c:v>19.6051</c:v>
                </c:pt>
                <c:pt idx="5258">
                  <c:v>19.2102</c:v>
                </c:pt>
                <c:pt idx="5259">
                  <c:v>18.633299999999998</c:v>
                </c:pt>
                <c:pt idx="5260">
                  <c:v>18.923300000000001</c:v>
                </c:pt>
                <c:pt idx="5261">
                  <c:v>19.078600000000002</c:v>
                </c:pt>
                <c:pt idx="5262">
                  <c:v>19.270199999999999</c:v>
                </c:pt>
                <c:pt idx="5263">
                  <c:v>19.400099999999998</c:v>
                </c:pt>
                <c:pt idx="5264">
                  <c:v>19.549299999999999</c:v>
                </c:pt>
                <c:pt idx="5265">
                  <c:v>19.552800000000001</c:v>
                </c:pt>
                <c:pt idx="5266">
                  <c:v>19.564800000000002</c:v>
                </c:pt>
                <c:pt idx="5267">
                  <c:v>19.581600000000002</c:v>
                </c:pt>
                <c:pt idx="5268">
                  <c:v>19.6051</c:v>
                </c:pt>
                <c:pt idx="5269">
                  <c:v>19.2102</c:v>
                </c:pt>
                <c:pt idx="5270">
                  <c:v>18.633299999999998</c:v>
                </c:pt>
                <c:pt idx="5271">
                  <c:v>18.923300000000001</c:v>
                </c:pt>
                <c:pt idx="5272">
                  <c:v>19.078600000000002</c:v>
                </c:pt>
                <c:pt idx="5273">
                  <c:v>19.270199999999999</c:v>
                </c:pt>
                <c:pt idx="5274">
                  <c:v>19.400099999999998</c:v>
                </c:pt>
                <c:pt idx="5275">
                  <c:v>19.549299999999999</c:v>
                </c:pt>
                <c:pt idx="5276">
                  <c:v>19.552800000000001</c:v>
                </c:pt>
                <c:pt idx="5277">
                  <c:v>19.564800000000002</c:v>
                </c:pt>
                <c:pt idx="5278">
                  <c:v>19.581600000000002</c:v>
                </c:pt>
                <c:pt idx="5279">
                  <c:v>19.6051</c:v>
                </c:pt>
                <c:pt idx="5280">
                  <c:v>49.875599999999999</c:v>
                </c:pt>
                <c:pt idx="5281">
                  <c:v>62.082500000000003</c:v>
                </c:pt>
                <c:pt idx="5282">
                  <c:v>70.093800000000002</c:v>
                </c:pt>
                <c:pt idx="5283">
                  <c:v>77.347200000000001</c:v>
                </c:pt>
                <c:pt idx="5284">
                  <c:v>83.526200000000003</c:v>
                </c:pt>
                <c:pt idx="5285">
                  <c:v>92.261899999999997</c:v>
                </c:pt>
                <c:pt idx="5286">
                  <c:v>97.555599999999998</c:v>
                </c:pt>
                <c:pt idx="5287">
                  <c:v>101.64100000000001</c:v>
                </c:pt>
                <c:pt idx="5288">
                  <c:v>105.253</c:v>
                </c:pt>
                <c:pt idx="5289">
                  <c:v>105.73</c:v>
                </c:pt>
                <c:pt idx="5290">
                  <c:v>107.578</c:v>
                </c:pt>
                <c:pt idx="5291">
                  <c:v>21.169699999999999</c:v>
                </c:pt>
                <c:pt idx="5292">
                  <c:v>24.3752</c:v>
                </c:pt>
                <c:pt idx="5293">
                  <c:v>28.726500000000001</c:v>
                </c:pt>
                <c:pt idx="5294">
                  <c:v>31.595099999999999</c:v>
                </c:pt>
                <c:pt idx="5295">
                  <c:v>33.855899999999998</c:v>
                </c:pt>
                <c:pt idx="5296">
                  <c:v>39.765300000000003</c:v>
                </c:pt>
                <c:pt idx="5297">
                  <c:v>46.405700000000003</c:v>
                </c:pt>
                <c:pt idx="5298">
                  <c:v>50.871600000000001</c:v>
                </c:pt>
                <c:pt idx="5299">
                  <c:v>54.476700000000001</c:v>
                </c:pt>
                <c:pt idx="5300">
                  <c:v>54.811300000000003</c:v>
                </c:pt>
                <c:pt idx="5301">
                  <c:v>57.792999999999999</c:v>
                </c:pt>
                <c:pt idx="5302">
                  <c:v>15.7843</c:v>
                </c:pt>
                <c:pt idx="5303">
                  <c:v>16.549600000000002</c:v>
                </c:pt>
                <c:pt idx="5304">
                  <c:v>16.377500000000001</c:v>
                </c:pt>
                <c:pt idx="5305">
                  <c:v>16.289899999999999</c:v>
                </c:pt>
                <c:pt idx="5306">
                  <c:v>16.1449</c:v>
                </c:pt>
                <c:pt idx="5307">
                  <c:v>16.0657</c:v>
                </c:pt>
                <c:pt idx="5308">
                  <c:v>17.335799999999999</c:v>
                </c:pt>
                <c:pt idx="5309">
                  <c:v>17.098400000000002</c:v>
                </c:pt>
                <c:pt idx="5310">
                  <c:v>17.5886</c:v>
                </c:pt>
                <c:pt idx="5311">
                  <c:v>19.082799999999999</c:v>
                </c:pt>
                <c:pt idx="5312">
                  <c:v>18.860199999999999</c:v>
                </c:pt>
                <c:pt idx="5313">
                  <c:v>19.2102</c:v>
                </c:pt>
                <c:pt idx="5314">
                  <c:v>18.633299999999998</c:v>
                </c:pt>
                <c:pt idx="5315">
                  <c:v>18.923300000000001</c:v>
                </c:pt>
                <c:pt idx="5316">
                  <c:v>19.078600000000002</c:v>
                </c:pt>
                <c:pt idx="5317">
                  <c:v>19.270199999999999</c:v>
                </c:pt>
                <c:pt idx="5318">
                  <c:v>19.400099999999998</c:v>
                </c:pt>
                <c:pt idx="5319">
                  <c:v>19.549299999999999</c:v>
                </c:pt>
                <c:pt idx="5320">
                  <c:v>19.552800000000001</c:v>
                </c:pt>
                <c:pt idx="5321">
                  <c:v>19.564800000000002</c:v>
                </c:pt>
                <c:pt idx="5322">
                  <c:v>19.581600000000002</c:v>
                </c:pt>
                <c:pt idx="5323">
                  <c:v>19.6051</c:v>
                </c:pt>
                <c:pt idx="5324">
                  <c:v>19.2102</c:v>
                </c:pt>
                <c:pt idx="5325">
                  <c:v>18.633299999999998</c:v>
                </c:pt>
                <c:pt idx="5326">
                  <c:v>18.923300000000001</c:v>
                </c:pt>
                <c:pt idx="5327">
                  <c:v>19.078600000000002</c:v>
                </c:pt>
                <c:pt idx="5328">
                  <c:v>19.270199999999999</c:v>
                </c:pt>
                <c:pt idx="5329">
                  <c:v>19.400099999999998</c:v>
                </c:pt>
                <c:pt idx="5330">
                  <c:v>19.549299999999999</c:v>
                </c:pt>
                <c:pt idx="5331">
                  <c:v>19.552800000000001</c:v>
                </c:pt>
                <c:pt idx="5332">
                  <c:v>19.564800000000002</c:v>
                </c:pt>
                <c:pt idx="5333">
                  <c:v>19.581600000000002</c:v>
                </c:pt>
                <c:pt idx="5334">
                  <c:v>19.6051</c:v>
                </c:pt>
                <c:pt idx="5335">
                  <c:v>19.2102</c:v>
                </c:pt>
                <c:pt idx="5336">
                  <c:v>18.633299999999998</c:v>
                </c:pt>
                <c:pt idx="5337">
                  <c:v>18.923300000000001</c:v>
                </c:pt>
                <c:pt idx="5338">
                  <c:v>19.078600000000002</c:v>
                </c:pt>
                <c:pt idx="5339">
                  <c:v>19.270199999999999</c:v>
                </c:pt>
                <c:pt idx="5340">
                  <c:v>19.400099999999998</c:v>
                </c:pt>
                <c:pt idx="5341">
                  <c:v>19.549299999999999</c:v>
                </c:pt>
                <c:pt idx="5342">
                  <c:v>19.552800000000001</c:v>
                </c:pt>
                <c:pt idx="5343">
                  <c:v>19.564800000000002</c:v>
                </c:pt>
                <c:pt idx="5344">
                  <c:v>19.581600000000002</c:v>
                </c:pt>
                <c:pt idx="5345">
                  <c:v>19.6051</c:v>
                </c:pt>
                <c:pt idx="5346">
                  <c:v>19.2102</c:v>
                </c:pt>
                <c:pt idx="5347">
                  <c:v>18.633299999999998</c:v>
                </c:pt>
                <c:pt idx="5348">
                  <c:v>18.923300000000001</c:v>
                </c:pt>
                <c:pt idx="5349">
                  <c:v>19.078600000000002</c:v>
                </c:pt>
                <c:pt idx="5350">
                  <c:v>19.270199999999999</c:v>
                </c:pt>
                <c:pt idx="5351">
                  <c:v>19.400099999999998</c:v>
                </c:pt>
                <c:pt idx="5352">
                  <c:v>19.549299999999999</c:v>
                </c:pt>
                <c:pt idx="5353">
                  <c:v>19.552800000000001</c:v>
                </c:pt>
                <c:pt idx="5354">
                  <c:v>19.564800000000002</c:v>
                </c:pt>
                <c:pt idx="5355">
                  <c:v>19.581600000000002</c:v>
                </c:pt>
                <c:pt idx="5356">
                  <c:v>19.6051</c:v>
                </c:pt>
                <c:pt idx="5357">
                  <c:v>19.2102</c:v>
                </c:pt>
                <c:pt idx="5358">
                  <c:v>18.633299999999998</c:v>
                </c:pt>
                <c:pt idx="5359">
                  <c:v>18.923300000000001</c:v>
                </c:pt>
                <c:pt idx="5360">
                  <c:v>19.078600000000002</c:v>
                </c:pt>
                <c:pt idx="5361">
                  <c:v>19.270199999999999</c:v>
                </c:pt>
                <c:pt idx="5362">
                  <c:v>19.400099999999998</c:v>
                </c:pt>
                <c:pt idx="5363">
                  <c:v>19.549299999999999</c:v>
                </c:pt>
                <c:pt idx="5364">
                  <c:v>19.552800000000001</c:v>
                </c:pt>
                <c:pt idx="5365">
                  <c:v>19.564800000000002</c:v>
                </c:pt>
                <c:pt idx="5366">
                  <c:v>19.581600000000002</c:v>
                </c:pt>
                <c:pt idx="5367">
                  <c:v>19.6051</c:v>
                </c:pt>
                <c:pt idx="5368">
                  <c:v>19.2102</c:v>
                </c:pt>
                <c:pt idx="5369">
                  <c:v>18.633299999999998</c:v>
                </c:pt>
                <c:pt idx="5370">
                  <c:v>18.923300000000001</c:v>
                </c:pt>
                <c:pt idx="5371">
                  <c:v>19.078600000000002</c:v>
                </c:pt>
                <c:pt idx="5372">
                  <c:v>19.270199999999999</c:v>
                </c:pt>
                <c:pt idx="5373">
                  <c:v>19.400099999999998</c:v>
                </c:pt>
                <c:pt idx="5374">
                  <c:v>19.549299999999999</c:v>
                </c:pt>
                <c:pt idx="5375">
                  <c:v>19.552800000000001</c:v>
                </c:pt>
                <c:pt idx="5376">
                  <c:v>19.564800000000002</c:v>
                </c:pt>
                <c:pt idx="5377">
                  <c:v>19.581600000000002</c:v>
                </c:pt>
                <c:pt idx="5378">
                  <c:v>19.6051</c:v>
                </c:pt>
                <c:pt idx="5379">
                  <c:v>19.2102</c:v>
                </c:pt>
                <c:pt idx="5380">
                  <c:v>18.633299999999998</c:v>
                </c:pt>
                <c:pt idx="5381">
                  <c:v>18.923300000000001</c:v>
                </c:pt>
                <c:pt idx="5382">
                  <c:v>19.078600000000002</c:v>
                </c:pt>
                <c:pt idx="5383">
                  <c:v>19.270199999999999</c:v>
                </c:pt>
                <c:pt idx="5384">
                  <c:v>19.400099999999998</c:v>
                </c:pt>
                <c:pt idx="5385">
                  <c:v>19.549299999999999</c:v>
                </c:pt>
                <c:pt idx="5386">
                  <c:v>19.552800000000001</c:v>
                </c:pt>
                <c:pt idx="5387">
                  <c:v>19.564800000000002</c:v>
                </c:pt>
                <c:pt idx="5388">
                  <c:v>19.581600000000002</c:v>
                </c:pt>
                <c:pt idx="5389">
                  <c:v>19.6051</c:v>
                </c:pt>
                <c:pt idx="5390">
                  <c:v>19.2102</c:v>
                </c:pt>
                <c:pt idx="5391">
                  <c:v>18.633299999999998</c:v>
                </c:pt>
                <c:pt idx="5392">
                  <c:v>18.923300000000001</c:v>
                </c:pt>
                <c:pt idx="5393">
                  <c:v>19.078600000000002</c:v>
                </c:pt>
                <c:pt idx="5394">
                  <c:v>19.270199999999999</c:v>
                </c:pt>
                <c:pt idx="5395">
                  <c:v>19.400099999999998</c:v>
                </c:pt>
                <c:pt idx="5396">
                  <c:v>19.549299999999999</c:v>
                </c:pt>
                <c:pt idx="5397">
                  <c:v>19.552800000000001</c:v>
                </c:pt>
                <c:pt idx="5398">
                  <c:v>19.564800000000002</c:v>
                </c:pt>
                <c:pt idx="5399">
                  <c:v>19.581600000000002</c:v>
                </c:pt>
                <c:pt idx="5400">
                  <c:v>19.6051</c:v>
                </c:pt>
                <c:pt idx="5401">
                  <c:v>19.2102</c:v>
                </c:pt>
                <c:pt idx="5402">
                  <c:v>18.633299999999998</c:v>
                </c:pt>
                <c:pt idx="5403">
                  <c:v>18.923300000000001</c:v>
                </c:pt>
                <c:pt idx="5404">
                  <c:v>19.078600000000002</c:v>
                </c:pt>
                <c:pt idx="5405">
                  <c:v>19.270199999999999</c:v>
                </c:pt>
                <c:pt idx="5406">
                  <c:v>19.400099999999998</c:v>
                </c:pt>
                <c:pt idx="5407">
                  <c:v>19.549299999999999</c:v>
                </c:pt>
                <c:pt idx="5408">
                  <c:v>19.552800000000001</c:v>
                </c:pt>
                <c:pt idx="5409">
                  <c:v>19.564800000000002</c:v>
                </c:pt>
                <c:pt idx="5410">
                  <c:v>19.581600000000002</c:v>
                </c:pt>
                <c:pt idx="5411">
                  <c:v>19.6051</c:v>
                </c:pt>
                <c:pt idx="5412">
                  <c:v>49.875599999999999</c:v>
                </c:pt>
                <c:pt idx="5413">
                  <c:v>62.082500000000003</c:v>
                </c:pt>
                <c:pt idx="5414">
                  <c:v>70.093800000000002</c:v>
                </c:pt>
                <c:pt idx="5415">
                  <c:v>77.347200000000001</c:v>
                </c:pt>
                <c:pt idx="5416">
                  <c:v>80.308700000000002</c:v>
                </c:pt>
                <c:pt idx="5417">
                  <c:v>89.657399999999996</c:v>
                </c:pt>
                <c:pt idx="5418">
                  <c:v>95.662700000000001</c:v>
                </c:pt>
                <c:pt idx="5419">
                  <c:v>100.616</c:v>
                </c:pt>
                <c:pt idx="5420">
                  <c:v>104.752</c:v>
                </c:pt>
                <c:pt idx="5421">
                  <c:v>107.86499999999999</c:v>
                </c:pt>
                <c:pt idx="5422">
                  <c:v>110.39400000000001</c:v>
                </c:pt>
                <c:pt idx="5423">
                  <c:v>21.169699999999999</c:v>
                </c:pt>
                <c:pt idx="5424">
                  <c:v>24.3752</c:v>
                </c:pt>
                <c:pt idx="5425">
                  <c:v>28.726500000000001</c:v>
                </c:pt>
                <c:pt idx="5426">
                  <c:v>31.595099999999999</c:v>
                </c:pt>
                <c:pt idx="5427">
                  <c:v>33.855899999999998</c:v>
                </c:pt>
                <c:pt idx="5428">
                  <c:v>36.783200000000001</c:v>
                </c:pt>
                <c:pt idx="5429">
                  <c:v>43.837400000000002</c:v>
                </c:pt>
                <c:pt idx="5430">
                  <c:v>48.477600000000002</c:v>
                </c:pt>
                <c:pt idx="5431">
                  <c:v>52.266100000000002</c:v>
                </c:pt>
                <c:pt idx="5432">
                  <c:v>52.638300000000001</c:v>
                </c:pt>
                <c:pt idx="5433">
                  <c:v>56.4422</c:v>
                </c:pt>
                <c:pt idx="5434">
                  <c:v>15.7843</c:v>
                </c:pt>
                <c:pt idx="5435">
                  <c:v>16.549600000000002</c:v>
                </c:pt>
                <c:pt idx="5436">
                  <c:v>16.377500000000001</c:v>
                </c:pt>
                <c:pt idx="5437">
                  <c:v>16.289899999999999</c:v>
                </c:pt>
                <c:pt idx="5438">
                  <c:v>16.1449</c:v>
                </c:pt>
                <c:pt idx="5439">
                  <c:v>16.0657</c:v>
                </c:pt>
                <c:pt idx="5440">
                  <c:v>17.335799999999999</c:v>
                </c:pt>
                <c:pt idx="5441">
                  <c:v>17.098400000000002</c:v>
                </c:pt>
                <c:pt idx="5442">
                  <c:v>17.5886</c:v>
                </c:pt>
                <c:pt idx="5443">
                  <c:v>19.082799999999999</c:v>
                </c:pt>
                <c:pt idx="5444">
                  <c:v>18.860199999999999</c:v>
                </c:pt>
                <c:pt idx="5445">
                  <c:v>19.2102</c:v>
                </c:pt>
                <c:pt idx="5446">
                  <c:v>18.633299999999998</c:v>
                </c:pt>
                <c:pt idx="5447">
                  <c:v>18.923300000000001</c:v>
                </c:pt>
                <c:pt idx="5448">
                  <c:v>19.078600000000002</c:v>
                </c:pt>
                <c:pt idx="5449">
                  <c:v>19.270199999999999</c:v>
                </c:pt>
                <c:pt idx="5450">
                  <c:v>19.400099999999998</c:v>
                </c:pt>
                <c:pt idx="5451">
                  <c:v>19.549299999999999</c:v>
                </c:pt>
                <c:pt idx="5452">
                  <c:v>19.552800000000001</c:v>
                </c:pt>
                <c:pt idx="5453">
                  <c:v>19.564800000000002</c:v>
                </c:pt>
                <c:pt idx="5454">
                  <c:v>19.581600000000002</c:v>
                </c:pt>
                <c:pt idx="5455">
                  <c:v>19.6051</c:v>
                </c:pt>
                <c:pt idx="5456">
                  <c:v>19.2102</c:v>
                </c:pt>
                <c:pt idx="5457">
                  <c:v>18.633299999999998</c:v>
                </c:pt>
                <c:pt idx="5458">
                  <c:v>18.923300000000001</c:v>
                </c:pt>
                <c:pt idx="5459">
                  <c:v>19.078600000000002</c:v>
                </c:pt>
                <c:pt idx="5460">
                  <c:v>19.270199999999999</c:v>
                </c:pt>
                <c:pt idx="5461">
                  <c:v>19.400099999999998</c:v>
                </c:pt>
                <c:pt idx="5462">
                  <c:v>19.549299999999999</c:v>
                </c:pt>
                <c:pt idx="5463">
                  <c:v>19.552800000000001</c:v>
                </c:pt>
                <c:pt idx="5464">
                  <c:v>19.564800000000002</c:v>
                </c:pt>
                <c:pt idx="5465">
                  <c:v>19.581600000000002</c:v>
                </c:pt>
                <c:pt idx="5466">
                  <c:v>19.6051</c:v>
                </c:pt>
                <c:pt idx="5467">
                  <c:v>19.2102</c:v>
                </c:pt>
                <c:pt idx="5468">
                  <c:v>18.633299999999998</c:v>
                </c:pt>
                <c:pt idx="5469">
                  <c:v>18.923300000000001</c:v>
                </c:pt>
                <c:pt idx="5470">
                  <c:v>19.078600000000002</c:v>
                </c:pt>
                <c:pt idx="5471">
                  <c:v>19.270199999999999</c:v>
                </c:pt>
                <c:pt idx="5472">
                  <c:v>19.400099999999998</c:v>
                </c:pt>
                <c:pt idx="5473">
                  <c:v>19.549299999999999</c:v>
                </c:pt>
                <c:pt idx="5474">
                  <c:v>19.552800000000001</c:v>
                </c:pt>
                <c:pt idx="5475">
                  <c:v>19.564800000000002</c:v>
                </c:pt>
                <c:pt idx="5476">
                  <c:v>19.581600000000002</c:v>
                </c:pt>
                <c:pt idx="5477">
                  <c:v>19.6051</c:v>
                </c:pt>
                <c:pt idx="5478">
                  <c:v>19.2102</c:v>
                </c:pt>
                <c:pt idx="5479">
                  <c:v>18.633299999999998</c:v>
                </c:pt>
                <c:pt idx="5480">
                  <c:v>18.923300000000001</c:v>
                </c:pt>
                <c:pt idx="5481">
                  <c:v>19.078600000000002</c:v>
                </c:pt>
                <c:pt idx="5482">
                  <c:v>19.270199999999999</c:v>
                </c:pt>
                <c:pt idx="5483">
                  <c:v>19.400099999999998</c:v>
                </c:pt>
                <c:pt idx="5484">
                  <c:v>19.549299999999999</c:v>
                </c:pt>
                <c:pt idx="5485">
                  <c:v>19.552800000000001</c:v>
                </c:pt>
                <c:pt idx="5486">
                  <c:v>19.564800000000002</c:v>
                </c:pt>
                <c:pt idx="5487">
                  <c:v>19.581600000000002</c:v>
                </c:pt>
                <c:pt idx="5488">
                  <c:v>19.6051</c:v>
                </c:pt>
                <c:pt idx="5489">
                  <c:v>19.2102</c:v>
                </c:pt>
                <c:pt idx="5490">
                  <c:v>18.633299999999998</c:v>
                </c:pt>
                <c:pt idx="5491">
                  <c:v>18.923300000000001</c:v>
                </c:pt>
                <c:pt idx="5492">
                  <c:v>19.078600000000002</c:v>
                </c:pt>
                <c:pt idx="5493">
                  <c:v>19.270199999999999</c:v>
                </c:pt>
                <c:pt idx="5494">
                  <c:v>19.400099999999998</c:v>
                </c:pt>
                <c:pt idx="5495">
                  <c:v>19.549299999999999</c:v>
                </c:pt>
                <c:pt idx="5496">
                  <c:v>19.552800000000001</c:v>
                </c:pt>
                <c:pt idx="5497">
                  <c:v>19.564800000000002</c:v>
                </c:pt>
                <c:pt idx="5498">
                  <c:v>19.581600000000002</c:v>
                </c:pt>
                <c:pt idx="5499">
                  <c:v>19.6051</c:v>
                </c:pt>
                <c:pt idx="5500">
                  <c:v>19.2102</c:v>
                </c:pt>
                <c:pt idx="5501">
                  <c:v>18.633299999999998</c:v>
                </c:pt>
                <c:pt idx="5502">
                  <c:v>18.923300000000001</c:v>
                </c:pt>
                <c:pt idx="5503">
                  <c:v>19.078600000000002</c:v>
                </c:pt>
                <c:pt idx="5504">
                  <c:v>19.270199999999999</c:v>
                </c:pt>
                <c:pt idx="5505">
                  <c:v>19.400099999999998</c:v>
                </c:pt>
                <c:pt idx="5506">
                  <c:v>19.549299999999999</c:v>
                </c:pt>
                <c:pt idx="5507">
                  <c:v>19.552800000000001</c:v>
                </c:pt>
                <c:pt idx="5508">
                  <c:v>19.564800000000002</c:v>
                </c:pt>
                <c:pt idx="5509">
                  <c:v>19.581600000000002</c:v>
                </c:pt>
                <c:pt idx="5510">
                  <c:v>19.6051</c:v>
                </c:pt>
                <c:pt idx="5511">
                  <c:v>19.2102</c:v>
                </c:pt>
                <c:pt idx="5512">
                  <c:v>18.633299999999998</c:v>
                </c:pt>
                <c:pt idx="5513">
                  <c:v>18.923300000000001</c:v>
                </c:pt>
                <c:pt idx="5514">
                  <c:v>19.078600000000002</c:v>
                </c:pt>
                <c:pt idx="5515">
                  <c:v>19.270199999999999</c:v>
                </c:pt>
                <c:pt idx="5516">
                  <c:v>19.400099999999998</c:v>
                </c:pt>
                <c:pt idx="5517">
                  <c:v>19.549299999999999</c:v>
                </c:pt>
                <c:pt idx="5518">
                  <c:v>19.552800000000001</c:v>
                </c:pt>
                <c:pt idx="5519">
                  <c:v>19.564800000000002</c:v>
                </c:pt>
                <c:pt idx="5520">
                  <c:v>19.581600000000002</c:v>
                </c:pt>
                <c:pt idx="5521">
                  <c:v>19.6051</c:v>
                </c:pt>
                <c:pt idx="5522">
                  <c:v>19.2102</c:v>
                </c:pt>
                <c:pt idx="5523">
                  <c:v>18.633299999999998</c:v>
                </c:pt>
                <c:pt idx="5524">
                  <c:v>18.923300000000001</c:v>
                </c:pt>
                <c:pt idx="5525">
                  <c:v>19.078600000000002</c:v>
                </c:pt>
                <c:pt idx="5526">
                  <c:v>19.270199999999999</c:v>
                </c:pt>
                <c:pt idx="5527">
                  <c:v>19.400099999999998</c:v>
                </c:pt>
                <c:pt idx="5528">
                  <c:v>19.549299999999999</c:v>
                </c:pt>
                <c:pt idx="5529">
                  <c:v>19.552800000000001</c:v>
                </c:pt>
                <c:pt idx="5530">
                  <c:v>19.564800000000002</c:v>
                </c:pt>
                <c:pt idx="5531">
                  <c:v>19.581600000000002</c:v>
                </c:pt>
                <c:pt idx="5532">
                  <c:v>19.6051</c:v>
                </c:pt>
                <c:pt idx="5533">
                  <c:v>19.2102</c:v>
                </c:pt>
                <c:pt idx="5534">
                  <c:v>18.633299999999998</c:v>
                </c:pt>
                <c:pt idx="5535">
                  <c:v>18.923300000000001</c:v>
                </c:pt>
                <c:pt idx="5536">
                  <c:v>19.078600000000002</c:v>
                </c:pt>
                <c:pt idx="5537">
                  <c:v>19.270199999999999</c:v>
                </c:pt>
                <c:pt idx="5538">
                  <c:v>19.400099999999998</c:v>
                </c:pt>
                <c:pt idx="5539">
                  <c:v>19.549299999999999</c:v>
                </c:pt>
                <c:pt idx="5540">
                  <c:v>19.552800000000001</c:v>
                </c:pt>
                <c:pt idx="5541">
                  <c:v>19.564800000000002</c:v>
                </c:pt>
                <c:pt idx="5542">
                  <c:v>19.581600000000002</c:v>
                </c:pt>
                <c:pt idx="5543">
                  <c:v>19.6051</c:v>
                </c:pt>
                <c:pt idx="5544">
                  <c:v>49.875599999999999</c:v>
                </c:pt>
                <c:pt idx="5545">
                  <c:v>62.082500000000003</c:v>
                </c:pt>
                <c:pt idx="5546">
                  <c:v>70.093800000000002</c:v>
                </c:pt>
                <c:pt idx="5547">
                  <c:v>77.347200000000001</c:v>
                </c:pt>
                <c:pt idx="5548">
                  <c:v>80.308700000000002</c:v>
                </c:pt>
                <c:pt idx="5549">
                  <c:v>86.256299999999996</c:v>
                </c:pt>
                <c:pt idx="5550">
                  <c:v>92.592799999999997</c:v>
                </c:pt>
                <c:pt idx="5551">
                  <c:v>98.585899999999995</c:v>
                </c:pt>
                <c:pt idx="5552">
                  <c:v>103.73399999999999</c:v>
                </c:pt>
                <c:pt idx="5553">
                  <c:v>107.377</c:v>
                </c:pt>
                <c:pt idx="5554">
                  <c:v>110.336</c:v>
                </c:pt>
                <c:pt idx="5555">
                  <c:v>21.169699999999999</c:v>
                </c:pt>
                <c:pt idx="5556">
                  <c:v>24.3752</c:v>
                </c:pt>
                <c:pt idx="5557">
                  <c:v>28.726500000000001</c:v>
                </c:pt>
                <c:pt idx="5558">
                  <c:v>31.595099999999999</c:v>
                </c:pt>
                <c:pt idx="5559">
                  <c:v>33.855899999999998</c:v>
                </c:pt>
                <c:pt idx="5560">
                  <c:v>36.470599999999997</c:v>
                </c:pt>
                <c:pt idx="5561">
                  <c:v>40.771999999999998</c:v>
                </c:pt>
                <c:pt idx="5562">
                  <c:v>45.543900000000001</c:v>
                </c:pt>
                <c:pt idx="5563">
                  <c:v>47.444000000000003</c:v>
                </c:pt>
                <c:pt idx="5564">
                  <c:v>50.613700000000001</c:v>
                </c:pt>
                <c:pt idx="5565">
                  <c:v>50.509599999999999</c:v>
                </c:pt>
                <c:pt idx="5566">
                  <c:v>15.7843</c:v>
                </c:pt>
                <c:pt idx="5567">
                  <c:v>16.549600000000002</c:v>
                </c:pt>
                <c:pt idx="5568">
                  <c:v>16.377500000000001</c:v>
                </c:pt>
                <c:pt idx="5569">
                  <c:v>16.289899999999999</c:v>
                </c:pt>
                <c:pt idx="5570">
                  <c:v>16.1449</c:v>
                </c:pt>
                <c:pt idx="5571">
                  <c:v>16.0657</c:v>
                </c:pt>
                <c:pt idx="5572">
                  <c:v>17.335799999999999</c:v>
                </c:pt>
                <c:pt idx="5573">
                  <c:v>17.098400000000002</c:v>
                </c:pt>
                <c:pt idx="5574">
                  <c:v>17.5886</c:v>
                </c:pt>
                <c:pt idx="5575">
                  <c:v>19.082799999999999</c:v>
                </c:pt>
                <c:pt idx="5576">
                  <c:v>18.860199999999999</c:v>
                </c:pt>
                <c:pt idx="5577">
                  <c:v>19.2102</c:v>
                </c:pt>
                <c:pt idx="5578">
                  <c:v>18.633299999999998</c:v>
                </c:pt>
                <c:pt idx="5579">
                  <c:v>18.923300000000001</c:v>
                </c:pt>
                <c:pt idx="5580">
                  <c:v>19.078600000000002</c:v>
                </c:pt>
                <c:pt idx="5581">
                  <c:v>19.270199999999999</c:v>
                </c:pt>
                <c:pt idx="5582">
                  <c:v>19.400099999999998</c:v>
                </c:pt>
                <c:pt idx="5583">
                  <c:v>19.549299999999999</c:v>
                </c:pt>
                <c:pt idx="5584">
                  <c:v>19.552800000000001</c:v>
                </c:pt>
                <c:pt idx="5585">
                  <c:v>19.564800000000002</c:v>
                </c:pt>
                <c:pt idx="5586">
                  <c:v>19.581600000000002</c:v>
                </c:pt>
                <c:pt idx="5587">
                  <c:v>19.6051</c:v>
                </c:pt>
                <c:pt idx="5588">
                  <c:v>19.2102</c:v>
                </c:pt>
                <c:pt idx="5589">
                  <c:v>18.633299999999998</c:v>
                </c:pt>
                <c:pt idx="5590">
                  <c:v>18.923300000000001</c:v>
                </c:pt>
                <c:pt idx="5591">
                  <c:v>19.078600000000002</c:v>
                </c:pt>
                <c:pt idx="5592">
                  <c:v>19.270199999999999</c:v>
                </c:pt>
                <c:pt idx="5593">
                  <c:v>19.400099999999998</c:v>
                </c:pt>
                <c:pt idx="5594">
                  <c:v>19.549299999999999</c:v>
                </c:pt>
                <c:pt idx="5595">
                  <c:v>19.552800000000001</c:v>
                </c:pt>
                <c:pt idx="5596">
                  <c:v>19.564800000000002</c:v>
                </c:pt>
                <c:pt idx="5597">
                  <c:v>19.581600000000002</c:v>
                </c:pt>
                <c:pt idx="5598">
                  <c:v>19.6051</c:v>
                </c:pt>
                <c:pt idx="5599">
                  <c:v>19.2102</c:v>
                </c:pt>
                <c:pt idx="5600">
                  <c:v>18.633299999999998</c:v>
                </c:pt>
                <c:pt idx="5601">
                  <c:v>18.923300000000001</c:v>
                </c:pt>
                <c:pt idx="5602">
                  <c:v>19.078600000000002</c:v>
                </c:pt>
                <c:pt idx="5603">
                  <c:v>19.270199999999999</c:v>
                </c:pt>
                <c:pt idx="5604">
                  <c:v>19.400099999999998</c:v>
                </c:pt>
                <c:pt idx="5605">
                  <c:v>19.549299999999999</c:v>
                </c:pt>
                <c:pt idx="5606">
                  <c:v>19.552800000000001</c:v>
                </c:pt>
                <c:pt idx="5607">
                  <c:v>19.564800000000002</c:v>
                </c:pt>
                <c:pt idx="5608">
                  <c:v>19.581600000000002</c:v>
                </c:pt>
                <c:pt idx="5609">
                  <c:v>19.6051</c:v>
                </c:pt>
                <c:pt idx="5610">
                  <c:v>19.2102</c:v>
                </c:pt>
                <c:pt idx="5611">
                  <c:v>18.633299999999998</c:v>
                </c:pt>
                <c:pt idx="5612">
                  <c:v>18.923300000000001</c:v>
                </c:pt>
                <c:pt idx="5613">
                  <c:v>19.078600000000002</c:v>
                </c:pt>
                <c:pt idx="5614">
                  <c:v>19.270199999999999</c:v>
                </c:pt>
                <c:pt idx="5615">
                  <c:v>19.400099999999998</c:v>
                </c:pt>
                <c:pt idx="5616">
                  <c:v>19.549299999999999</c:v>
                </c:pt>
                <c:pt idx="5617">
                  <c:v>19.552800000000001</c:v>
                </c:pt>
                <c:pt idx="5618">
                  <c:v>19.564800000000002</c:v>
                </c:pt>
                <c:pt idx="5619">
                  <c:v>19.581600000000002</c:v>
                </c:pt>
                <c:pt idx="5620">
                  <c:v>19.6051</c:v>
                </c:pt>
                <c:pt idx="5621">
                  <c:v>19.2102</c:v>
                </c:pt>
                <c:pt idx="5622">
                  <c:v>18.633299999999998</c:v>
                </c:pt>
                <c:pt idx="5623">
                  <c:v>18.923300000000001</c:v>
                </c:pt>
                <c:pt idx="5624">
                  <c:v>19.078600000000002</c:v>
                </c:pt>
                <c:pt idx="5625">
                  <c:v>19.270199999999999</c:v>
                </c:pt>
                <c:pt idx="5626">
                  <c:v>19.400099999999998</c:v>
                </c:pt>
                <c:pt idx="5627">
                  <c:v>19.549299999999999</c:v>
                </c:pt>
                <c:pt idx="5628">
                  <c:v>19.552800000000001</c:v>
                </c:pt>
                <c:pt idx="5629">
                  <c:v>19.564800000000002</c:v>
                </c:pt>
                <c:pt idx="5630">
                  <c:v>19.581600000000002</c:v>
                </c:pt>
                <c:pt idx="5631">
                  <c:v>19.6051</c:v>
                </c:pt>
                <c:pt idx="5632">
                  <c:v>19.2102</c:v>
                </c:pt>
                <c:pt idx="5633">
                  <c:v>18.633299999999998</c:v>
                </c:pt>
                <c:pt idx="5634">
                  <c:v>18.923300000000001</c:v>
                </c:pt>
                <c:pt idx="5635">
                  <c:v>19.078600000000002</c:v>
                </c:pt>
                <c:pt idx="5636">
                  <c:v>19.270199999999999</c:v>
                </c:pt>
                <c:pt idx="5637">
                  <c:v>19.400099999999998</c:v>
                </c:pt>
                <c:pt idx="5638">
                  <c:v>19.549299999999999</c:v>
                </c:pt>
                <c:pt idx="5639">
                  <c:v>19.552800000000001</c:v>
                </c:pt>
                <c:pt idx="5640">
                  <c:v>19.564800000000002</c:v>
                </c:pt>
                <c:pt idx="5641">
                  <c:v>19.581600000000002</c:v>
                </c:pt>
                <c:pt idx="5642">
                  <c:v>19.6051</c:v>
                </c:pt>
                <c:pt idx="5643">
                  <c:v>19.2102</c:v>
                </c:pt>
                <c:pt idx="5644">
                  <c:v>18.633299999999998</c:v>
                </c:pt>
                <c:pt idx="5645">
                  <c:v>18.923300000000001</c:v>
                </c:pt>
                <c:pt idx="5646">
                  <c:v>19.078600000000002</c:v>
                </c:pt>
                <c:pt idx="5647">
                  <c:v>19.270199999999999</c:v>
                </c:pt>
                <c:pt idx="5648">
                  <c:v>19.400099999999998</c:v>
                </c:pt>
                <c:pt idx="5649">
                  <c:v>19.549299999999999</c:v>
                </c:pt>
                <c:pt idx="5650">
                  <c:v>19.552800000000001</c:v>
                </c:pt>
                <c:pt idx="5651">
                  <c:v>19.564800000000002</c:v>
                </c:pt>
                <c:pt idx="5652">
                  <c:v>19.581600000000002</c:v>
                </c:pt>
                <c:pt idx="5653">
                  <c:v>19.6051</c:v>
                </c:pt>
                <c:pt idx="5654">
                  <c:v>19.2102</c:v>
                </c:pt>
                <c:pt idx="5655">
                  <c:v>18.633299999999998</c:v>
                </c:pt>
                <c:pt idx="5656">
                  <c:v>18.923300000000001</c:v>
                </c:pt>
                <c:pt idx="5657">
                  <c:v>19.078600000000002</c:v>
                </c:pt>
                <c:pt idx="5658">
                  <c:v>19.270199999999999</c:v>
                </c:pt>
                <c:pt idx="5659">
                  <c:v>19.400099999999998</c:v>
                </c:pt>
                <c:pt idx="5660">
                  <c:v>19.549299999999999</c:v>
                </c:pt>
                <c:pt idx="5661">
                  <c:v>19.552800000000001</c:v>
                </c:pt>
                <c:pt idx="5662">
                  <c:v>19.564800000000002</c:v>
                </c:pt>
                <c:pt idx="5663">
                  <c:v>19.581600000000002</c:v>
                </c:pt>
                <c:pt idx="5664">
                  <c:v>19.6051</c:v>
                </c:pt>
                <c:pt idx="5665">
                  <c:v>19.2102</c:v>
                </c:pt>
                <c:pt idx="5666">
                  <c:v>18.633299999999998</c:v>
                </c:pt>
                <c:pt idx="5667">
                  <c:v>18.923300000000001</c:v>
                </c:pt>
                <c:pt idx="5668">
                  <c:v>19.078600000000002</c:v>
                </c:pt>
                <c:pt idx="5669">
                  <c:v>19.270199999999999</c:v>
                </c:pt>
                <c:pt idx="5670">
                  <c:v>19.400099999999998</c:v>
                </c:pt>
                <c:pt idx="5671">
                  <c:v>19.549299999999999</c:v>
                </c:pt>
                <c:pt idx="5672">
                  <c:v>19.552800000000001</c:v>
                </c:pt>
                <c:pt idx="5673">
                  <c:v>19.564800000000002</c:v>
                </c:pt>
                <c:pt idx="5674">
                  <c:v>19.581600000000002</c:v>
                </c:pt>
                <c:pt idx="5675">
                  <c:v>19.6051</c:v>
                </c:pt>
                <c:pt idx="5676">
                  <c:v>49.875599999999999</c:v>
                </c:pt>
                <c:pt idx="5677">
                  <c:v>62.082500000000003</c:v>
                </c:pt>
                <c:pt idx="5678">
                  <c:v>70.093800000000002</c:v>
                </c:pt>
                <c:pt idx="5679">
                  <c:v>77.347200000000001</c:v>
                </c:pt>
                <c:pt idx="5680">
                  <c:v>80.308700000000002</c:v>
                </c:pt>
                <c:pt idx="5681">
                  <c:v>86.256299999999996</c:v>
                </c:pt>
                <c:pt idx="5682">
                  <c:v>90.005399999999995</c:v>
                </c:pt>
                <c:pt idx="5683">
                  <c:v>95.629000000000005</c:v>
                </c:pt>
                <c:pt idx="5684">
                  <c:v>101.371</c:v>
                </c:pt>
                <c:pt idx="5685">
                  <c:v>105.637</c:v>
                </c:pt>
                <c:pt idx="5686">
                  <c:v>104.79600000000001</c:v>
                </c:pt>
                <c:pt idx="5687">
                  <c:v>21.169699999999999</c:v>
                </c:pt>
                <c:pt idx="5688">
                  <c:v>24.3752</c:v>
                </c:pt>
                <c:pt idx="5689">
                  <c:v>28.726500000000001</c:v>
                </c:pt>
                <c:pt idx="5690">
                  <c:v>31.595099999999999</c:v>
                </c:pt>
                <c:pt idx="5691">
                  <c:v>33.855899999999998</c:v>
                </c:pt>
                <c:pt idx="5692">
                  <c:v>36.470599999999997</c:v>
                </c:pt>
                <c:pt idx="5693">
                  <c:v>39.658499999999997</c:v>
                </c:pt>
                <c:pt idx="5694">
                  <c:v>42.356000000000002</c:v>
                </c:pt>
                <c:pt idx="5695">
                  <c:v>44.664000000000001</c:v>
                </c:pt>
                <c:pt idx="5696">
                  <c:v>48.149700000000003</c:v>
                </c:pt>
                <c:pt idx="5697">
                  <c:v>47.944200000000002</c:v>
                </c:pt>
                <c:pt idx="5698">
                  <c:v>15.7843</c:v>
                </c:pt>
                <c:pt idx="5699">
                  <c:v>16.549600000000002</c:v>
                </c:pt>
                <c:pt idx="5700">
                  <c:v>16.377500000000001</c:v>
                </c:pt>
                <c:pt idx="5701">
                  <c:v>16.289899999999999</c:v>
                </c:pt>
                <c:pt idx="5702">
                  <c:v>16.1449</c:v>
                </c:pt>
                <c:pt idx="5703">
                  <c:v>16.0657</c:v>
                </c:pt>
                <c:pt idx="5704">
                  <c:v>17.335799999999999</c:v>
                </c:pt>
                <c:pt idx="5705">
                  <c:v>17.098400000000002</c:v>
                </c:pt>
                <c:pt idx="5706">
                  <c:v>17.5886</c:v>
                </c:pt>
                <c:pt idx="5707">
                  <c:v>19.082799999999999</c:v>
                </c:pt>
                <c:pt idx="5708">
                  <c:v>18.860199999999999</c:v>
                </c:pt>
                <c:pt idx="5709">
                  <c:v>19.2102</c:v>
                </c:pt>
                <c:pt idx="5710">
                  <c:v>18.633299999999998</c:v>
                </c:pt>
                <c:pt idx="5711">
                  <c:v>18.923300000000001</c:v>
                </c:pt>
                <c:pt idx="5712">
                  <c:v>19.078600000000002</c:v>
                </c:pt>
                <c:pt idx="5713">
                  <c:v>19.270199999999999</c:v>
                </c:pt>
                <c:pt idx="5714">
                  <c:v>19.400099999999998</c:v>
                </c:pt>
                <c:pt idx="5715">
                  <c:v>19.549299999999999</c:v>
                </c:pt>
                <c:pt idx="5716">
                  <c:v>19.552800000000001</c:v>
                </c:pt>
                <c:pt idx="5717">
                  <c:v>19.564800000000002</c:v>
                </c:pt>
                <c:pt idx="5718">
                  <c:v>19.581600000000002</c:v>
                </c:pt>
                <c:pt idx="5719">
                  <c:v>19.6051</c:v>
                </c:pt>
                <c:pt idx="5720">
                  <c:v>19.2102</c:v>
                </c:pt>
                <c:pt idx="5721">
                  <c:v>18.633299999999998</c:v>
                </c:pt>
                <c:pt idx="5722">
                  <c:v>18.923300000000001</c:v>
                </c:pt>
                <c:pt idx="5723">
                  <c:v>19.078600000000002</c:v>
                </c:pt>
                <c:pt idx="5724">
                  <c:v>19.270199999999999</c:v>
                </c:pt>
                <c:pt idx="5725">
                  <c:v>19.400099999999998</c:v>
                </c:pt>
                <c:pt idx="5726">
                  <c:v>19.549299999999999</c:v>
                </c:pt>
                <c:pt idx="5727">
                  <c:v>19.552800000000001</c:v>
                </c:pt>
                <c:pt idx="5728">
                  <c:v>19.564800000000002</c:v>
                </c:pt>
                <c:pt idx="5729">
                  <c:v>19.581600000000002</c:v>
                </c:pt>
                <c:pt idx="5730">
                  <c:v>19.6051</c:v>
                </c:pt>
                <c:pt idx="5731">
                  <c:v>19.2102</c:v>
                </c:pt>
                <c:pt idx="5732">
                  <c:v>18.633299999999998</c:v>
                </c:pt>
                <c:pt idx="5733">
                  <c:v>18.923300000000001</c:v>
                </c:pt>
                <c:pt idx="5734">
                  <c:v>19.078600000000002</c:v>
                </c:pt>
                <c:pt idx="5735">
                  <c:v>19.270199999999999</c:v>
                </c:pt>
                <c:pt idx="5736">
                  <c:v>19.400099999999998</c:v>
                </c:pt>
                <c:pt idx="5737">
                  <c:v>19.549299999999999</c:v>
                </c:pt>
                <c:pt idx="5738">
                  <c:v>19.552800000000001</c:v>
                </c:pt>
                <c:pt idx="5739">
                  <c:v>19.564800000000002</c:v>
                </c:pt>
                <c:pt idx="5740">
                  <c:v>19.581600000000002</c:v>
                </c:pt>
                <c:pt idx="5741">
                  <c:v>19.6051</c:v>
                </c:pt>
                <c:pt idx="5742">
                  <c:v>19.2102</c:v>
                </c:pt>
                <c:pt idx="5743">
                  <c:v>18.633299999999998</c:v>
                </c:pt>
                <c:pt idx="5744">
                  <c:v>18.923300000000001</c:v>
                </c:pt>
                <c:pt idx="5745">
                  <c:v>19.078600000000002</c:v>
                </c:pt>
                <c:pt idx="5746">
                  <c:v>19.270199999999999</c:v>
                </c:pt>
                <c:pt idx="5747">
                  <c:v>19.400099999999998</c:v>
                </c:pt>
                <c:pt idx="5748">
                  <c:v>19.549299999999999</c:v>
                </c:pt>
                <c:pt idx="5749">
                  <c:v>19.552800000000001</c:v>
                </c:pt>
                <c:pt idx="5750">
                  <c:v>19.564800000000002</c:v>
                </c:pt>
                <c:pt idx="5751">
                  <c:v>19.581600000000002</c:v>
                </c:pt>
                <c:pt idx="5752">
                  <c:v>19.6051</c:v>
                </c:pt>
                <c:pt idx="5753">
                  <c:v>19.2102</c:v>
                </c:pt>
                <c:pt idx="5754">
                  <c:v>18.633299999999998</c:v>
                </c:pt>
                <c:pt idx="5755">
                  <c:v>18.923300000000001</c:v>
                </c:pt>
                <c:pt idx="5756">
                  <c:v>19.078600000000002</c:v>
                </c:pt>
                <c:pt idx="5757">
                  <c:v>19.270199999999999</c:v>
                </c:pt>
                <c:pt idx="5758">
                  <c:v>19.400099999999998</c:v>
                </c:pt>
                <c:pt idx="5759">
                  <c:v>19.549299999999999</c:v>
                </c:pt>
                <c:pt idx="5760">
                  <c:v>19.552800000000001</c:v>
                </c:pt>
                <c:pt idx="5761">
                  <c:v>19.564800000000002</c:v>
                </c:pt>
                <c:pt idx="5762">
                  <c:v>19.581600000000002</c:v>
                </c:pt>
                <c:pt idx="5763">
                  <c:v>19.6051</c:v>
                </c:pt>
                <c:pt idx="5764">
                  <c:v>19.2102</c:v>
                </c:pt>
                <c:pt idx="5765">
                  <c:v>18.633299999999998</c:v>
                </c:pt>
                <c:pt idx="5766">
                  <c:v>18.923300000000001</c:v>
                </c:pt>
                <c:pt idx="5767">
                  <c:v>19.078600000000002</c:v>
                </c:pt>
                <c:pt idx="5768">
                  <c:v>19.270199999999999</c:v>
                </c:pt>
                <c:pt idx="5769">
                  <c:v>19.400099999999998</c:v>
                </c:pt>
                <c:pt idx="5770">
                  <c:v>19.549299999999999</c:v>
                </c:pt>
                <c:pt idx="5771">
                  <c:v>19.552800000000001</c:v>
                </c:pt>
                <c:pt idx="5772">
                  <c:v>19.564800000000002</c:v>
                </c:pt>
                <c:pt idx="5773">
                  <c:v>19.581600000000002</c:v>
                </c:pt>
                <c:pt idx="5774">
                  <c:v>19.6051</c:v>
                </c:pt>
                <c:pt idx="5775">
                  <c:v>19.2102</c:v>
                </c:pt>
                <c:pt idx="5776">
                  <c:v>18.633299999999998</c:v>
                </c:pt>
                <c:pt idx="5777">
                  <c:v>18.923300000000001</c:v>
                </c:pt>
                <c:pt idx="5778">
                  <c:v>19.078600000000002</c:v>
                </c:pt>
                <c:pt idx="5779">
                  <c:v>19.270199999999999</c:v>
                </c:pt>
                <c:pt idx="5780">
                  <c:v>19.400099999999998</c:v>
                </c:pt>
                <c:pt idx="5781">
                  <c:v>19.549299999999999</c:v>
                </c:pt>
                <c:pt idx="5782">
                  <c:v>19.552800000000001</c:v>
                </c:pt>
                <c:pt idx="5783">
                  <c:v>19.564800000000002</c:v>
                </c:pt>
                <c:pt idx="5784">
                  <c:v>19.581600000000002</c:v>
                </c:pt>
                <c:pt idx="5785">
                  <c:v>19.6051</c:v>
                </c:pt>
                <c:pt idx="5786">
                  <c:v>19.2102</c:v>
                </c:pt>
                <c:pt idx="5787">
                  <c:v>18.633299999999998</c:v>
                </c:pt>
                <c:pt idx="5788">
                  <c:v>18.923300000000001</c:v>
                </c:pt>
                <c:pt idx="5789">
                  <c:v>19.078600000000002</c:v>
                </c:pt>
                <c:pt idx="5790">
                  <c:v>19.270199999999999</c:v>
                </c:pt>
                <c:pt idx="5791">
                  <c:v>19.400099999999998</c:v>
                </c:pt>
                <c:pt idx="5792">
                  <c:v>19.549299999999999</c:v>
                </c:pt>
                <c:pt idx="5793">
                  <c:v>19.552800000000001</c:v>
                </c:pt>
                <c:pt idx="5794">
                  <c:v>19.564800000000002</c:v>
                </c:pt>
                <c:pt idx="5795">
                  <c:v>19.581600000000002</c:v>
                </c:pt>
                <c:pt idx="5796">
                  <c:v>19.6051</c:v>
                </c:pt>
                <c:pt idx="5797">
                  <c:v>19.2102</c:v>
                </c:pt>
                <c:pt idx="5798">
                  <c:v>18.633299999999998</c:v>
                </c:pt>
                <c:pt idx="5799">
                  <c:v>18.923300000000001</c:v>
                </c:pt>
                <c:pt idx="5800">
                  <c:v>19.078600000000002</c:v>
                </c:pt>
                <c:pt idx="5801">
                  <c:v>19.270199999999999</c:v>
                </c:pt>
                <c:pt idx="5802">
                  <c:v>19.400099999999998</c:v>
                </c:pt>
                <c:pt idx="5803">
                  <c:v>19.549299999999999</c:v>
                </c:pt>
                <c:pt idx="5804">
                  <c:v>19.552800000000001</c:v>
                </c:pt>
                <c:pt idx="5805">
                  <c:v>19.564800000000002</c:v>
                </c:pt>
                <c:pt idx="5806">
                  <c:v>19.581600000000002</c:v>
                </c:pt>
                <c:pt idx="5807">
                  <c:v>19.6051</c:v>
                </c:pt>
                <c:pt idx="5808">
                  <c:v>49.875599999999999</c:v>
                </c:pt>
                <c:pt idx="5809">
                  <c:v>62.082500000000003</c:v>
                </c:pt>
                <c:pt idx="5810">
                  <c:v>70.093800000000002</c:v>
                </c:pt>
                <c:pt idx="5811">
                  <c:v>77.347200000000001</c:v>
                </c:pt>
                <c:pt idx="5812">
                  <c:v>80.308700000000002</c:v>
                </c:pt>
                <c:pt idx="5813">
                  <c:v>86.256299999999996</c:v>
                </c:pt>
                <c:pt idx="5814">
                  <c:v>90.005399999999995</c:v>
                </c:pt>
                <c:pt idx="5815">
                  <c:v>92.760199999999998</c:v>
                </c:pt>
                <c:pt idx="5816">
                  <c:v>98.145399999999995</c:v>
                </c:pt>
                <c:pt idx="5817">
                  <c:v>102.846</c:v>
                </c:pt>
                <c:pt idx="5818">
                  <c:v>102.523</c:v>
                </c:pt>
                <c:pt idx="5819">
                  <c:v>21.169699999999999</c:v>
                </c:pt>
                <c:pt idx="5820">
                  <c:v>24.3752</c:v>
                </c:pt>
                <c:pt idx="5821">
                  <c:v>28.726500000000001</c:v>
                </c:pt>
                <c:pt idx="5822">
                  <c:v>31.595099999999999</c:v>
                </c:pt>
                <c:pt idx="5823">
                  <c:v>33.855899999999998</c:v>
                </c:pt>
                <c:pt idx="5824">
                  <c:v>36.470599999999997</c:v>
                </c:pt>
                <c:pt idx="5825">
                  <c:v>39.658499999999997</c:v>
                </c:pt>
                <c:pt idx="5826">
                  <c:v>42.356000000000002</c:v>
                </c:pt>
                <c:pt idx="5827">
                  <c:v>42.846699999999998</c:v>
                </c:pt>
                <c:pt idx="5828">
                  <c:v>45.2866</c:v>
                </c:pt>
                <c:pt idx="5829">
                  <c:v>44.901000000000003</c:v>
                </c:pt>
                <c:pt idx="5830">
                  <c:v>15.7843</c:v>
                </c:pt>
                <c:pt idx="5831">
                  <c:v>16.549600000000002</c:v>
                </c:pt>
                <c:pt idx="5832">
                  <c:v>16.377500000000001</c:v>
                </c:pt>
                <c:pt idx="5833">
                  <c:v>16.289899999999999</c:v>
                </c:pt>
                <c:pt idx="5834">
                  <c:v>16.1449</c:v>
                </c:pt>
                <c:pt idx="5835">
                  <c:v>16.0657</c:v>
                </c:pt>
                <c:pt idx="5836">
                  <c:v>17.335799999999999</c:v>
                </c:pt>
                <c:pt idx="5837">
                  <c:v>17.098400000000002</c:v>
                </c:pt>
                <c:pt idx="5838">
                  <c:v>17.5886</c:v>
                </c:pt>
                <c:pt idx="5839">
                  <c:v>19.082799999999999</c:v>
                </c:pt>
                <c:pt idx="5840">
                  <c:v>18.860199999999999</c:v>
                </c:pt>
                <c:pt idx="5841">
                  <c:v>19.2102</c:v>
                </c:pt>
                <c:pt idx="5842">
                  <c:v>18.633299999999998</c:v>
                </c:pt>
                <c:pt idx="5843">
                  <c:v>18.923300000000001</c:v>
                </c:pt>
                <c:pt idx="5844">
                  <c:v>19.078600000000002</c:v>
                </c:pt>
                <c:pt idx="5845">
                  <c:v>19.270199999999999</c:v>
                </c:pt>
                <c:pt idx="5846">
                  <c:v>19.400099999999998</c:v>
                </c:pt>
                <c:pt idx="5847">
                  <c:v>19.549299999999999</c:v>
                </c:pt>
                <c:pt idx="5848">
                  <c:v>19.552800000000001</c:v>
                </c:pt>
                <c:pt idx="5849">
                  <c:v>19.564800000000002</c:v>
                </c:pt>
                <c:pt idx="5850">
                  <c:v>19.581600000000002</c:v>
                </c:pt>
                <c:pt idx="5851">
                  <c:v>19.6051</c:v>
                </c:pt>
                <c:pt idx="5852">
                  <c:v>19.2102</c:v>
                </c:pt>
                <c:pt idx="5853">
                  <c:v>18.633299999999998</c:v>
                </c:pt>
                <c:pt idx="5854">
                  <c:v>18.923300000000001</c:v>
                </c:pt>
                <c:pt idx="5855">
                  <c:v>19.078600000000002</c:v>
                </c:pt>
                <c:pt idx="5856">
                  <c:v>19.270199999999999</c:v>
                </c:pt>
                <c:pt idx="5857">
                  <c:v>19.400099999999998</c:v>
                </c:pt>
                <c:pt idx="5858">
                  <c:v>19.549299999999999</c:v>
                </c:pt>
                <c:pt idx="5859">
                  <c:v>19.552800000000001</c:v>
                </c:pt>
                <c:pt idx="5860">
                  <c:v>19.564800000000002</c:v>
                </c:pt>
                <c:pt idx="5861">
                  <c:v>19.581600000000002</c:v>
                </c:pt>
                <c:pt idx="5862">
                  <c:v>19.6051</c:v>
                </c:pt>
                <c:pt idx="5863">
                  <c:v>19.2102</c:v>
                </c:pt>
                <c:pt idx="5864">
                  <c:v>18.633299999999998</c:v>
                </c:pt>
                <c:pt idx="5865">
                  <c:v>18.923300000000001</c:v>
                </c:pt>
                <c:pt idx="5866">
                  <c:v>19.078600000000002</c:v>
                </c:pt>
                <c:pt idx="5867">
                  <c:v>19.270199999999999</c:v>
                </c:pt>
                <c:pt idx="5868">
                  <c:v>19.400099999999998</c:v>
                </c:pt>
                <c:pt idx="5869">
                  <c:v>19.549299999999999</c:v>
                </c:pt>
                <c:pt idx="5870">
                  <c:v>19.552800000000001</c:v>
                </c:pt>
                <c:pt idx="5871">
                  <c:v>19.564800000000002</c:v>
                </c:pt>
                <c:pt idx="5872">
                  <c:v>19.581600000000002</c:v>
                </c:pt>
                <c:pt idx="5873">
                  <c:v>19.6051</c:v>
                </c:pt>
                <c:pt idx="5874">
                  <c:v>19.2102</c:v>
                </c:pt>
                <c:pt idx="5875">
                  <c:v>18.633299999999998</c:v>
                </c:pt>
                <c:pt idx="5876">
                  <c:v>18.923300000000001</c:v>
                </c:pt>
                <c:pt idx="5877">
                  <c:v>19.078600000000002</c:v>
                </c:pt>
                <c:pt idx="5878">
                  <c:v>19.270199999999999</c:v>
                </c:pt>
                <c:pt idx="5879">
                  <c:v>19.400099999999998</c:v>
                </c:pt>
                <c:pt idx="5880">
                  <c:v>19.549299999999999</c:v>
                </c:pt>
                <c:pt idx="5881">
                  <c:v>19.552800000000001</c:v>
                </c:pt>
                <c:pt idx="5882">
                  <c:v>19.564800000000002</c:v>
                </c:pt>
                <c:pt idx="5883">
                  <c:v>19.581600000000002</c:v>
                </c:pt>
                <c:pt idx="5884">
                  <c:v>19.6051</c:v>
                </c:pt>
                <c:pt idx="5885">
                  <c:v>19.2102</c:v>
                </c:pt>
                <c:pt idx="5886">
                  <c:v>18.633299999999998</c:v>
                </c:pt>
                <c:pt idx="5887">
                  <c:v>18.923300000000001</c:v>
                </c:pt>
                <c:pt idx="5888">
                  <c:v>19.078600000000002</c:v>
                </c:pt>
                <c:pt idx="5889">
                  <c:v>19.270199999999999</c:v>
                </c:pt>
                <c:pt idx="5890">
                  <c:v>19.400099999999998</c:v>
                </c:pt>
                <c:pt idx="5891">
                  <c:v>19.549299999999999</c:v>
                </c:pt>
                <c:pt idx="5892">
                  <c:v>19.552800000000001</c:v>
                </c:pt>
                <c:pt idx="5893">
                  <c:v>19.564800000000002</c:v>
                </c:pt>
                <c:pt idx="5894">
                  <c:v>19.581600000000002</c:v>
                </c:pt>
                <c:pt idx="5895">
                  <c:v>19.6051</c:v>
                </c:pt>
                <c:pt idx="5896">
                  <c:v>19.2102</c:v>
                </c:pt>
                <c:pt idx="5897">
                  <c:v>18.633299999999998</c:v>
                </c:pt>
                <c:pt idx="5898">
                  <c:v>18.923300000000001</c:v>
                </c:pt>
                <c:pt idx="5899">
                  <c:v>19.078600000000002</c:v>
                </c:pt>
                <c:pt idx="5900">
                  <c:v>19.270199999999999</c:v>
                </c:pt>
                <c:pt idx="5901">
                  <c:v>19.400099999999998</c:v>
                </c:pt>
                <c:pt idx="5902">
                  <c:v>19.549299999999999</c:v>
                </c:pt>
                <c:pt idx="5903">
                  <c:v>19.552800000000001</c:v>
                </c:pt>
                <c:pt idx="5904">
                  <c:v>19.564800000000002</c:v>
                </c:pt>
                <c:pt idx="5905">
                  <c:v>19.581600000000002</c:v>
                </c:pt>
                <c:pt idx="5906">
                  <c:v>19.6051</c:v>
                </c:pt>
                <c:pt idx="5907">
                  <c:v>19.2102</c:v>
                </c:pt>
                <c:pt idx="5908">
                  <c:v>18.633299999999998</c:v>
                </c:pt>
                <c:pt idx="5909">
                  <c:v>18.923300000000001</c:v>
                </c:pt>
                <c:pt idx="5910">
                  <c:v>19.078600000000002</c:v>
                </c:pt>
                <c:pt idx="5911">
                  <c:v>19.270199999999999</c:v>
                </c:pt>
                <c:pt idx="5912">
                  <c:v>19.400099999999998</c:v>
                </c:pt>
                <c:pt idx="5913">
                  <c:v>19.549299999999999</c:v>
                </c:pt>
                <c:pt idx="5914">
                  <c:v>19.552800000000001</c:v>
                </c:pt>
                <c:pt idx="5915">
                  <c:v>19.564800000000002</c:v>
                </c:pt>
                <c:pt idx="5916">
                  <c:v>19.581600000000002</c:v>
                </c:pt>
                <c:pt idx="5917">
                  <c:v>19.6051</c:v>
                </c:pt>
                <c:pt idx="5918">
                  <c:v>19.2102</c:v>
                </c:pt>
                <c:pt idx="5919">
                  <c:v>18.633299999999998</c:v>
                </c:pt>
                <c:pt idx="5920">
                  <c:v>18.923300000000001</c:v>
                </c:pt>
                <c:pt idx="5921">
                  <c:v>19.078600000000002</c:v>
                </c:pt>
                <c:pt idx="5922">
                  <c:v>19.270199999999999</c:v>
                </c:pt>
                <c:pt idx="5923">
                  <c:v>19.400099999999998</c:v>
                </c:pt>
                <c:pt idx="5924">
                  <c:v>19.549299999999999</c:v>
                </c:pt>
                <c:pt idx="5925">
                  <c:v>19.552800000000001</c:v>
                </c:pt>
                <c:pt idx="5926">
                  <c:v>19.564800000000002</c:v>
                </c:pt>
                <c:pt idx="5927">
                  <c:v>19.581600000000002</c:v>
                </c:pt>
                <c:pt idx="5928">
                  <c:v>19.6051</c:v>
                </c:pt>
                <c:pt idx="5929">
                  <c:v>19.2102</c:v>
                </c:pt>
                <c:pt idx="5930">
                  <c:v>18.633299999999998</c:v>
                </c:pt>
                <c:pt idx="5931">
                  <c:v>18.923300000000001</c:v>
                </c:pt>
                <c:pt idx="5932">
                  <c:v>19.078600000000002</c:v>
                </c:pt>
                <c:pt idx="5933">
                  <c:v>19.270199999999999</c:v>
                </c:pt>
                <c:pt idx="5934">
                  <c:v>19.400099999999998</c:v>
                </c:pt>
                <c:pt idx="5935">
                  <c:v>19.549299999999999</c:v>
                </c:pt>
                <c:pt idx="5936">
                  <c:v>19.552800000000001</c:v>
                </c:pt>
                <c:pt idx="5937">
                  <c:v>19.564800000000002</c:v>
                </c:pt>
                <c:pt idx="5938">
                  <c:v>19.581600000000002</c:v>
                </c:pt>
                <c:pt idx="5939">
                  <c:v>19.6051</c:v>
                </c:pt>
                <c:pt idx="5940">
                  <c:v>49.875599999999999</c:v>
                </c:pt>
                <c:pt idx="5941">
                  <c:v>62.082500000000003</c:v>
                </c:pt>
                <c:pt idx="5942">
                  <c:v>70.093800000000002</c:v>
                </c:pt>
                <c:pt idx="5943">
                  <c:v>77.347200000000001</c:v>
                </c:pt>
                <c:pt idx="5944">
                  <c:v>80.308700000000002</c:v>
                </c:pt>
                <c:pt idx="5945">
                  <c:v>86.256299999999996</c:v>
                </c:pt>
                <c:pt idx="5946">
                  <c:v>90.005399999999995</c:v>
                </c:pt>
                <c:pt idx="5947">
                  <c:v>92.760199999999998</c:v>
                </c:pt>
                <c:pt idx="5948">
                  <c:v>95.46</c:v>
                </c:pt>
                <c:pt idx="5949">
                  <c:v>99.426100000000005</c:v>
                </c:pt>
                <c:pt idx="5950">
                  <c:v>99.483400000000003</c:v>
                </c:pt>
                <c:pt idx="5951">
                  <c:v>21.169699999999999</c:v>
                </c:pt>
                <c:pt idx="5952">
                  <c:v>24.3752</c:v>
                </c:pt>
                <c:pt idx="5953">
                  <c:v>28.726500000000001</c:v>
                </c:pt>
                <c:pt idx="5954">
                  <c:v>31.595099999999999</c:v>
                </c:pt>
                <c:pt idx="5955">
                  <c:v>33.855899999999998</c:v>
                </c:pt>
                <c:pt idx="5956">
                  <c:v>36.470599999999997</c:v>
                </c:pt>
                <c:pt idx="5957">
                  <c:v>39.658499999999997</c:v>
                </c:pt>
                <c:pt idx="5958">
                  <c:v>42.356000000000002</c:v>
                </c:pt>
                <c:pt idx="5959">
                  <c:v>42.846699999999998</c:v>
                </c:pt>
                <c:pt idx="5960">
                  <c:v>43.519199999999998</c:v>
                </c:pt>
                <c:pt idx="5961">
                  <c:v>42.441699999999997</c:v>
                </c:pt>
                <c:pt idx="5962">
                  <c:v>15.7843</c:v>
                </c:pt>
                <c:pt idx="5963">
                  <c:v>16.549600000000002</c:v>
                </c:pt>
                <c:pt idx="5964">
                  <c:v>16.377500000000001</c:v>
                </c:pt>
                <c:pt idx="5965">
                  <c:v>16.289899999999999</c:v>
                </c:pt>
                <c:pt idx="5966">
                  <c:v>16.1449</c:v>
                </c:pt>
                <c:pt idx="5967">
                  <c:v>16.0657</c:v>
                </c:pt>
                <c:pt idx="5968">
                  <c:v>17.335799999999999</c:v>
                </c:pt>
                <c:pt idx="5969">
                  <c:v>17.098400000000002</c:v>
                </c:pt>
                <c:pt idx="5970">
                  <c:v>17.5886</c:v>
                </c:pt>
                <c:pt idx="5971">
                  <c:v>19.082799999999999</c:v>
                </c:pt>
                <c:pt idx="5972">
                  <c:v>18.860199999999999</c:v>
                </c:pt>
                <c:pt idx="5973">
                  <c:v>19.2102</c:v>
                </c:pt>
                <c:pt idx="5974">
                  <c:v>18.633299999999998</c:v>
                </c:pt>
                <c:pt idx="5975">
                  <c:v>18.923300000000001</c:v>
                </c:pt>
                <c:pt idx="5976">
                  <c:v>19.078600000000002</c:v>
                </c:pt>
                <c:pt idx="5977">
                  <c:v>19.270199999999999</c:v>
                </c:pt>
                <c:pt idx="5978">
                  <c:v>19.400099999999998</c:v>
                </c:pt>
                <c:pt idx="5979">
                  <c:v>19.549299999999999</c:v>
                </c:pt>
                <c:pt idx="5980">
                  <c:v>19.552800000000001</c:v>
                </c:pt>
                <c:pt idx="5981">
                  <c:v>19.564800000000002</c:v>
                </c:pt>
                <c:pt idx="5982">
                  <c:v>19.581600000000002</c:v>
                </c:pt>
                <c:pt idx="5983">
                  <c:v>19.6051</c:v>
                </c:pt>
                <c:pt idx="5984">
                  <c:v>19.2102</c:v>
                </c:pt>
                <c:pt idx="5985">
                  <c:v>18.633299999999998</c:v>
                </c:pt>
                <c:pt idx="5986">
                  <c:v>18.923300000000001</c:v>
                </c:pt>
                <c:pt idx="5987">
                  <c:v>19.078600000000002</c:v>
                </c:pt>
                <c:pt idx="5988">
                  <c:v>19.270199999999999</c:v>
                </c:pt>
                <c:pt idx="5989">
                  <c:v>19.400099999999998</c:v>
                </c:pt>
                <c:pt idx="5990">
                  <c:v>19.549299999999999</c:v>
                </c:pt>
                <c:pt idx="5991">
                  <c:v>19.552800000000001</c:v>
                </c:pt>
                <c:pt idx="5992">
                  <c:v>19.564800000000002</c:v>
                </c:pt>
                <c:pt idx="5993">
                  <c:v>19.581600000000002</c:v>
                </c:pt>
                <c:pt idx="5994">
                  <c:v>19.6051</c:v>
                </c:pt>
                <c:pt idx="5995">
                  <c:v>19.2102</c:v>
                </c:pt>
                <c:pt idx="5996">
                  <c:v>18.633299999999998</c:v>
                </c:pt>
                <c:pt idx="5997">
                  <c:v>18.923300000000001</c:v>
                </c:pt>
                <c:pt idx="5998">
                  <c:v>19.078600000000002</c:v>
                </c:pt>
                <c:pt idx="5999">
                  <c:v>19.270199999999999</c:v>
                </c:pt>
                <c:pt idx="6000">
                  <c:v>19.400099999999998</c:v>
                </c:pt>
                <c:pt idx="6001">
                  <c:v>19.549299999999999</c:v>
                </c:pt>
                <c:pt idx="6002">
                  <c:v>19.552800000000001</c:v>
                </c:pt>
                <c:pt idx="6003">
                  <c:v>19.564800000000002</c:v>
                </c:pt>
                <c:pt idx="6004">
                  <c:v>19.581600000000002</c:v>
                </c:pt>
                <c:pt idx="6005">
                  <c:v>19.6051</c:v>
                </c:pt>
                <c:pt idx="6006">
                  <c:v>19.2102</c:v>
                </c:pt>
                <c:pt idx="6007">
                  <c:v>18.633299999999998</c:v>
                </c:pt>
                <c:pt idx="6008">
                  <c:v>18.923300000000001</c:v>
                </c:pt>
                <c:pt idx="6009">
                  <c:v>19.078600000000002</c:v>
                </c:pt>
                <c:pt idx="6010">
                  <c:v>19.270199999999999</c:v>
                </c:pt>
                <c:pt idx="6011">
                  <c:v>19.400099999999998</c:v>
                </c:pt>
                <c:pt idx="6012">
                  <c:v>19.549299999999999</c:v>
                </c:pt>
                <c:pt idx="6013">
                  <c:v>19.552800000000001</c:v>
                </c:pt>
                <c:pt idx="6014">
                  <c:v>19.564800000000002</c:v>
                </c:pt>
                <c:pt idx="6015">
                  <c:v>19.581600000000002</c:v>
                </c:pt>
                <c:pt idx="6016">
                  <c:v>19.6051</c:v>
                </c:pt>
                <c:pt idx="6017">
                  <c:v>19.2102</c:v>
                </c:pt>
                <c:pt idx="6018">
                  <c:v>18.633299999999998</c:v>
                </c:pt>
                <c:pt idx="6019">
                  <c:v>18.923300000000001</c:v>
                </c:pt>
                <c:pt idx="6020">
                  <c:v>19.078600000000002</c:v>
                </c:pt>
                <c:pt idx="6021">
                  <c:v>19.270199999999999</c:v>
                </c:pt>
                <c:pt idx="6022">
                  <c:v>19.400099999999998</c:v>
                </c:pt>
                <c:pt idx="6023">
                  <c:v>19.549299999999999</c:v>
                </c:pt>
                <c:pt idx="6024">
                  <c:v>19.552800000000001</c:v>
                </c:pt>
                <c:pt idx="6025">
                  <c:v>19.564800000000002</c:v>
                </c:pt>
                <c:pt idx="6026">
                  <c:v>19.581600000000002</c:v>
                </c:pt>
                <c:pt idx="6027">
                  <c:v>19.6051</c:v>
                </c:pt>
                <c:pt idx="6028">
                  <c:v>19.2102</c:v>
                </c:pt>
                <c:pt idx="6029">
                  <c:v>18.633299999999998</c:v>
                </c:pt>
                <c:pt idx="6030">
                  <c:v>18.923300000000001</c:v>
                </c:pt>
                <c:pt idx="6031">
                  <c:v>19.078600000000002</c:v>
                </c:pt>
                <c:pt idx="6032">
                  <c:v>19.270199999999999</c:v>
                </c:pt>
                <c:pt idx="6033">
                  <c:v>19.400099999999998</c:v>
                </c:pt>
                <c:pt idx="6034">
                  <c:v>19.549299999999999</c:v>
                </c:pt>
                <c:pt idx="6035">
                  <c:v>19.552800000000001</c:v>
                </c:pt>
                <c:pt idx="6036">
                  <c:v>19.564800000000002</c:v>
                </c:pt>
                <c:pt idx="6037">
                  <c:v>19.581600000000002</c:v>
                </c:pt>
                <c:pt idx="6038">
                  <c:v>19.6051</c:v>
                </c:pt>
                <c:pt idx="6039">
                  <c:v>19.2102</c:v>
                </c:pt>
                <c:pt idx="6040">
                  <c:v>18.633299999999998</c:v>
                </c:pt>
                <c:pt idx="6041">
                  <c:v>18.923300000000001</c:v>
                </c:pt>
                <c:pt idx="6042">
                  <c:v>19.078600000000002</c:v>
                </c:pt>
                <c:pt idx="6043">
                  <c:v>19.270199999999999</c:v>
                </c:pt>
                <c:pt idx="6044">
                  <c:v>19.400099999999998</c:v>
                </c:pt>
                <c:pt idx="6045">
                  <c:v>19.549299999999999</c:v>
                </c:pt>
                <c:pt idx="6046">
                  <c:v>19.552800000000001</c:v>
                </c:pt>
                <c:pt idx="6047">
                  <c:v>19.564800000000002</c:v>
                </c:pt>
                <c:pt idx="6048">
                  <c:v>19.581600000000002</c:v>
                </c:pt>
                <c:pt idx="6049">
                  <c:v>19.6051</c:v>
                </c:pt>
                <c:pt idx="6050">
                  <c:v>19.2102</c:v>
                </c:pt>
                <c:pt idx="6051">
                  <c:v>18.633299999999998</c:v>
                </c:pt>
                <c:pt idx="6052">
                  <c:v>18.923300000000001</c:v>
                </c:pt>
                <c:pt idx="6053">
                  <c:v>19.078600000000002</c:v>
                </c:pt>
                <c:pt idx="6054">
                  <c:v>19.270199999999999</c:v>
                </c:pt>
                <c:pt idx="6055">
                  <c:v>19.400099999999998</c:v>
                </c:pt>
                <c:pt idx="6056">
                  <c:v>19.549299999999999</c:v>
                </c:pt>
                <c:pt idx="6057">
                  <c:v>19.552800000000001</c:v>
                </c:pt>
                <c:pt idx="6058">
                  <c:v>19.564800000000002</c:v>
                </c:pt>
                <c:pt idx="6059">
                  <c:v>19.581600000000002</c:v>
                </c:pt>
                <c:pt idx="6060">
                  <c:v>19.6051</c:v>
                </c:pt>
                <c:pt idx="6061">
                  <c:v>19.2102</c:v>
                </c:pt>
                <c:pt idx="6062">
                  <c:v>18.633299999999998</c:v>
                </c:pt>
                <c:pt idx="6063">
                  <c:v>18.923300000000001</c:v>
                </c:pt>
                <c:pt idx="6064">
                  <c:v>19.078600000000002</c:v>
                </c:pt>
                <c:pt idx="6065">
                  <c:v>19.270199999999999</c:v>
                </c:pt>
                <c:pt idx="6066">
                  <c:v>19.400099999999998</c:v>
                </c:pt>
                <c:pt idx="6067">
                  <c:v>19.549299999999999</c:v>
                </c:pt>
                <c:pt idx="6068">
                  <c:v>19.552800000000001</c:v>
                </c:pt>
                <c:pt idx="6069">
                  <c:v>19.564800000000002</c:v>
                </c:pt>
                <c:pt idx="6070">
                  <c:v>19.581600000000002</c:v>
                </c:pt>
                <c:pt idx="6071">
                  <c:v>19.6051</c:v>
                </c:pt>
                <c:pt idx="6072">
                  <c:v>49.875599999999999</c:v>
                </c:pt>
                <c:pt idx="6073">
                  <c:v>62.082500000000003</c:v>
                </c:pt>
                <c:pt idx="6074">
                  <c:v>70.093800000000002</c:v>
                </c:pt>
                <c:pt idx="6075">
                  <c:v>77.347200000000001</c:v>
                </c:pt>
                <c:pt idx="6076">
                  <c:v>80.308700000000002</c:v>
                </c:pt>
                <c:pt idx="6077">
                  <c:v>86.256299999999996</c:v>
                </c:pt>
                <c:pt idx="6078">
                  <c:v>90.005399999999995</c:v>
                </c:pt>
                <c:pt idx="6079">
                  <c:v>92.760199999999998</c:v>
                </c:pt>
                <c:pt idx="6080">
                  <c:v>95.46</c:v>
                </c:pt>
                <c:pt idx="6081">
                  <c:v>97.666899999999998</c:v>
                </c:pt>
                <c:pt idx="6082">
                  <c:v>95.976500000000001</c:v>
                </c:pt>
                <c:pt idx="6083">
                  <c:v>21.169699999999999</c:v>
                </c:pt>
                <c:pt idx="6084">
                  <c:v>24.3752</c:v>
                </c:pt>
                <c:pt idx="6085">
                  <c:v>28.726500000000001</c:v>
                </c:pt>
                <c:pt idx="6086">
                  <c:v>31.595099999999999</c:v>
                </c:pt>
                <c:pt idx="6087">
                  <c:v>33.855899999999998</c:v>
                </c:pt>
                <c:pt idx="6088">
                  <c:v>36.470599999999997</c:v>
                </c:pt>
                <c:pt idx="6089">
                  <c:v>39.658499999999997</c:v>
                </c:pt>
                <c:pt idx="6090">
                  <c:v>42.356000000000002</c:v>
                </c:pt>
                <c:pt idx="6091">
                  <c:v>42.846699999999998</c:v>
                </c:pt>
                <c:pt idx="6092">
                  <c:v>43.519199999999998</c:v>
                </c:pt>
                <c:pt idx="6093">
                  <c:v>42.441699999999997</c:v>
                </c:pt>
                <c:pt idx="6094">
                  <c:v>15.7843</c:v>
                </c:pt>
                <c:pt idx="6095">
                  <c:v>16.549600000000002</c:v>
                </c:pt>
                <c:pt idx="6096">
                  <c:v>16.377500000000001</c:v>
                </c:pt>
                <c:pt idx="6097">
                  <c:v>16.289899999999999</c:v>
                </c:pt>
                <c:pt idx="6098">
                  <c:v>16.1449</c:v>
                </c:pt>
                <c:pt idx="6099">
                  <c:v>16.0657</c:v>
                </c:pt>
                <c:pt idx="6100">
                  <c:v>17.335799999999999</c:v>
                </c:pt>
                <c:pt idx="6101">
                  <c:v>17.098400000000002</c:v>
                </c:pt>
                <c:pt idx="6102">
                  <c:v>17.5886</c:v>
                </c:pt>
                <c:pt idx="6103">
                  <c:v>19.082799999999999</c:v>
                </c:pt>
                <c:pt idx="6104">
                  <c:v>18.860199999999999</c:v>
                </c:pt>
                <c:pt idx="6105">
                  <c:v>19.2102</c:v>
                </c:pt>
                <c:pt idx="6106">
                  <c:v>18.633299999999998</c:v>
                </c:pt>
                <c:pt idx="6107">
                  <c:v>18.923300000000001</c:v>
                </c:pt>
                <c:pt idx="6108">
                  <c:v>19.078600000000002</c:v>
                </c:pt>
                <c:pt idx="6109">
                  <c:v>19.270199999999999</c:v>
                </c:pt>
                <c:pt idx="6110">
                  <c:v>19.400099999999998</c:v>
                </c:pt>
                <c:pt idx="6111">
                  <c:v>19.549299999999999</c:v>
                </c:pt>
                <c:pt idx="6112">
                  <c:v>19.552800000000001</c:v>
                </c:pt>
                <c:pt idx="6113">
                  <c:v>19.564800000000002</c:v>
                </c:pt>
                <c:pt idx="6114">
                  <c:v>19.581600000000002</c:v>
                </c:pt>
                <c:pt idx="6115">
                  <c:v>19.6051</c:v>
                </c:pt>
                <c:pt idx="6116">
                  <c:v>19.2102</c:v>
                </c:pt>
                <c:pt idx="6117">
                  <c:v>18.633299999999998</c:v>
                </c:pt>
                <c:pt idx="6118">
                  <c:v>18.923300000000001</c:v>
                </c:pt>
                <c:pt idx="6119">
                  <c:v>19.078600000000002</c:v>
                </c:pt>
                <c:pt idx="6120">
                  <c:v>19.270199999999999</c:v>
                </c:pt>
                <c:pt idx="6121">
                  <c:v>19.400099999999998</c:v>
                </c:pt>
                <c:pt idx="6122">
                  <c:v>19.549299999999999</c:v>
                </c:pt>
                <c:pt idx="6123">
                  <c:v>19.552800000000001</c:v>
                </c:pt>
                <c:pt idx="6124">
                  <c:v>19.564800000000002</c:v>
                </c:pt>
                <c:pt idx="6125">
                  <c:v>19.581600000000002</c:v>
                </c:pt>
                <c:pt idx="6126">
                  <c:v>19.6051</c:v>
                </c:pt>
                <c:pt idx="6127">
                  <c:v>19.2102</c:v>
                </c:pt>
                <c:pt idx="6128">
                  <c:v>18.633299999999998</c:v>
                </c:pt>
                <c:pt idx="6129">
                  <c:v>18.923300000000001</c:v>
                </c:pt>
                <c:pt idx="6130">
                  <c:v>19.078600000000002</c:v>
                </c:pt>
                <c:pt idx="6131">
                  <c:v>19.270199999999999</c:v>
                </c:pt>
                <c:pt idx="6132">
                  <c:v>19.400099999999998</c:v>
                </c:pt>
                <c:pt idx="6133">
                  <c:v>19.549299999999999</c:v>
                </c:pt>
                <c:pt idx="6134">
                  <c:v>19.552800000000001</c:v>
                </c:pt>
                <c:pt idx="6135">
                  <c:v>19.564800000000002</c:v>
                </c:pt>
                <c:pt idx="6136">
                  <c:v>19.581600000000002</c:v>
                </c:pt>
                <c:pt idx="6137">
                  <c:v>19.6051</c:v>
                </c:pt>
                <c:pt idx="6138">
                  <c:v>19.2102</c:v>
                </c:pt>
                <c:pt idx="6139">
                  <c:v>18.633299999999998</c:v>
                </c:pt>
                <c:pt idx="6140">
                  <c:v>18.923300000000001</c:v>
                </c:pt>
                <c:pt idx="6141">
                  <c:v>19.078600000000002</c:v>
                </c:pt>
                <c:pt idx="6142">
                  <c:v>19.270199999999999</c:v>
                </c:pt>
                <c:pt idx="6143">
                  <c:v>19.400099999999998</c:v>
                </c:pt>
                <c:pt idx="6144">
                  <c:v>19.549299999999999</c:v>
                </c:pt>
                <c:pt idx="6145">
                  <c:v>19.552800000000001</c:v>
                </c:pt>
                <c:pt idx="6146">
                  <c:v>19.564800000000002</c:v>
                </c:pt>
                <c:pt idx="6147">
                  <c:v>19.581600000000002</c:v>
                </c:pt>
                <c:pt idx="6148">
                  <c:v>19.6051</c:v>
                </c:pt>
                <c:pt idx="6149">
                  <c:v>19.2102</c:v>
                </c:pt>
                <c:pt idx="6150">
                  <c:v>18.633299999999998</c:v>
                </c:pt>
                <c:pt idx="6151">
                  <c:v>18.923300000000001</c:v>
                </c:pt>
                <c:pt idx="6152">
                  <c:v>19.078600000000002</c:v>
                </c:pt>
                <c:pt idx="6153">
                  <c:v>19.270199999999999</c:v>
                </c:pt>
                <c:pt idx="6154">
                  <c:v>19.400099999999998</c:v>
                </c:pt>
                <c:pt idx="6155">
                  <c:v>19.549299999999999</c:v>
                </c:pt>
                <c:pt idx="6156">
                  <c:v>19.552800000000001</c:v>
                </c:pt>
                <c:pt idx="6157">
                  <c:v>19.564800000000002</c:v>
                </c:pt>
                <c:pt idx="6158">
                  <c:v>19.581600000000002</c:v>
                </c:pt>
                <c:pt idx="6159">
                  <c:v>19.6051</c:v>
                </c:pt>
                <c:pt idx="6160">
                  <c:v>19.2102</c:v>
                </c:pt>
                <c:pt idx="6161">
                  <c:v>18.633299999999998</c:v>
                </c:pt>
                <c:pt idx="6162">
                  <c:v>18.923300000000001</c:v>
                </c:pt>
                <c:pt idx="6163">
                  <c:v>19.078600000000002</c:v>
                </c:pt>
                <c:pt idx="6164">
                  <c:v>19.270199999999999</c:v>
                </c:pt>
                <c:pt idx="6165">
                  <c:v>19.400099999999998</c:v>
                </c:pt>
                <c:pt idx="6166">
                  <c:v>19.549299999999999</c:v>
                </c:pt>
                <c:pt idx="6167">
                  <c:v>19.552800000000001</c:v>
                </c:pt>
                <c:pt idx="6168">
                  <c:v>19.564800000000002</c:v>
                </c:pt>
                <c:pt idx="6169">
                  <c:v>19.581600000000002</c:v>
                </c:pt>
                <c:pt idx="6170">
                  <c:v>19.6051</c:v>
                </c:pt>
                <c:pt idx="6171">
                  <c:v>19.2102</c:v>
                </c:pt>
                <c:pt idx="6172">
                  <c:v>18.633299999999998</c:v>
                </c:pt>
                <c:pt idx="6173">
                  <c:v>18.923300000000001</c:v>
                </c:pt>
                <c:pt idx="6174">
                  <c:v>19.078600000000002</c:v>
                </c:pt>
                <c:pt idx="6175">
                  <c:v>19.270199999999999</c:v>
                </c:pt>
                <c:pt idx="6176">
                  <c:v>19.400099999999998</c:v>
                </c:pt>
                <c:pt idx="6177">
                  <c:v>19.549299999999999</c:v>
                </c:pt>
                <c:pt idx="6178">
                  <c:v>19.552800000000001</c:v>
                </c:pt>
                <c:pt idx="6179">
                  <c:v>19.564800000000002</c:v>
                </c:pt>
                <c:pt idx="6180">
                  <c:v>19.581600000000002</c:v>
                </c:pt>
                <c:pt idx="6181">
                  <c:v>19.6051</c:v>
                </c:pt>
                <c:pt idx="6182">
                  <c:v>19.2102</c:v>
                </c:pt>
                <c:pt idx="6183">
                  <c:v>18.633299999999998</c:v>
                </c:pt>
                <c:pt idx="6184">
                  <c:v>18.923300000000001</c:v>
                </c:pt>
                <c:pt idx="6185">
                  <c:v>19.078600000000002</c:v>
                </c:pt>
                <c:pt idx="6186">
                  <c:v>19.270199999999999</c:v>
                </c:pt>
                <c:pt idx="6187">
                  <c:v>19.400099999999998</c:v>
                </c:pt>
                <c:pt idx="6188">
                  <c:v>19.549299999999999</c:v>
                </c:pt>
                <c:pt idx="6189">
                  <c:v>19.552800000000001</c:v>
                </c:pt>
                <c:pt idx="6190">
                  <c:v>19.564800000000002</c:v>
                </c:pt>
                <c:pt idx="6191">
                  <c:v>19.581600000000002</c:v>
                </c:pt>
                <c:pt idx="6192">
                  <c:v>19.6051</c:v>
                </c:pt>
                <c:pt idx="6193">
                  <c:v>19.2102</c:v>
                </c:pt>
                <c:pt idx="6194">
                  <c:v>18.633299999999998</c:v>
                </c:pt>
                <c:pt idx="6195">
                  <c:v>18.923300000000001</c:v>
                </c:pt>
                <c:pt idx="6196">
                  <c:v>19.078600000000002</c:v>
                </c:pt>
                <c:pt idx="6197">
                  <c:v>19.270199999999999</c:v>
                </c:pt>
                <c:pt idx="6198">
                  <c:v>19.400099999999998</c:v>
                </c:pt>
                <c:pt idx="6199">
                  <c:v>19.549299999999999</c:v>
                </c:pt>
                <c:pt idx="6200">
                  <c:v>19.552800000000001</c:v>
                </c:pt>
                <c:pt idx="6201">
                  <c:v>19.564800000000002</c:v>
                </c:pt>
                <c:pt idx="6202">
                  <c:v>19.581600000000002</c:v>
                </c:pt>
                <c:pt idx="6203">
                  <c:v>19.6051</c:v>
                </c:pt>
                <c:pt idx="6204">
                  <c:v>49.875599999999999</c:v>
                </c:pt>
                <c:pt idx="6205">
                  <c:v>62.082500000000003</c:v>
                </c:pt>
                <c:pt idx="6206">
                  <c:v>70.093800000000002</c:v>
                </c:pt>
                <c:pt idx="6207">
                  <c:v>77.347200000000001</c:v>
                </c:pt>
                <c:pt idx="6208">
                  <c:v>80.308700000000002</c:v>
                </c:pt>
                <c:pt idx="6209">
                  <c:v>86.256299999999996</c:v>
                </c:pt>
                <c:pt idx="6210">
                  <c:v>90.005399999999995</c:v>
                </c:pt>
                <c:pt idx="6211">
                  <c:v>92.760199999999998</c:v>
                </c:pt>
                <c:pt idx="6212">
                  <c:v>95.46</c:v>
                </c:pt>
                <c:pt idx="6213">
                  <c:v>97.666899999999998</c:v>
                </c:pt>
                <c:pt idx="6214">
                  <c:v>95.444699999999997</c:v>
                </c:pt>
                <c:pt idx="6215">
                  <c:v>21.169699999999999</c:v>
                </c:pt>
                <c:pt idx="6216">
                  <c:v>24.3752</c:v>
                </c:pt>
                <c:pt idx="6217">
                  <c:v>28.726500000000001</c:v>
                </c:pt>
                <c:pt idx="6218">
                  <c:v>31.595099999999999</c:v>
                </c:pt>
                <c:pt idx="6219">
                  <c:v>33.855899999999998</c:v>
                </c:pt>
                <c:pt idx="6220">
                  <c:v>36.470599999999997</c:v>
                </c:pt>
                <c:pt idx="6221">
                  <c:v>39.658499999999997</c:v>
                </c:pt>
                <c:pt idx="6222">
                  <c:v>42.356000000000002</c:v>
                </c:pt>
                <c:pt idx="6223">
                  <c:v>42.846699999999998</c:v>
                </c:pt>
                <c:pt idx="6224">
                  <c:v>43.519199999999998</c:v>
                </c:pt>
                <c:pt idx="6225">
                  <c:v>42.441699999999997</c:v>
                </c:pt>
                <c:pt idx="6226">
                  <c:v>15.7843</c:v>
                </c:pt>
                <c:pt idx="6227">
                  <c:v>16.549600000000002</c:v>
                </c:pt>
                <c:pt idx="6228">
                  <c:v>16.377500000000001</c:v>
                </c:pt>
                <c:pt idx="6229">
                  <c:v>16.289899999999999</c:v>
                </c:pt>
                <c:pt idx="6230">
                  <c:v>16.1449</c:v>
                </c:pt>
                <c:pt idx="6231">
                  <c:v>16.0657</c:v>
                </c:pt>
                <c:pt idx="6232">
                  <c:v>17.335799999999999</c:v>
                </c:pt>
                <c:pt idx="6233">
                  <c:v>17.098400000000002</c:v>
                </c:pt>
                <c:pt idx="6234">
                  <c:v>17.5886</c:v>
                </c:pt>
                <c:pt idx="6235">
                  <c:v>19.082799999999999</c:v>
                </c:pt>
                <c:pt idx="6236">
                  <c:v>18.860199999999999</c:v>
                </c:pt>
                <c:pt idx="6237">
                  <c:v>19.2102</c:v>
                </c:pt>
                <c:pt idx="6238">
                  <c:v>18.633299999999998</c:v>
                </c:pt>
                <c:pt idx="6239">
                  <c:v>18.923300000000001</c:v>
                </c:pt>
                <c:pt idx="6240">
                  <c:v>19.078600000000002</c:v>
                </c:pt>
                <c:pt idx="6241">
                  <c:v>19.270199999999999</c:v>
                </c:pt>
                <c:pt idx="6242">
                  <c:v>19.400099999999998</c:v>
                </c:pt>
                <c:pt idx="6243">
                  <c:v>19.549299999999999</c:v>
                </c:pt>
                <c:pt idx="6244">
                  <c:v>19.552800000000001</c:v>
                </c:pt>
                <c:pt idx="6245">
                  <c:v>19.564800000000002</c:v>
                </c:pt>
                <c:pt idx="6246">
                  <c:v>19.581600000000002</c:v>
                </c:pt>
                <c:pt idx="6247">
                  <c:v>19.6051</c:v>
                </c:pt>
                <c:pt idx="6248">
                  <c:v>19.2102</c:v>
                </c:pt>
                <c:pt idx="6249">
                  <c:v>18.633299999999998</c:v>
                </c:pt>
                <c:pt idx="6250">
                  <c:v>18.923300000000001</c:v>
                </c:pt>
                <c:pt idx="6251">
                  <c:v>19.078600000000002</c:v>
                </c:pt>
                <c:pt idx="6252">
                  <c:v>19.270199999999999</c:v>
                </c:pt>
                <c:pt idx="6253">
                  <c:v>19.400099999999998</c:v>
                </c:pt>
                <c:pt idx="6254">
                  <c:v>19.549299999999999</c:v>
                </c:pt>
                <c:pt idx="6255">
                  <c:v>19.552800000000001</c:v>
                </c:pt>
                <c:pt idx="6256">
                  <c:v>19.564800000000002</c:v>
                </c:pt>
                <c:pt idx="6257">
                  <c:v>19.581600000000002</c:v>
                </c:pt>
                <c:pt idx="6258">
                  <c:v>19.6051</c:v>
                </c:pt>
                <c:pt idx="6259">
                  <c:v>19.2102</c:v>
                </c:pt>
                <c:pt idx="6260">
                  <c:v>18.633299999999998</c:v>
                </c:pt>
                <c:pt idx="6261">
                  <c:v>18.923300000000001</c:v>
                </c:pt>
                <c:pt idx="6262">
                  <c:v>19.078600000000002</c:v>
                </c:pt>
                <c:pt idx="6263">
                  <c:v>19.270199999999999</c:v>
                </c:pt>
                <c:pt idx="6264">
                  <c:v>19.400099999999998</c:v>
                </c:pt>
                <c:pt idx="6265">
                  <c:v>19.549299999999999</c:v>
                </c:pt>
                <c:pt idx="6266">
                  <c:v>19.552800000000001</c:v>
                </c:pt>
                <c:pt idx="6267">
                  <c:v>19.564800000000002</c:v>
                </c:pt>
                <c:pt idx="6268">
                  <c:v>19.581600000000002</c:v>
                </c:pt>
                <c:pt idx="6269">
                  <c:v>19.6051</c:v>
                </c:pt>
                <c:pt idx="6270">
                  <c:v>19.2102</c:v>
                </c:pt>
                <c:pt idx="6271">
                  <c:v>18.633299999999998</c:v>
                </c:pt>
                <c:pt idx="6272">
                  <c:v>18.923300000000001</c:v>
                </c:pt>
                <c:pt idx="6273">
                  <c:v>19.078600000000002</c:v>
                </c:pt>
                <c:pt idx="6274">
                  <c:v>19.270199999999999</c:v>
                </c:pt>
                <c:pt idx="6275">
                  <c:v>19.400099999999998</c:v>
                </c:pt>
                <c:pt idx="6276">
                  <c:v>19.549299999999999</c:v>
                </c:pt>
                <c:pt idx="6277">
                  <c:v>19.552800000000001</c:v>
                </c:pt>
                <c:pt idx="6278">
                  <c:v>19.564800000000002</c:v>
                </c:pt>
                <c:pt idx="6279">
                  <c:v>19.581600000000002</c:v>
                </c:pt>
                <c:pt idx="6280">
                  <c:v>19.6051</c:v>
                </c:pt>
                <c:pt idx="6281">
                  <c:v>19.2102</c:v>
                </c:pt>
                <c:pt idx="6282">
                  <c:v>18.633299999999998</c:v>
                </c:pt>
                <c:pt idx="6283">
                  <c:v>18.923300000000001</c:v>
                </c:pt>
                <c:pt idx="6284">
                  <c:v>19.078600000000002</c:v>
                </c:pt>
                <c:pt idx="6285">
                  <c:v>19.270199999999999</c:v>
                </c:pt>
                <c:pt idx="6286">
                  <c:v>19.400099999999998</c:v>
                </c:pt>
                <c:pt idx="6287">
                  <c:v>19.549299999999999</c:v>
                </c:pt>
                <c:pt idx="6288">
                  <c:v>19.552800000000001</c:v>
                </c:pt>
                <c:pt idx="6289">
                  <c:v>19.564800000000002</c:v>
                </c:pt>
                <c:pt idx="6290">
                  <c:v>19.581600000000002</c:v>
                </c:pt>
                <c:pt idx="6291">
                  <c:v>19.6051</c:v>
                </c:pt>
                <c:pt idx="6292">
                  <c:v>19.2102</c:v>
                </c:pt>
                <c:pt idx="6293">
                  <c:v>18.633299999999998</c:v>
                </c:pt>
                <c:pt idx="6294">
                  <c:v>18.923300000000001</c:v>
                </c:pt>
                <c:pt idx="6295">
                  <c:v>19.078600000000002</c:v>
                </c:pt>
                <c:pt idx="6296">
                  <c:v>19.270199999999999</c:v>
                </c:pt>
                <c:pt idx="6297">
                  <c:v>19.400099999999998</c:v>
                </c:pt>
                <c:pt idx="6298">
                  <c:v>19.549299999999999</c:v>
                </c:pt>
                <c:pt idx="6299">
                  <c:v>19.552800000000001</c:v>
                </c:pt>
                <c:pt idx="6300">
                  <c:v>19.564800000000002</c:v>
                </c:pt>
                <c:pt idx="6301">
                  <c:v>19.581600000000002</c:v>
                </c:pt>
                <c:pt idx="6302">
                  <c:v>19.6051</c:v>
                </c:pt>
                <c:pt idx="6303">
                  <c:v>19.2102</c:v>
                </c:pt>
                <c:pt idx="6304">
                  <c:v>18.633299999999998</c:v>
                </c:pt>
                <c:pt idx="6305">
                  <c:v>18.923300000000001</c:v>
                </c:pt>
                <c:pt idx="6306">
                  <c:v>19.078600000000002</c:v>
                </c:pt>
                <c:pt idx="6307">
                  <c:v>19.270199999999999</c:v>
                </c:pt>
                <c:pt idx="6308">
                  <c:v>19.400099999999998</c:v>
                </c:pt>
                <c:pt idx="6309">
                  <c:v>19.549299999999999</c:v>
                </c:pt>
                <c:pt idx="6310">
                  <c:v>19.552800000000001</c:v>
                </c:pt>
                <c:pt idx="6311">
                  <c:v>19.564800000000002</c:v>
                </c:pt>
                <c:pt idx="6312">
                  <c:v>19.581600000000002</c:v>
                </c:pt>
                <c:pt idx="6313">
                  <c:v>19.6051</c:v>
                </c:pt>
                <c:pt idx="6314">
                  <c:v>19.2102</c:v>
                </c:pt>
                <c:pt idx="6315">
                  <c:v>18.633299999999998</c:v>
                </c:pt>
                <c:pt idx="6316">
                  <c:v>18.923300000000001</c:v>
                </c:pt>
                <c:pt idx="6317">
                  <c:v>19.078600000000002</c:v>
                </c:pt>
                <c:pt idx="6318">
                  <c:v>19.270199999999999</c:v>
                </c:pt>
                <c:pt idx="6319">
                  <c:v>19.400099999999998</c:v>
                </c:pt>
                <c:pt idx="6320">
                  <c:v>19.549299999999999</c:v>
                </c:pt>
                <c:pt idx="6321">
                  <c:v>19.552800000000001</c:v>
                </c:pt>
                <c:pt idx="6322">
                  <c:v>19.564800000000002</c:v>
                </c:pt>
                <c:pt idx="6323">
                  <c:v>19.581600000000002</c:v>
                </c:pt>
                <c:pt idx="6324">
                  <c:v>19.6051</c:v>
                </c:pt>
                <c:pt idx="6325">
                  <c:v>19.2102</c:v>
                </c:pt>
                <c:pt idx="6326">
                  <c:v>18.633299999999998</c:v>
                </c:pt>
                <c:pt idx="6327">
                  <c:v>18.923300000000001</c:v>
                </c:pt>
                <c:pt idx="6328">
                  <c:v>19.078600000000002</c:v>
                </c:pt>
                <c:pt idx="6329">
                  <c:v>19.270199999999999</c:v>
                </c:pt>
                <c:pt idx="6330">
                  <c:v>19.400099999999998</c:v>
                </c:pt>
                <c:pt idx="6331">
                  <c:v>19.549299999999999</c:v>
                </c:pt>
                <c:pt idx="6332">
                  <c:v>19.552800000000001</c:v>
                </c:pt>
                <c:pt idx="6333">
                  <c:v>19.564800000000002</c:v>
                </c:pt>
                <c:pt idx="6334">
                  <c:v>19.581600000000002</c:v>
                </c:pt>
                <c:pt idx="6335">
                  <c:v>19.6051</c:v>
                </c:pt>
                <c:pt idx="6336">
                  <c:v>44.874200000000002</c:v>
                </c:pt>
                <c:pt idx="6337">
                  <c:v>59.125900000000001</c:v>
                </c:pt>
                <c:pt idx="6338">
                  <c:v>70.591200000000001</c:v>
                </c:pt>
                <c:pt idx="6339">
                  <c:v>74.520099999999999</c:v>
                </c:pt>
                <c:pt idx="6340">
                  <c:v>80.224699999999999</c:v>
                </c:pt>
                <c:pt idx="6341">
                  <c:v>82.210499999999996</c:v>
                </c:pt>
                <c:pt idx="6342">
                  <c:v>82.537599999999998</c:v>
                </c:pt>
                <c:pt idx="6343">
                  <c:v>84.043199999999999</c:v>
                </c:pt>
                <c:pt idx="6344">
                  <c:v>87.744799999999998</c:v>
                </c:pt>
                <c:pt idx="6345">
                  <c:v>88.831199999999995</c:v>
                </c:pt>
                <c:pt idx="6346">
                  <c:v>87.546199999999999</c:v>
                </c:pt>
                <c:pt idx="6347">
                  <c:v>17.0105</c:v>
                </c:pt>
                <c:pt idx="6348">
                  <c:v>17.636600000000001</c:v>
                </c:pt>
                <c:pt idx="6349">
                  <c:v>22.1142</c:v>
                </c:pt>
                <c:pt idx="6350">
                  <c:v>27.238700000000001</c:v>
                </c:pt>
                <c:pt idx="6351">
                  <c:v>30.657599999999999</c:v>
                </c:pt>
                <c:pt idx="6352">
                  <c:v>33.120199999999997</c:v>
                </c:pt>
                <c:pt idx="6353">
                  <c:v>36.424599999999998</c:v>
                </c:pt>
                <c:pt idx="6354">
                  <c:v>38.5959</c:v>
                </c:pt>
                <c:pt idx="6355">
                  <c:v>40.445099999999996</c:v>
                </c:pt>
                <c:pt idx="6356">
                  <c:v>42.405900000000003</c:v>
                </c:pt>
                <c:pt idx="6357">
                  <c:v>43.114800000000002</c:v>
                </c:pt>
                <c:pt idx="6358">
                  <c:v>20.322199999999999</c:v>
                </c:pt>
                <c:pt idx="6359">
                  <c:v>21.410900000000002</c:v>
                </c:pt>
                <c:pt idx="6360">
                  <c:v>19.643599999999999</c:v>
                </c:pt>
                <c:pt idx="6361">
                  <c:v>20.131399999999999</c:v>
                </c:pt>
                <c:pt idx="6362">
                  <c:v>20.537600000000001</c:v>
                </c:pt>
                <c:pt idx="6363">
                  <c:v>20.933599999999998</c:v>
                </c:pt>
                <c:pt idx="6364">
                  <c:v>18.745899999999999</c:v>
                </c:pt>
                <c:pt idx="6365">
                  <c:v>18.652000000000001</c:v>
                </c:pt>
                <c:pt idx="6366">
                  <c:v>18.764600000000002</c:v>
                </c:pt>
                <c:pt idx="6367">
                  <c:v>18.8599</c:v>
                </c:pt>
                <c:pt idx="6368">
                  <c:v>19.108499999999999</c:v>
                </c:pt>
                <c:pt idx="6369">
                  <c:v>21.540199999999999</c:v>
                </c:pt>
                <c:pt idx="6370">
                  <c:v>22.786100000000001</c:v>
                </c:pt>
                <c:pt idx="6371">
                  <c:v>22.901700000000002</c:v>
                </c:pt>
                <c:pt idx="6372">
                  <c:v>22.9786</c:v>
                </c:pt>
                <c:pt idx="6373">
                  <c:v>23.001799999999999</c:v>
                </c:pt>
                <c:pt idx="6374">
                  <c:v>22.958500000000001</c:v>
                </c:pt>
                <c:pt idx="6375">
                  <c:v>23.4129</c:v>
                </c:pt>
                <c:pt idx="6376">
                  <c:v>23.518699999999999</c:v>
                </c:pt>
                <c:pt idx="6377">
                  <c:v>23.622299999999999</c:v>
                </c:pt>
                <c:pt idx="6378">
                  <c:v>23.678000000000001</c:v>
                </c:pt>
                <c:pt idx="6379">
                  <c:v>23.7349</c:v>
                </c:pt>
                <c:pt idx="6380">
                  <c:v>21.540199999999999</c:v>
                </c:pt>
                <c:pt idx="6381">
                  <c:v>22.786100000000001</c:v>
                </c:pt>
                <c:pt idx="6382">
                  <c:v>22.901700000000002</c:v>
                </c:pt>
                <c:pt idx="6383">
                  <c:v>22.9786</c:v>
                </c:pt>
                <c:pt idx="6384">
                  <c:v>23.001799999999999</c:v>
                </c:pt>
                <c:pt idx="6385">
                  <c:v>22.958500000000001</c:v>
                </c:pt>
                <c:pt idx="6386">
                  <c:v>23.4129</c:v>
                </c:pt>
                <c:pt idx="6387">
                  <c:v>23.518699999999999</c:v>
                </c:pt>
                <c:pt idx="6388">
                  <c:v>23.622299999999999</c:v>
                </c:pt>
                <c:pt idx="6389">
                  <c:v>23.678000000000001</c:v>
                </c:pt>
                <c:pt idx="6390">
                  <c:v>23.7349</c:v>
                </c:pt>
                <c:pt idx="6391">
                  <c:v>21.540199999999999</c:v>
                </c:pt>
                <c:pt idx="6392">
                  <c:v>22.786100000000001</c:v>
                </c:pt>
                <c:pt idx="6393">
                  <c:v>22.901700000000002</c:v>
                </c:pt>
                <c:pt idx="6394">
                  <c:v>22.9786</c:v>
                </c:pt>
                <c:pt idx="6395">
                  <c:v>23.001799999999999</c:v>
                </c:pt>
                <c:pt idx="6396">
                  <c:v>22.958500000000001</c:v>
                </c:pt>
                <c:pt idx="6397">
                  <c:v>23.4129</c:v>
                </c:pt>
                <c:pt idx="6398">
                  <c:v>23.518699999999999</c:v>
                </c:pt>
                <c:pt idx="6399">
                  <c:v>23.622299999999999</c:v>
                </c:pt>
                <c:pt idx="6400">
                  <c:v>23.678000000000001</c:v>
                </c:pt>
                <c:pt idx="6401">
                  <c:v>23.7349</c:v>
                </c:pt>
                <c:pt idx="6402">
                  <c:v>21.540199999999999</c:v>
                </c:pt>
                <c:pt idx="6403">
                  <c:v>22.786100000000001</c:v>
                </c:pt>
                <c:pt idx="6404">
                  <c:v>22.901700000000002</c:v>
                </c:pt>
                <c:pt idx="6405">
                  <c:v>22.9786</c:v>
                </c:pt>
                <c:pt idx="6406">
                  <c:v>23.001799999999999</c:v>
                </c:pt>
                <c:pt idx="6407">
                  <c:v>22.958500000000001</c:v>
                </c:pt>
                <c:pt idx="6408">
                  <c:v>23.4129</c:v>
                </c:pt>
                <c:pt idx="6409">
                  <c:v>23.518699999999999</c:v>
                </c:pt>
                <c:pt idx="6410">
                  <c:v>23.622299999999999</c:v>
                </c:pt>
                <c:pt idx="6411">
                  <c:v>23.678000000000001</c:v>
                </c:pt>
                <c:pt idx="6412">
                  <c:v>23.7349</c:v>
                </c:pt>
                <c:pt idx="6413">
                  <c:v>21.540199999999999</c:v>
                </c:pt>
                <c:pt idx="6414">
                  <c:v>22.786100000000001</c:v>
                </c:pt>
                <c:pt idx="6415">
                  <c:v>22.901700000000002</c:v>
                </c:pt>
                <c:pt idx="6416">
                  <c:v>22.9786</c:v>
                </c:pt>
                <c:pt idx="6417">
                  <c:v>23.001799999999999</c:v>
                </c:pt>
                <c:pt idx="6418">
                  <c:v>22.958500000000001</c:v>
                </c:pt>
                <c:pt idx="6419">
                  <c:v>23.4129</c:v>
                </c:pt>
                <c:pt idx="6420">
                  <c:v>23.518699999999999</c:v>
                </c:pt>
                <c:pt idx="6421">
                  <c:v>23.622299999999999</c:v>
                </c:pt>
                <c:pt idx="6422">
                  <c:v>23.678000000000001</c:v>
                </c:pt>
                <c:pt idx="6423">
                  <c:v>23.7349</c:v>
                </c:pt>
                <c:pt idx="6424">
                  <c:v>21.540199999999999</c:v>
                </c:pt>
                <c:pt idx="6425">
                  <c:v>22.786100000000001</c:v>
                </c:pt>
                <c:pt idx="6426">
                  <c:v>22.901700000000002</c:v>
                </c:pt>
                <c:pt idx="6427">
                  <c:v>22.9786</c:v>
                </c:pt>
                <c:pt idx="6428">
                  <c:v>23.001799999999999</c:v>
                </c:pt>
                <c:pt idx="6429">
                  <c:v>22.958500000000001</c:v>
                </c:pt>
                <c:pt idx="6430">
                  <c:v>23.4129</c:v>
                </c:pt>
                <c:pt idx="6431">
                  <c:v>23.518699999999999</c:v>
                </c:pt>
                <c:pt idx="6432">
                  <c:v>23.622299999999999</c:v>
                </c:pt>
                <c:pt idx="6433">
                  <c:v>23.678000000000001</c:v>
                </c:pt>
                <c:pt idx="6434">
                  <c:v>23.7349</c:v>
                </c:pt>
                <c:pt idx="6435">
                  <c:v>21.540199999999999</c:v>
                </c:pt>
                <c:pt idx="6436">
                  <c:v>22.786100000000001</c:v>
                </c:pt>
                <c:pt idx="6437">
                  <c:v>22.901700000000002</c:v>
                </c:pt>
                <c:pt idx="6438">
                  <c:v>22.9786</c:v>
                </c:pt>
                <c:pt idx="6439">
                  <c:v>23.001799999999999</c:v>
                </c:pt>
                <c:pt idx="6440">
                  <c:v>22.958500000000001</c:v>
                </c:pt>
                <c:pt idx="6441">
                  <c:v>23.4129</c:v>
                </c:pt>
                <c:pt idx="6442">
                  <c:v>23.518699999999999</c:v>
                </c:pt>
                <c:pt idx="6443">
                  <c:v>23.622299999999999</c:v>
                </c:pt>
                <c:pt idx="6444">
                  <c:v>23.678000000000001</c:v>
                </c:pt>
                <c:pt idx="6445">
                  <c:v>23.7349</c:v>
                </c:pt>
                <c:pt idx="6446">
                  <c:v>21.540199999999999</c:v>
                </c:pt>
                <c:pt idx="6447">
                  <c:v>22.786100000000001</c:v>
                </c:pt>
                <c:pt idx="6448">
                  <c:v>22.901700000000002</c:v>
                </c:pt>
                <c:pt idx="6449">
                  <c:v>22.9786</c:v>
                </c:pt>
                <c:pt idx="6450">
                  <c:v>23.001799999999999</c:v>
                </c:pt>
                <c:pt idx="6451">
                  <c:v>22.958500000000001</c:v>
                </c:pt>
                <c:pt idx="6452">
                  <c:v>23.4129</c:v>
                </c:pt>
                <c:pt idx="6453">
                  <c:v>23.518699999999999</c:v>
                </c:pt>
                <c:pt idx="6454">
                  <c:v>23.622299999999999</c:v>
                </c:pt>
                <c:pt idx="6455">
                  <c:v>23.678000000000001</c:v>
                </c:pt>
                <c:pt idx="6456">
                  <c:v>23.7349</c:v>
                </c:pt>
                <c:pt idx="6457">
                  <c:v>21.540199999999999</c:v>
                </c:pt>
                <c:pt idx="6458">
                  <c:v>22.786100000000001</c:v>
                </c:pt>
                <c:pt idx="6459">
                  <c:v>22.901700000000002</c:v>
                </c:pt>
                <c:pt idx="6460">
                  <c:v>22.9786</c:v>
                </c:pt>
                <c:pt idx="6461">
                  <c:v>23.001799999999999</c:v>
                </c:pt>
                <c:pt idx="6462">
                  <c:v>22.958500000000001</c:v>
                </c:pt>
                <c:pt idx="6463">
                  <c:v>23.4129</c:v>
                </c:pt>
                <c:pt idx="6464">
                  <c:v>23.518699999999999</c:v>
                </c:pt>
                <c:pt idx="6465">
                  <c:v>23.622299999999999</c:v>
                </c:pt>
                <c:pt idx="6466">
                  <c:v>23.678000000000001</c:v>
                </c:pt>
                <c:pt idx="6467">
                  <c:v>23.7349</c:v>
                </c:pt>
                <c:pt idx="6468">
                  <c:v>44.874200000000002</c:v>
                </c:pt>
                <c:pt idx="6469">
                  <c:v>56.9039</c:v>
                </c:pt>
                <c:pt idx="6470">
                  <c:v>69.694900000000004</c:v>
                </c:pt>
                <c:pt idx="6471">
                  <c:v>75.4773</c:v>
                </c:pt>
                <c:pt idx="6472">
                  <c:v>82.6006</c:v>
                </c:pt>
                <c:pt idx="6473">
                  <c:v>86.092500000000001</c:v>
                </c:pt>
                <c:pt idx="6474">
                  <c:v>88.096900000000005</c:v>
                </c:pt>
                <c:pt idx="6475">
                  <c:v>90.079800000000006</c:v>
                </c:pt>
                <c:pt idx="6476">
                  <c:v>92.099400000000003</c:v>
                </c:pt>
                <c:pt idx="6477">
                  <c:v>94.842500000000001</c:v>
                </c:pt>
                <c:pt idx="6478">
                  <c:v>95.407200000000003</c:v>
                </c:pt>
                <c:pt idx="6479">
                  <c:v>17.0105</c:v>
                </c:pt>
                <c:pt idx="6480">
                  <c:v>17.636600000000001</c:v>
                </c:pt>
                <c:pt idx="6481">
                  <c:v>20.6312</c:v>
                </c:pt>
                <c:pt idx="6482">
                  <c:v>24.9299</c:v>
                </c:pt>
                <c:pt idx="6483">
                  <c:v>28.912600000000001</c:v>
                </c:pt>
                <c:pt idx="6484">
                  <c:v>30.214200000000002</c:v>
                </c:pt>
                <c:pt idx="6485">
                  <c:v>35.080399999999997</c:v>
                </c:pt>
                <c:pt idx="6486">
                  <c:v>37.653799999999997</c:v>
                </c:pt>
                <c:pt idx="6487">
                  <c:v>40.274500000000003</c:v>
                </c:pt>
                <c:pt idx="6488">
                  <c:v>42.905200000000001</c:v>
                </c:pt>
                <c:pt idx="6489">
                  <c:v>44.071399999999997</c:v>
                </c:pt>
                <c:pt idx="6490">
                  <c:v>20.322199999999999</c:v>
                </c:pt>
                <c:pt idx="6491">
                  <c:v>21.410900000000002</c:v>
                </c:pt>
                <c:pt idx="6492">
                  <c:v>19.643599999999999</c:v>
                </c:pt>
                <c:pt idx="6493">
                  <c:v>20.131399999999999</c:v>
                </c:pt>
                <c:pt idx="6494">
                  <c:v>20.537600000000001</c:v>
                </c:pt>
                <c:pt idx="6495">
                  <c:v>20.933599999999998</c:v>
                </c:pt>
                <c:pt idx="6496">
                  <c:v>18.745899999999999</c:v>
                </c:pt>
                <c:pt idx="6497">
                  <c:v>18.652000000000001</c:v>
                </c:pt>
                <c:pt idx="6498">
                  <c:v>18.764600000000002</c:v>
                </c:pt>
                <c:pt idx="6499">
                  <c:v>18.8599</c:v>
                </c:pt>
                <c:pt idx="6500">
                  <c:v>19.108499999999999</c:v>
                </c:pt>
                <c:pt idx="6501">
                  <c:v>21.540199999999999</c:v>
                </c:pt>
                <c:pt idx="6502">
                  <c:v>22.786100000000001</c:v>
                </c:pt>
                <c:pt idx="6503">
                  <c:v>22.901700000000002</c:v>
                </c:pt>
                <c:pt idx="6504">
                  <c:v>22.9786</c:v>
                </c:pt>
                <c:pt idx="6505">
                  <c:v>23.001799999999999</c:v>
                </c:pt>
                <c:pt idx="6506">
                  <c:v>22.958500000000001</c:v>
                </c:pt>
                <c:pt idx="6507">
                  <c:v>23.4129</c:v>
                </c:pt>
                <c:pt idx="6508">
                  <c:v>23.518699999999999</c:v>
                </c:pt>
                <c:pt idx="6509">
                  <c:v>23.622299999999999</c:v>
                </c:pt>
                <c:pt idx="6510">
                  <c:v>23.678000000000001</c:v>
                </c:pt>
                <c:pt idx="6511">
                  <c:v>23.7349</c:v>
                </c:pt>
                <c:pt idx="6512">
                  <c:v>21.540199999999999</c:v>
                </c:pt>
                <c:pt idx="6513">
                  <c:v>22.786100000000001</c:v>
                </c:pt>
                <c:pt idx="6514">
                  <c:v>22.901700000000002</c:v>
                </c:pt>
                <c:pt idx="6515">
                  <c:v>22.9786</c:v>
                </c:pt>
                <c:pt idx="6516">
                  <c:v>23.001799999999999</c:v>
                </c:pt>
                <c:pt idx="6517">
                  <c:v>22.958500000000001</c:v>
                </c:pt>
                <c:pt idx="6518">
                  <c:v>23.4129</c:v>
                </c:pt>
                <c:pt idx="6519">
                  <c:v>23.518699999999999</c:v>
                </c:pt>
                <c:pt idx="6520">
                  <c:v>23.622299999999999</c:v>
                </c:pt>
                <c:pt idx="6521">
                  <c:v>23.678000000000001</c:v>
                </c:pt>
                <c:pt idx="6522">
                  <c:v>23.7349</c:v>
                </c:pt>
                <c:pt idx="6523">
                  <c:v>21.540199999999999</c:v>
                </c:pt>
                <c:pt idx="6524">
                  <c:v>22.786100000000001</c:v>
                </c:pt>
                <c:pt idx="6525">
                  <c:v>22.901700000000002</c:v>
                </c:pt>
                <c:pt idx="6526">
                  <c:v>22.9786</c:v>
                </c:pt>
                <c:pt idx="6527">
                  <c:v>23.001799999999999</c:v>
                </c:pt>
                <c:pt idx="6528">
                  <c:v>22.958500000000001</c:v>
                </c:pt>
                <c:pt idx="6529">
                  <c:v>23.4129</c:v>
                </c:pt>
                <c:pt idx="6530">
                  <c:v>23.518699999999999</c:v>
                </c:pt>
                <c:pt idx="6531">
                  <c:v>23.622299999999999</c:v>
                </c:pt>
                <c:pt idx="6532">
                  <c:v>23.678000000000001</c:v>
                </c:pt>
                <c:pt idx="6533">
                  <c:v>23.7349</c:v>
                </c:pt>
                <c:pt idx="6534">
                  <c:v>21.540199999999999</c:v>
                </c:pt>
                <c:pt idx="6535">
                  <c:v>22.786100000000001</c:v>
                </c:pt>
                <c:pt idx="6536">
                  <c:v>22.901700000000002</c:v>
                </c:pt>
                <c:pt idx="6537">
                  <c:v>22.9786</c:v>
                </c:pt>
                <c:pt idx="6538">
                  <c:v>23.001799999999999</c:v>
                </c:pt>
                <c:pt idx="6539">
                  <c:v>22.958500000000001</c:v>
                </c:pt>
                <c:pt idx="6540">
                  <c:v>23.4129</c:v>
                </c:pt>
                <c:pt idx="6541">
                  <c:v>23.518699999999999</c:v>
                </c:pt>
                <c:pt idx="6542">
                  <c:v>23.622299999999999</c:v>
                </c:pt>
                <c:pt idx="6543">
                  <c:v>23.678000000000001</c:v>
                </c:pt>
                <c:pt idx="6544">
                  <c:v>23.7349</c:v>
                </c:pt>
                <c:pt idx="6545">
                  <c:v>21.540199999999999</c:v>
                </c:pt>
                <c:pt idx="6546">
                  <c:v>22.786100000000001</c:v>
                </c:pt>
                <c:pt idx="6547">
                  <c:v>22.901700000000002</c:v>
                </c:pt>
                <c:pt idx="6548">
                  <c:v>22.9786</c:v>
                </c:pt>
                <c:pt idx="6549">
                  <c:v>23.001799999999999</c:v>
                </c:pt>
                <c:pt idx="6550">
                  <c:v>22.958500000000001</c:v>
                </c:pt>
                <c:pt idx="6551">
                  <c:v>23.4129</c:v>
                </c:pt>
                <c:pt idx="6552">
                  <c:v>23.518699999999999</c:v>
                </c:pt>
                <c:pt idx="6553">
                  <c:v>23.622299999999999</c:v>
                </c:pt>
                <c:pt idx="6554">
                  <c:v>23.678000000000001</c:v>
                </c:pt>
                <c:pt idx="6555">
                  <c:v>23.7349</c:v>
                </c:pt>
                <c:pt idx="6556">
                  <c:v>21.540199999999999</c:v>
                </c:pt>
                <c:pt idx="6557">
                  <c:v>22.786100000000001</c:v>
                </c:pt>
                <c:pt idx="6558">
                  <c:v>22.901700000000002</c:v>
                </c:pt>
                <c:pt idx="6559">
                  <c:v>22.9786</c:v>
                </c:pt>
                <c:pt idx="6560">
                  <c:v>23.001799999999999</c:v>
                </c:pt>
                <c:pt idx="6561">
                  <c:v>22.958500000000001</c:v>
                </c:pt>
                <c:pt idx="6562">
                  <c:v>23.4129</c:v>
                </c:pt>
                <c:pt idx="6563">
                  <c:v>23.518699999999999</c:v>
                </c:pt>
                <c:pt idx="6564">
                  <c:v>23.622299999999999</c:v>
                </c:pt>
                <c:pt idx="6565">
                  <c:v>23.678000000000001</c:v>
                </c:pt>
                <c:pt idx="6566">
                  <c:v>23.7349</c:v>
                </c:pt>
                <c:pt idx="6567">
                  <c:v>21.540199999999999</c:v>
                </c:pt>
                <c:pt idx="6568">
                  <c:v>22.786100000000001</c:v>
                </c:pt>
                <c:pt idx="6569">
                  <c:v>22.901700000000002</c:v>
                </c:pt>
                <c:pt idx="6570">
                  <c:v>22.9786</c:v>
                </c:pt>
                <c:pt idx="6571">
                  <c:v>23.001799999999999</c:v>
                </c:pt>
                <c:pt idx="6572">
                  <c:v>22.958500000000001</c:v>
                </c:pt>
                <c:pt idx="6573">
                  <c:v>23.4129</c:v>
                </c:pt>
                <c:pt idx="6574">
                  <c:v>23.518699999999999</c:v>
                </c:pt>
                <c:pt idx="6575">
                  <c:v>23.622299999999999</c:v>
                </c:pt>
                <c:pt idx="6576">
                  <c:v>23.678000000000001</c:v>
                </c:pt>
                <c:pt idx="6577">
                  <c:v>23.7349</c:v>
                </c:pt>
                <c:pt idx="6578">
                  <c:v>21.540199999999999</c:v>
                </c:pt>
                <c:pt idx="6579">
                  <c:v>22.786100000000001</c:v>
                </c:pt>
                <c:pt idx="6580">
                  <c:v>22.901700000000002</c:v>
                </c:pt>
                <c:pt idx="6581">
                  <c:v>22.9786</c:v>
                </c:pt>
                <c:pt idx="6582">
                  <c:v>23.001799999999999</c:v>
                </c:pt>
                <c:pt idx="6583">
                  <c:v>22.958500000000001</c:v>
                </c:pt>
                <c:pt idx="6584">
                  <c:v>23.4129</c:v>
                </c:pt>
                <c:pt idx="6585">
                  <c:v>23.518699999999999</c:v>
                </c:pt>
                <c:pt idx="6586">
                  <c:v>23.622299999999999</c:v>
                </c:pt>
                <c:pt idx="6587">
                  <c:v>23.678000000000001</c:v>
                </c:pt>
                <c:pt idx="6588">
                  <c:v>23.7349</c:v>
                </c:pt>
                <c:pt idx="6589">
                  <c:v>21.540199999999999</c:v>
                </c:pt>
                <c:pt idx="6590">
                  <c:v>22.786100000000001</c:v>
                </c:pt>
                <c:pt idx="6591">
                  <c:v>22.901700000000002</c:v>
                </c:pt>
                <c:pt idx="6592">
                  <c:v>22.9786</c:v>
                </c:pt>
                <c:pt idx="6593">
                  <c:v>23.001799999999999</c:v>
                </c:pt>
                <c:pt idx="6594">
                  <c:v>22.958500000000001</c:v>
                </c:pt>
                <c:pt idx="6595">
                  <c:v>23.4129</c:v>
                </c:pt>
                <c:pt idx="6596">
                  <c:v>23.518699999999999</c:v>
                </c:pt>
                <c:pt idx="6597">
                  <c:v>23.622299999999999</c:v>
                </c:pt>
                <c:pt idx="6598">
                  <c:v>23.678000000000001</c:v>
                </c:pt>
                <c:pt idx="6599">
                  <c:v>23.7349</c:v>
                </c:pt>
                <c:pt idx="6600">
                  <c:v>44.874200000000002</c:v>
                </c:pt>
                <c:pt idx="6601">
                  <c:v>55.431100000000001</c:v>
                </c:pt>
                <c:pt idx="6602">
                  <c:v>64.263599999999997</c:v>
                </c:pt>
                <c:pt idx="6603">
                  <c:v>74.123800000000003</c:v>
                </c:pt>
                <c:pt idx="6604">
                  <c:v>82.067400000000006</c:v>
                </c:pt>
                <c:pt idx="6605">
                  <c:v>88.096500000000006</c:v>
                </c:pt>
                <c:pt idx="6606">
                  <c:v>90.897300000000001</c:v>
                </c:pt>
                <c:pt idx="6607">
                  <c:v>95.702600000000004</c:v>
                </c:pt>
                <c:pt idx="6608">
                  <c:v>96.209599999999995</c:v>
                </c:pt>
                <c:pt idx="6609">
                  <c:v>97.958600000000004</c:v>
                </c:pt>
                <c:pt idx="6610">
                  <c:v>98.968400000000003</c:v>
                </c:pt>
                <c:pt idx="6611">
                  <c:v>17.0105</c:v>
                </c:pt>
                <c:pt idx="6612">
                  <c:v>17.636600000000001</c:v>
                </c:pt>
                <c:pt idx="6613">
                  <c:v>19.064499999999999</c:v>
                </c:pt>
                <c:pt idx="6614">
                  <c:v>23.301200000000001</c:v>
                </c:pt>
                <c:pt idx="6615">
                  <c:v>26.650200000000002</c:v>
                </c:pt>
                <c:pt idx="6616">
                  <c:v>27.845099999999999</c:v>
                </c:pt>
                <c:pt idx="6617">
                  <c:v>33.563499999999998</c:v>
                </c:pt>
                <c:pt idx="6618">
                  <c:v>36.586399999999998</c:v>
                </c:pt>
                <c:pt idx="6619">
                  <c:v>40.208100000000002</c:v>
                </c:pt>
                <c:pt idx="6620">
                  <c:v>42.851300000000002</c:v>
                </c:pt>
                <c:pt idx="6621">
                  <c:v>42.151499999999999</c:v>
                </c:pt>
                <c:pt idx="6622">
                  <c:v>20.322199999999999</c:v>
                </c:pt>
                <c:pt idx="6623">
                  <c:v>21.410900000000002</c:v>
                </c:pt>
                <c:pt idx="6624">
                  <c:v>19.643599999999999</c:v>
                </c:pt>
                <c:pt idx="6625">
                  <c:v>20.131399999999999</c:v>
                </c:pt>
                <c:pt idx="6626">
                  <c:v>20.537600000000001</c:v>
                </c:pt>
                <c:pt idx="6627">
                  <c:v>20.933599999999998</c:v>
                </c:pt>
                <c:pt idx="6628">
                  <c:v>18.745899999999999</c:v>
                </c:pt>
                <c:pt idx="6629">
                  <c:v>18.652000000000001</c:v>
                </c:pt>
                <c:pt idx="6630">
                  <c:v>18.764600000000002</c:v>
                </c:pt>
                <c:pt idx="6631">
                  <c:v>18.8599</c:v>
                </c:pt>
                <c:pt idx="6632">
                  <c:v>19.108499999999999</c:v>
                </c:pt>
                <c:pt idx="6633">
                  <c:v>21.540199999999999</c:v>
                </c:pt>
                <c:pt idx="6634">
                  <c:v>22.786100000000001</c:v>
                </c:pt>
                <c:pt idx="6635">
                  <c:v>22.901700000000002</c:v>
                </c:pt>
                <c:pt idx="6636">
                  <c:v>22.9786</c:v>
                </c:pt>
                <c:pt idx="6637">
                  <c:v>23.001799999999999</c:v>
                </c:pt>
                <c:pt idx="6638">
                  <c:v>22.958500000000001</c:v>
                </c:pt>
                <c:pt idx="6639">
                  <c:v>23.4129</c:v>
                </c:pt>
                <c:pt idx="6640">
                  <c:v>23.518699999999999</c:v>
                </c:pt>
                <c:pt idx="6641">
                  <c:v>23.622299999999999</c:v>
                </c:pt>
                <c:pt idx="6642">
                  <c:v>23.678000000000001</c:v>
                </c:pt>
                <c:pt idx="6643">
                  <c:v>23.7349</c:v>
                </c:pt>
                <c:pt idx="6644">
                  <c:v>21.540199999999999</c:v>
                </c:pt>
                <c:pt idx="6645">
                  <c:v>22.786100000000001</c:v>
                </c:pt>
                <c:pt idx="6646">
                  <c:v>22.901700000000002</c:v>
                </c:pt>
                <c:pt idx="6647">
                  <c:v>22.9786</c:v>
                </c:pt>
                <c:pt idx="6648">
                  <c:v>23.001799999999999</c:v>
                </c:pt>
                <c:pt idx="6649">
                  <c:v>22.958500000000001</c:v>
                </c:pt>
                <c:pt idx="6650">
                  <c:v>23.4129</c:v>
                </c:pt>
                <c:pt idx="6651">
                  <c:v>23.518699999999999</c:v>
                </c:pt>
                <c:pt idx="6652">
                  <c:v>23.622299999999999</c:v>
                </c:pt>
                <c:pt idx="6653">
                  <c:v>23.678000000000001</c:v>
                </c:pt>
                <c:pt idx="6654">
                  <c:v>23.7349</c:v>
                </c:pt>
                <c:pt idx="6655">
                  <c:v>21.540199999999999</c:v>
                </c:pt>
                <c:pt idx="6656">
                  <c:v>22.786100000000001</c:v>
                </c:pt>
                <c:pt idx="6657">
                  <c:v>22.901700000000002</c:v>
                </c:pt>
                <c:pt idx="6658">
                  <c:v>22.9786</c:v>
                </c:pt>
                <c:pt idx="6659">
                  <c:v>23.001799999999999</c:v>
                </c:pt>
                <c:pt idx="6660">
                  <c:v>22.958500000000001</c:v>
                </c:pt>
                <c:pt idx="6661">
                  <c:v>23.4129</c:v>
                </c:pt>
                <c:pt idx="6662">
                  <c:v>23.518699999999999</c:v>
                </c:pt>
                <c:pt idx="6663">
                  <c:v>23.622299999999999</c:v>
                </c:pt>
                <c:pt idx="6664">
                  <c:v>23.678000000000001</c:v>
                </c:pt>
                <c:pt idx="6665">
                  <c:v>23.7349</c:v>
                </c:pt>
                <c:pt idx="6666">
                  <c:v>21.540199999999999</c:v>
                </c:pt>
                <c:pt idx="6667">
                  <c:v>22.786100000000001</c:v>
                </c:pt>
                <c:pt idx="6668">
                  <c:v>22.901700000000002</c:v>
                </c:pt>
                <c:pt idx="6669">
                  <c:v>22.9786</c:v>
                </c:pt>
                <c:pt idx="6670">
                  <c:v>23.001799999999999</c:v>
                </c:pt>
                <c:pt idx="6671">
                  <c:v>22.958500000000001</c:v>
                </c:pt>
                <c:pt idx="6672">
                  <c:v>23.4129</c:v>
                </c:pt>
                <c:pt idx="6673">
                  <c:v>23.518699999999999</c:v>
                </c:pt>
                <c:pt idx="6674">
                  <c:v>23.622299999999999</c:v>
                </c:pt>
                <c:pt idx="6675">
                  <c:v>23.678000000000001</c:v>
                </c:pt>
                <c:pt idx="6676">
                  <c:v>23.7349</c:v>
                </c:pt>
                <c:pt idx="6677">
                  <c:v>21.540199999999999</c:v>
                </c:pt>
                <c:pt idx="6678">
                  <c:v>22.786100000000001</c:v>
                </c:pt>
                <c:pt idx="6679">
                  <c:v>22.901700000000002</c:v>
                </c:pt>
                <c:pt idx="6680">
                  <c:v>22.9786</c:v>
                </c:pt>
                <c:pt idx="6681">
                  <c:v>23.001799999999999</c:v>
                </c:pt>
                <c:pt idx="6682">
                  <c:v>22.958500000000001</c:v>
                </c:pt>
                <c:pt idx="6683">
                  <c:v>23.4129</c:v>
                </c:pt>
                <c:pt idx="6684">
                  <c:v>23.518699999999999</c:v>
                </c:pt>
                <c:pt idx="6685">
                  <c:v>23.622299999999999</c:v>
                </c:pt>
                <c:pt idx="6686">
                  <c:v>23.678000000000001</c:v>
                </c:pt>
                <c:pt idx="6687">
                  <c:v>23.7349</c:v>
                </c:pt>
                <c:pt idx="6688">
                  <c:v>21.540199999999999</c:v>
                </c:pt>
                <c:pt idx="6689">
                  <c:v>22.786100000000001</c:v>
                </c:pt>
                <c:pt idx="6690">
                  <c:v>22.901700000000002</c:v>
                </c:pt>
                <c:pt idx="6691">
                  <c:v>22.9786</c:v>
                </c:pt>
                <c:pt idx="6692">
                  <c:v>23.001799999999999</c:v>
                </c:pt>
                <c:pt idx="6693">
                  <c:v>22.958500000000001</c:v>
                </c:pt>
                <c:pt idx="6694">
                  <c:v>23.4129</c:v>
                </c:pt>
                <c:pt idx="6695">
                  <c:v>23.518699999999999</c:v>
                </c:pt>
                <c:pt idx="6696">
                  <c:v>23.622299999999999</c:v>
                </c:pt>
                <c:pt idx="6697">
                  <c:v>23.678000000000001</c:v>
                </c:pt>
                <c:pt idx="6698">
                  <c:v>23.7349</c:v>
                </c:pt>
                <c:pt idx="6699">
                  <c:v>21.540199999999999</c:v>
                </c:pt>
                <c:pt idx="6700">
                  <c:v>22.786100000000001</c:v>
                </c:pt>
                <c:pt idx="6701">
                  <c:v>22.901700000000002</c:v>
                </c:pt>
                <c:pt idx="6702">
                  <c:v>22.9786</c:v>
                </c:pt>
                <c:pt idx="6703">
                  <c:v>23.001799999999999</c:v>
                </c:pt>
                <c:pt idx="6704">
                  <c:v>22.958500000000001</c:v>
                </c:pt>
                <c:pt idx="6705">
                  <c:v>23.4129</c:v>
                </c:pt>
                <c:pt idx="6706">
                  <c:v>23.518699999999999</c:v>
                </c:pt>
                <c:pt idx="6707">
                  <c:v>23.622299999999999</c:v>
                </c:pt>
                <c:pt idx="6708">
                  <c:v>23.678000000000001</c:v>
                </c:pt>
                <c:pt idx="6709">
                  <c:v>23.7349</c:v>
                </c:pt>
                <c:pt idx="6710">
                  <c:v>21.540199999999999</c:v>
                </c:pt>
                <c:pt idx="6711">
                  <c:v>22.786100000000001</c:v>
                </c:pt>
                <c:pt idx="6712">
                  <c:v>22.901700000000002</c:v>
                </c:pt>
                <c:pt idx="6713">
                  <c:v>22.9786</c:v>
                </c:pt>
                <c:pt idx="6714">
                  <c:v>23.001799999999999</c:v>
                </c:pt>
                <c:pt idx="6715">
                  <c:v>22.958500000000001</c:v>
                </c:pt>
                <c:pt idx="6716">
                  <c:v>23.4129</c:v>
                </c:pt>
                <c:pt idx="6717">
                  <c:v>23.518699999999999</c:v>
                </c:pt>
                <c:pt idx="6718">
                  <c:v>23.622299999999999</c:v>
                </c:pt>
                <c:pt idx="6719">
                  <c:v>23.678000000000001</c:v>
                </c:pt>
                <c:pt idx="6720">
                  <c:v>23.7349</c:v>
                </c:pt>
                <c:pt idx="6721">
                  <c:v>21.540199999999999</c:v>
                </c:pt>
                <c:pt idx="6722">
                  <c:v>22.786100000000001</c:v>
                </c:pt>
                <c:pt idx="6723">
                  <c:v>22.901700000000002</c:v>
                </c:pt>
                <c:pt idx="6724">
                  <c:v>22.9786</c:v>
                </c:pt>
                <c:pt idx="6725">
                  <c:v>23.001799999999999</c:v>
                </c:pt>
                <c:pt idx="6726">
                  <c:v>22.958500000000001</c:v>
                </c:pt>
                <c:pt idx="6727">
                  <c:v>23.4129</c:v>
                </c:pt>
                <c:pt idx="6728">
                  <c:v>23.518699999999999</c:v>
                </c:pt>
                <c:pt idx="6729">
                  <c:v>23.622299999999999</c:v>
                </c:pt>
                <c:pt idx="6730">
                  <c:v>23.678000000000001</c:v>
                </c:pt>
                <c:pt idx="6731">
                  <c:v>23.7349</c:v>
                </c:pt>
                <c:pt idx="6732">
                  <c:v>44.874200000000002</c:v>
                </c:pt>
                <c:pt idx="6733">
                  <c:v>55.431100000000001</c:v>
                </c:pt>
                <c:pt idx="6734">
                  <c:v>62.431699999999999</c:v>
                </c:pt>
                <c:pt idx="6735">
                  <c:v>71.210499999999996</c:v>
                </c:pt>
                <c:pt idx="6736">
                  <c:v>80.137600000000006</c:v>
                </c:pt>
                <c:pt idx="6737">
                  <c:v>87.966999999999999</c:v>
                </c:pt>
                <c:pt idx="6738">
                  <c:v>91.707999999999998</c:v>
                </c:pt>
                <c:pt idx="6739">
                  <c:v>96.777900000000002</c:v>
                </c:pt>
                <c:pt idx="6740">
                  <c:v>95.480500000000006</c:v>
                </c:pt>
                <c:pt idx="6741">
                  <c:v>97.086799999999997</c:v>
                </c:pt>
                <c:pt idx="6742">
                  <c:v>102.16200000000001</c:v>
                </c:pt>
                <c:pt idx="6743">
                  <c:v>17.0105</c:v>
                </c:pt>
                <c:pt idx="6744">
                  <c:v>17.636600000000001</c:v>
                </c:pt>
                <c:pt idx="6745">
                  <c:v>19.064499999999999</c:v>
                </c:pt>
                <c:pt idx="6746">
                  <c:v>20.7821</c:v>
                </c:pt>
                <c:pt idx="6747">
                  <c:v>24.432700000000001</c:v>
                </c:pt>
                <c:pt idx="6748">
                  <c:v>25.938400000000001</c:v>
                </c:pt>
                <c:pt idx="6749">
                  <c:v>32.570599999999999</c:v>
                </c:pt>
                <c:pt idx="6750">
                  <c:v>36.188099999999999</c:v>
                </c:pt>
                <c:pt idx="6751">
                  <c:v>38.058100000000003</c:v>
                </c:pt>
                <c:pt idx="6752">
                  <c:v>41.874299999999998</c:v>
                </c:pt>
                <c:pt idx="6753">
                  <c:v>40.871499999999997</c:v>
                </c:pt>
                <c:pt idx="6754">
                  <c:v>20.322199999999999</c:v>
                </c:pt>
                <c:pt idx="6755">
                  <c:v>21.410900000000002</c:v>
                </c:pt>
                <c:pt idx="6756">
                  <c:v>19.643599999999999</c:v>
                </c:pt>
                <c:pt idx="6757">
                  <c:v>20.131399999999999</c:v>
                </c:pt>
                <c:pt idx="6758">
                  <c:v>20.537600000000001</c:v>
                </c:pt>
                <c:pt idx="6759">
                  <c:v>20.933599999999998</c:v>
                </c:pt>
                <c:pt idx="6760">
                  <c:v>18.745899999999999</c:v>
                </c:pt>
                <c:pt idx="6761">
                  <c:v>18.652000000000001</c:v>
                </c:pt>
                <c:pt idx="6762">
                  <c:v>18.764600000000002</c:v>
                </c:pt>
                <c:pt idx="6763">
                  <c:v>18.8599</c:v>
                </c:pt>
                <c:pt idx="6764">
                  <c:v>19.108499999999999</c:v>
                </c:pt>
                <c:pt idx="6765">
                  <c:v>21.540199999999999</c:v>
                </c:pt>
                <c:pt idx="6766">
                  <c:v>22.786100000000001</c:v>
                </c:pt>
                <c:pt idx="6767">
                  <c:v>22.901700000000002</c:v>
                </c:pt>
                <c:pt idx="6768">
                  <c:v>22.9786</c:v>
                </c:pt>
                <c:pt idx="6769">
                  <c:v>23.001799999999999</c:v>
                </c:pt>
                <c:pt idx="6770">
                  <c:v>22.958500000000001</c:v>
                </c:pt>
                <c:pt idx="6771">
                  <c:v>23.4129</c:v>
                </c:pt>
                <c:pt idx="6772">
                  <c:v>23.518699999999999</c:v>
                </c:pt>
                <c:pt idx="6773">
                  <c:v>23.622299999999999</c:v>
                </c:pt>
                <c:pt idx="6774">
                  <c:v>23.678000000000001</c:v>
                </c:pt>
                <c:pt idx="6775">
                  <c:v>23.7349</c:v>
                </c:pt>
                <c:pt idx="6776">
                  <c:v>21.540199999999999</c:v>
                </c:pt>
                <c:pt idx="6777">
                  <c:v>22.786100000000001</c:v>
                </c:pt>
                <c:pt idx="6778">
                  <c:v>22.901700000000002</c:v>
                </c:pt>
                <c:pt idx="6779">
                  <c:v>22.9786</c:v>
                </c:pt>
                <c:pt idx="6780">
                  <c:v>23.001799999999999</c:v>
                </c:pt>
                <c:pt idx="6781">
                  <c:v>22.958500000000001</c:v>
                </c:pt>
                <c:pt idx="6782">
                  <c:v>23.4129</c:v>
                </c:pt>
                <c:pt idx="6783">
                  <c:v>23.518699999999999</c:v>
                </c:pt>
                <c:pt idx="6784">
                  <c:v>23.622299999999999</c:v>
                </c:pt>
                <c:pt idx="6785">
                  <c:v>23.678000000000001</c:v>
                </c:pt>
                <c:pt idx="6786">
                  <c:v>23.7349</c:v>
                </c:pt>
                <c:pt idx="6787">
                  <c:v>21.540199999999999</c:v>
                </c:pt>
                <c:pt idx="6788">
                  <c:v>22.786100000000001</c:v>
                </c:pt>
                <c:pt idx="6789">
                  <c:v>22.901700000000002</c:v>
                </c:pt>
                <c:pt idx="6790">
                  <c:v>22.9786</c:v>
                </c:pt>
                <c:pt idx="6791">
                  <c:v>23.001799999999999</c:v>
                </c:pt>
                <c:pt idx="6792">
                  <c:v>22.958500000000001</c:v>
                </c:pt>
                <c:pt idx="6793">
                  <c:v>23.4129</c:v>
                </c:pt>
                <c:pt idx="6794">
                  <c:v>23.518699999999999</c:v>
                </c:pt>
                <c:pt idx="6795">
                  <c:v>23.622299999999999</c:v>
                </c:pt>
                <c:pt idx="6796">
                  <c:v>23.678000000000001</c:v>
                </c:pt>
                <c:pt idx="6797">
                  <c:v>23.7349</c:v>
                </c:pt>
                <c:pt idx="6798">
                  <c:v>21.540199999999999</c:v>
                </c:pt>
                <c:pt idx="6799">
                  <c:v>22.786100000000001</c:v>
                </c:pt>
                <c:pt idx="6800">
                  <c:v>22.901700000000002</c:v>
                </c:pt>
                <c:pt idx="6801">
                  <c:v>22.9786</c:v>
                </c:pt>
                <c:pt idx="6802">
                  <c:v>23.001799999999999</c:v>
                </c:pt>
                <c:pt idx="6803">
                  <c:v>22.958500000000001</c:v>
                </c:pt>
                <c:pt idx="6804">
                  <c:v>23.4129</c:v>
                </c:pt>
                <c:pt idx="6805">
                  <c:v>23.518699999999999</c:v>
                </c:pt>
                <c:pt idx="6806">
                  <c:v>23.622299999999999</c:v>
                </c:pt>
                <c:pt idx="6807">
                  <c:v>23.678000000000001</c:v>
                </c:pt>
                <c:pt idx="6808">
                  <c:v>23.7349</c:v>
                </c:pt>
                <c:pt idx="6809">
                  <c:v>21.540199999999999</c:v>
                </c:pt>
                <c:pt idx="6810">
                  <c:v>22.786100000000001</c:v>
                </c:pt>
                <c:pt idx="6811">
                  <c:v>22.901700000000002</c:v>
                </c:pt>
                <c:pt idx="6812">
                  <c:v>22.9786</c:v>
                </c:pt>
                <c:pt idx="6813">
                  <c:v>23.001799999999999</c:v>
                </c:pt>
                <c:pt idx="6814">
                  <c:v>22.958500000000001</c:v>
                </c:pt>
                <c:pt idx="6815">
                  <c:v>23.4129</c:v>
                </c:pt>
                <c:pt idx="6816">
                  <c:v>23.518699999999999</c:v>
                </c:pt>
                <c:pt idx="6817">
                  <c:v>23.622299999999999</c:v>
                </c:pt>
                <c:pt idx="6818">
                  <c:v>23.678000000000001</c:v>
                </c:pt>
                <c:pt idx="6819">
                  <c:v>23.7349</c:v>
                </c:pt>
                <c:pt idx="6820">
                  <c:v>21.540199999999999</c:v>
                </c:pt>
                <c:pt idx="6821">
                  <c:v>22.786100000000001</c:v>
                </c:pt>
                <c:pt idx="6822">
                  <c:v>22.901700000000002</c:v>
                </c:pt>
                <c:pt idx="6823">
                  <c:v>22.9786</c:v>
                </c:pt>
                <c:pt idx="6824">
                  <c:v>23.001799999999999</c:v>
                </c:pt>
                <c:pt idx="6825">
                  <c:v>22.958500000000001</c:v>
                </c:pt>
                <c:pt idx="6826">
                  <c:v>23.4129</c:v>
                </c:pt>
                <c:pt idx="6827">
                  <c:v>23.518699999999999</c:v>
                </c:pt>
                <c:pt idx="6828">
                  <c:v>23.622299999999999</c:v>
                </c:pt>
                <c:pt idx="6829">
                  <c:v>23.678000000000001</c:v>
                </c:pt>
                <c:pt idx="6830">
                  <c:v>23.7349</c:v>
                </c:pt>
                <c:pt idx="6831">
                  <c:v>21.540199999999999</c:v>
                </c:pt>
                <c:pt idx="6832">
                  <c:v>22.786100000000001</c:v>
                </c:pt>
                <c:pt idx="6833">
                  <c:v>22.901700000000002</c:v>
                </c:pt>
                <c:pt idx="6834">
                  <c:v>22.9786</c:v>
                </c:pt>
                <c:pt idx="6835">
                  <c:v>23.001799999999999</c:v>
                </c:pt>
                <c:pt idx="6836">
                  <c:v>22.958500000000001</c:v>
                </c:pt>
                <c:pt idx="6837">
                  <c:v>23.4129</c:v>
                </c:pt>
                <c:pt idx="6838">
                  <c:v>23.518699999999999</c:v>
                </c:pt>
                <c:pt idx="6839">
                  <c:v>23.622299999999999</c:v>
                </c:pt>
                <c:pt idx="6840">
                  <c:v>23.678000000000001</c:v>
                </c:pt>
                <c:pt idx="6841">
                  <c:v>23.7349</c:v>
                </c:pt>
                <c:pt idx="6842">
                  <c:v>21.540199999999999</c:v>
                </c:pt>
                <c:pt idx="6843">
                  <c:v>22.786100000000001</c:v>
                </c:pt>
                <c:pt idx="6844">
                  <c:v>22.901700000000002</c:v>
                </c:pt>
                <c:pt idx="6845">
                  <c:v>22.9786</c:v>
                </c:pt>
                <c:pt idx="6846">
                  <c:v>23.001799999999999</c:v>
                </c:pt>
                <c:pt idx="6847">
                  <c:v>22.958500000000001</c:v>
                </c:pt>
                <c:pt idx="6848">
                  <c:v>23.4129</c:v>
                </c:pt>
                <c:pt idx="6849">
                  <c:v>23.518699999999999</c:v>
                </c:pt>
                <c:pt idx="6850">
                  <c:v>23.622299999999999</c:v>
                </c:pt>
                <c:pt idx="6851">
                  <c:v>23.678000000000001</c:v>
                </c:pt>
                <c:pt idx="6852">
                  <c:v>23.7349</c:v>
                </c:pt>
                <c:pt idx="6853">
                  <c:v>21.540199999999999</c:v>
                </c:pt>
                <c:pt idx="6854">
                  <c:v>22.786100000000001</c:v>
                </c:pt>
                <c:pt idx="6855">
                  <c:v>22.901700000000002</c:v>
                </c:pt>
                <c:pt idx="6856">
                  <c:v>22.9786</c:v>
                </c:pt>
                <c:pt idx="6857">
                  <c:v>23.001799999999999</c:v>
                </c:pt>
                <c:pt idx="6858">
                  <c:v>22.958500000000001</c:v>
                </c:pt>
                <c:pt idx="6859">
                  <c:v>23.4129</c:v>
                </c:pt>
                <c:pt idx="6860">
                  <c:v>23.518699999999999</c:v>
                </c:pt>
                <c:pt idx="6861">
                  <c:v>23.622299999999999</c:v>
                </c:pt>
                <c:pt idx="6862">
                  <c:v>23.678000000000001</c:v>
                </c:pt>
                <c:pt idx="6863">
                  <c:v>23.7349</c:v>
                </c:pt>
                <c:pt idx="6864">
                  <c:v>44.874200000000002</c:v>
                </c:pt>
                <c:pt idx="6865">
                  <c:v>55.431100000000001</c:v>
                </c:pt>
                <c:pt idx="6866">
                  <c:v>62.431699999999999</c:v>
                </c:pt>
                <c:pt idx="6867">
                  <c:v>69.602599999999995</c:v>
                </c:pt>
                <c:pt idx="6868">
                  <c:v>77.256</c:v>
                </c:pt>
                <c:pt idx="6869">
                  <c:v>86.096100000000007</c:v>
                </c:pt>
                <c:pt idx="6870">
                  <c:v>90.547600000000003</c:v>
                </c:pt>
                <c:pt idx="6871">
                  <c:v>93.584699999999998</c:v>
                </c:pt>
                <c:pt idx="6872">
                  <c:v>97.739800000000002</c:v>
                </c:pt>
                <c:pt idx="6873">
                  <c:v>98.248900000000006</c:v>
                </c:pt>
                <c:pt idx="6874">
                  <c:v>103.331</c:v>
                </c:pt>
                <c:pt idx="6875">
                  <c:v>17.0105</c:v>
                </c:pt>
                <c:pt idx="6876">
                  <c:v>17.636600000000001</c:v>
                </c:pt>
                <c:pt idx="6877">
                  <c:v>19.064499999999999</c:v>
                </c:pt>
                <c:pt idx="6878">
                  <c:v>20.650600000000001</c:v>
                </c:pt>
                <c:pt idx="6879">
                  <c:v>23.1798</c:v>
                </c:pt>
                <c:pt idx="6880">
                  <c:v>23.852900000000002</c:v>
                </c:pt>
                <c:pt idx="6881">
                  <c:v>30.82</c:v>
                </c:pt>
                <c:pt idx="6882">
                  <c:v>32.692</c:v>
                </c:pt>
                <c:pt idx="6883">
                  <c:v>37.363599999999998</c:v>
                </c:pt>
                <c:pt idx="6884">
                  <c:v>38.759099999999997</c:v>
                </c:pt>
                <c:pt idx="6885">
                  <c:v>39.647399999999998</c:v>
                </c:pt>
                <c:pt idx="6886">
                  <c:v>20.322199999999999</c:v>
                </c:pt>
                <c:pt idx="6887">
                  <c:v>21.410900000000002</c:v>
                </c:pt>
                <c:pt idx="6888">
                  <c:v>19.643599999999999</c:v>
                </c:pt>
                <c:pt idx="6889">
                  <c:v>20.131399999999999</c:v>
                </c:pt>
                <c:pt idx="6890">
                  <c:v>20.537600000000001</c:v>
                </c:pt>
                <c:pt idx="6891">
                  <c:v>20.933599999999998</c:v>
                </c:pt>
                <c:pt idx="6892">
                  <c:v>18.745899999999999</c:v>
                </c:pt>
                <c:pt idx="6893">
                  <c:v>18.652000000000001</c:v>
                </c:pt>
                <c:pt idx="6894">
                  <c:v>18.764600000000002</c:v>
                </c:pt>
                <c:pt idx="6895">
                  <c:v>18.8599</c:v>
                </c:pt>
                <c:pt idx="6896">
                  <c:v>19.108499999999999</c:v>
                </c:pt>
                <c:pt idx="6897">
                  <c:v>21.540199999999999</c:v>
                </c:pt>
                <c:pt idx="6898">
                  <c:v>22.786100000000001</c:v>
                </c:pt>
                <c:pt idx="6899">
                  <c:v>22.901700000000002</c:v>
                </c:pt>
                <c:pt idx="6900">
                  <c:v>22.9786</c:v>
                </c:pt>
                <c:pt idx="6901">
                  <c:v>23.001799999999999</c:v>
                </c:pt>
                <c:pt idx="6902">
                  <c:v>22.958500000000001</c:v>
                </c:pt>
                <c:pt idx="6903">
                  <c:v>23.4129</c:v>
                </c:pt>
                <c:pt idx="6904">
                  <c:v>23.518699999999999</c:v>
                </c:pt>
                <c:pt idx="6905">
                  <c:v>23.622299999999999</c:v>
                </c:pt>
                <c:pt idx="6906">
                  <c:v>23.678000000000001</c:v>
                </c:pt>
                <c:pt idx="6907">
                  <c:v>23.7349</c:v>
                </c:pt>
                <c:pt idx="6908">
                  <c:v>21.540199999999999</c:v>
                </c:pt>
                <c:pt idx="6909">
                  <c:v>22.786100000000001</c:v>
                </c:pt>
                <c:pt idx="6910">
                  <c:v>22.901700000000002</c:v>
                </c:pt>
                <c:pt idx="6911">
                  <c:v>22.9786</c:v>
                </c:pt>
                <c:pt idx="6912">
                  <c:v>23.001799999999999</c:v>
                </c:pt>
                <c:pt idx="6913">
                  <c:v>22.958500000000001</c:v>
                </c:pt>
                <c:pt idx="6914">
                  <c:v>23.4129</c:v>
                </c:pt>
                <c:pt idx="6915">
                  <c:v>23.518699999999999</c:v>
                </c:pt>
                <c:pt idx="6916">
                  <c:v>23.622299999999999</c:v>
                </c:pt>
                <c:pt idx="6917">
                  <c:v>23.678000000000001</c:v>
                </c:pt>
                <c:pt idx="6918">
                  <c:v>23.7349</c:v>
                </c:pt>
                <c:pt idx="6919">
                  <c:v>21.540199999999999</c:v>
                </c:pt>
                <c:pt idx="6920">
                  <c:v>22.786100000000001</c:v>
                </c:pt>
                <c:pt idx="6921">
                  <c:v>22.901700000000002</c:v>
                </c:pt>
                <c:pt idx="6922">
                  <c:v>22.9786</c:v>
                </c:pt>
                <c:pt idx="6923">
                  <c:v>23.001799999999999</c:v>
                </c:pt>
                <c:pt idx="6924">
                  <c:v>22.958500000000001</c:v>
                </c:pt>
                <c:pt idx="6925">
                  <c:v>23.4129</c:v>
                </c:pt>
                <c:pt idx="6926">
                  <c:v>23.518699999999999</c:v>
                </c:pt>
                <c:pt idx="6927">
                  <c:v>23.622299999999999</c:v>
                </c:pt>
                <c:pt idx="6928">
                  <c:v>23.678000000000001</c:v>
                </c:pt>
                <c:pt idx="6929">
                  <c:v>23.7349</c:v>
                </c:pt>
                <c:pt idx="6930">
                  <c:v>21.540199999999999</c:v>
                </c:pt>
                <c:pt idx="6931">
                  <c:v>22.786100000000001</c:v>
                </c:pt>
                <c:pt idx="6932">
                  <c:v>22.901700000000002</c:v>
                </c:pt>
                <c:pt idx="6933">
                  <c:v>22.9786</c:v>
                </c:pt>
                <c:pt idx="6934">
                  <c:v>23.001799999999999</c:v>
                </c:pt>
                <c:pt idx="6935">
                  <c:v>22.958500000000001</c:v>
                </c:pt>
                <c:pt idx="6936">
                  <c:v>23.4129</c:v>
                </c:pt>
                <c:pt idx="6937">
                  <c:v>23.518699999999999</c:v>
                </c:pt>
                <c:pt idx="6938">
                  <c:v>23.622299999999999</c:v>
                </c:pt>
                <c:pt idx="6939">
                  <c:v>23.678000000000001</c:v>
                </c:pt>
                <c:pt idx="6940">
                  <c:v>23.7349</c:v>
                </c:pt>
                <c:pt idx="6941">
                  <c:v>21.540199999999999</c:v>
                </c:pt>
                <c:pt idx="6942">
                  <c:v>22.786100000000001</c:v>
                </c:pt>
                <c:pt idx="6943">
                  <c:v>22.901700000000002</c:v>
                </c:pt>
                <c:pt idx="6944">
                  <c:v>22.9786</c:v>
                </c:pt>
                <c:pt idx="6945">
                  <c:v>23.001799999999999</c:v>
                </c:pt>
                <c:pt idx="6946">
                  <c:v>22.958500000000001</c:v>
                </c:pt>
                <c:pt idx="6947">
                  <c:v>23.4129</c:v>
                </c:pt>
                <c:pt idx="6948">
                  <c:v>23.518699999999999</c:v>
                </c:pt>
                <c:pt idx="6949">
                  <c:v>23.622299999999999</c:v>
                </c:pt>
                <c:pt idx="6950">
                  <c:v>23.678000000000001</c:v>
                </c:pt>
                <c:pt idx="6951">
                  <c:v>23.7349</c:v>
                </c:pt>
                <c:pt idx="6952">
                  <c:v>21.540199999999999</c:v>
                </c:pt>
                <c:pt idx="6953">
                  <c:v>22.786100000000001</c:v>
                </c:pt>
                <c:pt idx="6954">
                  <c:v>22.901700000000002</c:v>
                </c:pt>
                <c:pt idx="6955">
                  <c:v>22.9786</c:v>
                </c:pt>
                <c:pt idx="6956">
                  <c:v>23.001799999999999</c:v>
                </c:pt>
                <c:pt idx="6957">
                  <c:v>22.958500000000001</c:v>
                </c:pt>
                <c:pt idx="6958">
                  <c:v>23.4129</c:v>
                </c:pt>
                <c:pt idx="6959">
                  <c:v>23.518699999999999</c:v>
                </c:pt>
                <c:pt idx="6960">
                  <c:v>23.622299999999999</c:v>
                </c:pt>
                <c:pt idx="6961">
                  <c:v>23.678000000000001</c:v>
                </c:pt>
                <c:pt idx="6962">
                  <c:v>23.7349</c:v>
                </c:pt>
                <c:pt idx="6963">
                  <c:v>21.540199999999999</c:v>
                </c:pt>
                <c:pt idx="6964">
                  <c:v>22.786100000000001</c:v>
                </c:pt>
                <c:pt idx="6965">
                  <c:v>22.901700000000002</c:v>
                </c:pt>
                <c:pt idx="6966">
                  <c:v>22.9786</c:v>
                </c:pt>
                <c:pt idx="6967">
                  <c:v>23.001799999999999</c:v>
                </c:pt>
                <c:pt idx="6968">
                  <c:v>22.958500000000001</c:v>
                </c:pt>
                <c:pt idx="6969">
                  <c:v>23.4129</c:v>
                </c:pt>
                <c:pt idx="6970">
                  <c:v>23.518699999999999</c:v>
                </c:pt>
                <c:pt idx="6971">
                  <c:v>23.622299999999999</c:v>
                </c:pt>
                <c:pt idx="6972">
                  <c:v>23.678000000000001</c:v>
                </c:pt>
                <c:pt idx="6973">
                  <c:v>23.7349</c:v>
                </c:pt>
                <c:pt idx="6974">
                  <c:v>21.540199999999999</c:v>
                </c:pt>
                <c:pt idx="6975">
                  <c:v>22.786100000000001</c:v>
                </c:pt>
                <c:pt idx="6976">
                  <c:v>22.901700000000002</c:v>
                </c:pt>
                <c:pt idx="6977">
                  <c:v>22.9786</c:v>
                </c:pt>
                <c:pt idx="6978">
                  <c:v>23.001799999999999</c:v>
                </c:pt>
                <c:pt idx="6979">
                  <c:v>22.958500000000001</c:v>
                </c:pt>
                <c:pt idx="6980">
                  <c:v>23.4129</c:v>
                </c:pt>
                <c:pt idx="6981">
                  <c:v>23.518699999999999</c:v>
                </c:pt>
                <c:pt idx="6982">
                  <c:v>23.622299999999999</c:v>
                </c:pt>
                <c:pt idx="6983">
                  <c:v>23.678000000000001</c:v>
                </c:pt>
                <c:pt idx="6984">
                  <c:v>23.7349</c:v>
                </c:pt>
                <c:pt idx="6985">
                  <c:v>21.540199999999999</c:v>
                </c:pt>
                <c:pt idx="6986">
                  <c:v>22.786100000000001</c:v>
                </c:pt>
                <c:pt idx="6987">
                  <c:v>22.901700000000002</c:v>
                </c:pt>
                <c:pt idx="6988">
                  <c:v>22.9786</c:v>
                </c:pt>
                <c:pt idx="6989">
                  <c:v>23.001799999999999</c:v>
                </c:pt>
                <c:pt idx="6990">
                  <c:v>22.958500000000001</c:v>
                </c:pt>
                <c:pt idx="6991">
                  <c:v>23.4129</c:v>
                </c:pt>
                <c:pt idx="6992">
                  <c:v>23.518699999999999</c:v>
                </c:pt>
                <c:pt idx="6993">
                  <c:v>23.622299999999999</c:v>
                </c:pt>
                <c:pt idx="6994">
                  <c:v>23.678000000000001</c:v>
                </c:pt>
                <c:pt idx="6995">
                  <c:v>23.7349</c:v>
                </c:pt>
                <c:pt idx="6996">
                  <c:v>44.874200000000002</c:v>
                </c:pt>
                <c:pt idx="6997">
                  <c:v>55.431100000000001</c:v>
                </c:pt>
                <c:pt idx="6998">
                  <c:v>62.431699999999999</c:v>
                </c:pt>
                <c:pt idx="6999">
                  <c:v>69.602599999999995</c:v>
                </c:pt>
                <c:pt idx="7000">
                  <c:v>75.814800000000005</c:v>
                </c:pt>
                <c:pt idx="7001">
                  <c:v>83.060100000000006</c:v>
                </c:pt>
                <c:pt idx="7002">
                  <c:v>88.089200000000005</c:v>
                </c:pt>
                <c:pt idx="7003">
                  <c:v>90.127600000000001</c:v>
                </c:pt>
                <c:pt idx="7004">
                  <c:v>96.6999</c:v>
                </c:pt>
                <c:pt idx="7005">
                  <c:v>99.867599999999996</c:v>
                </c:pt>
                <c:pt idx="7006">
                  <c:v>103.88</c:v>
                </c:pt>
                <c:pt idx="7007">
                  <c:v>17.0105</c:v>
                </c:pt>
                <c:pt idx="7008">
                  <c:v>17.636600000000001</c:v>
                </c:pt>
                <c:pt idx="7009">
                  <c:v>19.064499999999999</c:v>
                </c:pt>
                <c:pt idx="7010">
                  <c:v>20.650600000000001</c:v>
                </c:pt>
                <c:pt idx="7011">
                  <c:v>23.1798</c:v>
                </c:pt>
                <c:pt idx="7012">
                  <c:v>23.053799999999999</c:v>
                </c:pt>
                <c:pt idx="7013">
                  <c:v>28.723600000000001</c:v>
                </c:pt>
                <c:pt idx="7014">
                  <c:v>30.470300000000002</c:v>
                </c:pt>
                <c:pt idx="7015">
                  <c:v>33.560299999999998</c:v>
                </c:pt>
                <c:pt idx="7016">
                  <c:v>38.320700000000002</c:v>
                </c:pt>
                <c:pt idx="7017">
                  <c:v>38.020899999999997</c:v>
                </c:pt>
                <c:pt idx="7018">
                  <c:v>20.322199999999999</c:v>
                </c:pt>
                <c:pt idx="7019">
                  <c:v>21.410900000000002</c:v>
                </c:pt>
                <c:pt idx="7020">
                  <c:v>19.643599999999999</c:v>
                </c:pt>
                <c:pt idx="7021">
                  <c:v>20.131399999999999</c:v>
                </c:pt>
                <c:pt idx="7022">
                  <c:v>20.537600000000001</c:v>
                </c:pt>
                <c:pt idx="7023">
                  <c:v>20.933599999999998</c:v>
                </c:pt>
                <c:pt idx="7024">
                  <c:v>18.745899999999999</c:v>
                </c:pt>
                <c:pt idx="7025">
                  <c:v>18.652000000000001</c:v>
                </c:pt>
                <c:pt idx="7026">
                  <c:v>18.764600000000002</c:v>
                </c:pt>
                <c:pt idx="7027">
                  <c:v>18.8599</c:v>
                </c:pt>
                <c:pt idx="7028">
                  <c:v>19.108499999999999</c:v>
                </c:pt>
                <c:pt idx="7029">
                  <c:v>21.540199999999999</c:v>
                </c:pt>
                <c:pt idx="7030">
                  <c:v>22.786100000000001</c:v>
                </c:pt>
                <c:pt idx="7031">
                  <c:v>22.901700000000002</c:v>
                </c:pt>
                <c:pt idx="7032">
                  <c:v>22.9786</c:v>
                </c:pt>
                <c:pt idx="7033">
                  <c:v>23.001799999999999</c:v>
                </c:pt>
                <c:pt idx="7034">
                  <c:v>22.958500000000001</c:v>
                </c:pt>
                <c:pt idx="7035">
                  <c:v>23.4129</c:v>
                </c:pt>
                <c:pt idx="7036">
                  <c:v>23.518699999999999</c:v>
                </c:pt>
                <c:pt idx="7037">
                  <c:v>23.622299999999999</c:v>
                </c:pt>
                <c:pt idx="7038">
                  <c:v>23.678000000000001</c:v>
                </c:pt>
                <c:pt idx="7039">
                  <c:v>23.7349</c:v>
                </c:pt>
                <c:pt idx="7040">
                  <c:v>21.540199999999999</c:v>
                </c:pt>
                <c:pt idx="7041">
                  <c:v>22.786100000000001</c:v>
                </c:pt>
                <c:pt idx="7042">
                  <c:v>22.901700000000002</c:v>
                </c:pt>
                <c:pt idx="7043">
                  <c:v>22.9786</c:v>
                </c:pt>
                <c:pt idx="7044">
                  <c:v>23.001799999999999</c:v>
                </c:pt>
                <c:pt idx="7045">
                  <c:v>22.958500000000001</c:v>
                </c:pt>
                <c:pt idx="7046">
                  <c:v>23.4129</c:v>
                </c:pt>
                <c:pt idx="7047">
                  <c:v>23.518699999999999</c:v>
                </c:pt>
                <c:pt idx="7048">
                  <c:v>23.622299999999999</c:v>
                </c:pt>
                <c:pt idx="7049">
                  <c:v>23.678000000000001</c:v>
                </c:pt>
                <c:pt idx="7050">
                  <c:v>23.7349</c:v>
                </c:pt>
                <c:pt idx="7051">
                  <c:v>21.540199999999999</c:v>
                </c:pt>
                <c:pt idx="7052">
                  <c:v>22.786100000000001</c:v>
                </c:pt>
                <c:pt idx="7053">
                  <c:v>22.901700000000002</c:v>
                </c:pt>
                <c:pt idx="7054">
                  <c:v>22.9786</c:v>
                </c:pt>
                <c:pt idx="7055">
                  <c:v>23.001799999999999</c:v>
                </c:pt>
                <c:pt idx="7056">
                  <c:v>22.958500000000001</c:v>
                </c:pt>
                <c:pt idx="7057">
                  <c:v>23.4129</c:v>
                </c:pt>
                <c:pt idx="7058">
                  <c:v>23.518699999999999</c:v>
                </c:pt>
                <c:pt idx="7059">
                  <c:v>23.622299999999999</c:v>
                </c:pt>
                <c:pt idx="7060">
                  <c:v>23.678000000000001</c:v>
                </c:pt>
                <c:pt idx="7061">
                  <c:v>23.7349</c:v>
                </c:pt>
                <c:pt idx="7062">
                  <c:v>21.540199999999999</c:v>
                </c:pt>
                <c:pt idx="7063">
                  <c:v>22.786100000000001</c:v>
                </c:pt>
                <c:pt idx="7064">
                  <c:v>22.901700000000002</c:v>
                </c:pt>
                <c:pt idx="7065">
                  <c:v>22.9786</c:v>
                </c:pt>
                <c:pt idx="7066">
                  <c:v>23.001799999999999</c:v>
                </c:pt>
                <c:pt idx="7067">
                  <c:v>22.958500000000001</c:v>
                </c:pt>
                <c:pt idx="7068">
                  <c:v>23.4129</c:v>
                </c:pt>
                <c:pt idx="7069">
                  <c:v>23.518699999999999</c:v>
                </c:pt>
                <c:pt idx="7070">
                  <c:v>23.622299999999999</c:v>
                </c:pt>
                <c:pt idx="7071">
                  <c:v>23.678000000000001</c:v>
                </c:pt>
                <c:pt idx="7072">
                  <c:v>23.7349</c:v>
                </c:pt>
                <c:pt idx="7073">
                  <c:v>21.540199999999999</c:v>
                </c:pt>
                <c:pt idx="7074">
                  <c:v>22.786100000000001</c:v>
                </c:pt>
                <c:pt idx="7075">
                  <c:v>22.901700000000002</c:v>
                </c:pt>
                <c:pt idx="7076">
                  <c:v>22.9786</c:v>
                </c:pt>
                <c:pt idx="7077">
                  <c:v>23.001799999999999</c:v>
                </c:pt>
                <c:pt idx="7078">
                  <c:v>22.958500000000001</c:v>
                </c:pt>
                <c:pt idx="7079">
                  <c:v>23.4129</c:v>
                </c:pt>
                <c:pt idx="7080">
                  <c:v>23.518699999999999</c:v>
                </c:pt>
                <c:pt idx="7081">
                  <c:v>23.622299999999999</c:v>
                </c:pt>
                <c:pt idx="7082">
                  <c:v>23.678000000000001</c:v>
                </c:pt>
                <c:pt idx="7083">
                  <c:v>23.7349</c:v>
                </c:pt>
                <c:pt idx="7084">
                  <c:v>21.540199999999999</c:v>
                </c:pt>
                <c:pt idx="7085">
                  <c:v>22.786100000000001</c:v>
                </c:pt>
                <c:pt idx="7086">
                  <c:v>22.901700000000002</c:v>
                </c:pt>
                <c:pt idx="7087">
                  <c:v>22.9786</c:v>
                </c:pt>
                <c:pt idx="7088">
                  <c:v>23.001799999999999</c:v>
                </c:pt>
                <c:pt idx="7089">
                  <c:v>22.958500000000001</c:v>
                </c:pt>
                <c:pt idx="7090">
                  <c:v>23.4129</c:v>
                </c:pt>
                <c:pt idx="7091">
                  <c:v>23.518699999999999</c:v>
                </c:pt>
                <c:pt idx="7092">
                  <c:v>23.622299999999999</c:v>
                </c:pt>
                <c:pt idx="7093">
                  <c:v>23.678000000000001</c:v>
                </c:pt>
                <c:pt idx="7094">
                  <c:v>23.7349</c:v>
                </c:pt>
                <c:pt idx="7095">
                  <c:v>21.540199999999999</c:v>
                </c:pt>
                <c:pt idx="7096">
                  <c:v>22.786100000000001</c:v>
                </c:pt>
                <c:pt idx="7097">
                  <c:v>22.901700000000002</c:v>
                </c:pt>
                <c:pt idx="7098">
                  <c:v>22.9786</c:v>
                </c:pt>
                <c:pt idx="7099">
                  <c:v>23.001799999999999</c:v>
                </c:pt>
                <c:pt idx="7100">
                  <c:v>22.958500000000001</c:v>
                </c:pt>
                <c:pt idx="7101">
                  <c:v>23.4129</c:v>
                </c:pt>
                <c:pt idx="7102">
                  <c:v>23.518699999999999</c:v>
                </c:pt>
                <c:pt idx="7103">
                  <c:v>23.622299999999999</c:v>
                </c:pt>
                <c:pt idx="7104">
                  <c:v>23.678000000000001</c:v>
                </c:pt>
                <c:pt idx="7105">
                  <c:v>23.7349</c:v>
                </c:pt>
                <c:pt idx="7106">
                  <c:v>21.540199999999999</c:v>
                </c:pt>
                <c:pt idx="7107">
                  <c:v>22.786100000000001</c:v>
                </c:pt>
                <c:pt idx="7108">
                  <c:v>22.901700000000002</c:v>
                </c:pt>
                <c:pt idx="7109">
                  <c:v>22.9786</c:v>
                </c:pt>
                <c:pt idx="7110">
                  <c:v>23.001799999999999</c:v>
                </c:pt>
                <c:pt idx="7111">
                  <c:v>22.958500000000001</c:v>
                </c:pt>
                <c:pt idx="7112">
                  <c:v>23.4129</c:v>
                </c:pt>
                <c:pt idx="7113">
                  <c:v>23.518699999999999</c:v>
                </c:pt>
                <c:pt idx="7114">
                  <c:v>23.622299999999999</c:v>
                </c:pt>
                <c:pt idx="7115">
                  <c:v>23.678000000000001</c:v>
                </c:pt>
                <c:pt idx="7116">
                  <c:v>23.7349</c:v>
                </c:pt>
                <c:pt idx="7117">
                  <c:v>21.540199999999999</c:v>
                </c:pt>
                <c:pt idx="7118">
                  <c:v>22.786100000000001</c:v>
                </c:pt>
                <c:pt idx="7119">
                  <c:v>22.901700000000002</c:v>
                </c:pt>
                <c:pt idx="7120">
                  <c:v>22.9786</c:v>
                </c:pt>
                <c:pt idx="7121">
                  <c:v>23.001799999999999</c:v>
                </c:pt>
                <c:pt idx="7122">
                  <c:v>22.958500000000001</c:v>
                </c:pt>
                <c:pt idx="7123">
                  <c:v>23.4129</c:v>
                </c:pt>
                <c:pt idx="7124">
                  <c:v>23.518699999999999</c:v>
                </c:pt>
                <c:pt idx="7125">
                  <c:v>23.622299999999999</c:v>
                </c:pt>
                <c:pt idx="7126">
                  <c:v>23.678000000000001</c:v>
                </c:pt>
                <c:pt idx="7127">
                  <c:v>23.7349</c:v>
                </c:pt>
                <c:pt idx="7128">
                  <c:v>44.874200000000002</c:v>
                </c:pt>
                <c:pt idx="7129">
                  <c:v>55.431100000000001</c:v>
                </c:pt>
                <c:pt idx="7130">
                  <c:v>62.431699999999999</c:v>
                </c:pt>
                <c:pt idx="7131">
                  <c:v>69.602599999999995</c:v>
                </c:pt>
                <c:pt idx="7132">
                  <c:v>75.814800000000005</c:v>
                </c:pt>
                <c:pt idx="7133">
                  <c:v>80.787300000000002</c:v>
                </c:pt>
                <c:pt idx="7134">
                  <c:v>84.800799999999995</c:v>
                </c:pt>
                <c:pt idx="7135">
                  <c:v>87.421700000000001</c:v>
                </c:pt>
                <c:pt idx="7136">
                  <c:v>94.471699999999998</c:v>
                </c:pt>
                <c:pt idx="7137">
                  <c:v>98.428299999999993</c:v>
                </c:pt>
                <c:pt idx="7138">
                  <c:v>99.4178</c:v>
                </c:pt>
                <c:pt idx="7139">
                  <c:v>17.0105</c:v>
                </c:pt>
                <c:pt idx="7140">
                  <c:v>17.636600000000001</c:v>
                </c:pt>
                <c:pt idx="7141">
                  <c:v>19.064499999999999</c:v>
                </c:pt>
                <c:pt idx="7142">
                  <c:v>20.650600000000001</c:v>
                </c:pt>
                <c:pt idx="7143">
                  <c:v>23.1798</c:v>
                </c:pt>
                <c:pt idx="7144">
                  <c:v>23.053799999999999</c:v>
                </c:pt>
                <c:pt idx="7145">
                  <c:v>26.015000000000001</c:v>
                </c:pt>
                <c:pt idx="7146">
                  <c:v>27.7713</c:v>
                </c:pt>
                <c:pt idx="7147">
                  <c:v>30.920500000000001</c:v>
                </c:pt>
                <c:pt idx="7148">
                  <c:v>34.091099999999997</c:v>
                </c:pt>
                <c:pt idx="7149">
                  <c:v>35.945900000000002</c:v>
                </c:pt>
                <c:pt idx="7150">
                  <c:v>20.322199999999999</c:v>
                </c:pt>
                <c:pt idx="7151">
                  <c:v>21.410900000000002</c:v>
                </c:pt>
                <c:pt idx="7152">
                  <c:v>19.643599999999999</c:v>
                </c:pt>
                <c:pt idx="7153">
                  <c:v>20.131399999999999</c:v>
                </c:pt>
                <c:pt idx="7154">
                  <c:v>20.537600000000001</c:v>
                </c:pt>
                <c:pt idx="7155">
                  <c:v>20.933599999999998</c:v>
                </c:pt>
                <c:pt idx="7156">
                  <c:v>18.745899999999999</c:v>
                </c:pt>
                <c:pt idx="7157">
                  <c:v>18.652000000000001</c:v>
                </c:pt>
                <c:pt idx="7158">
                  <c:v>18.764600000000002</c:v>
                </c:pt>
                <c:pt idx="7159">
                  <c:v>18.8599</c:v>
                </c:pt>
                <c:pt idx="7160">
                  <c:v>19.108499999999999</c:v>
                </c:pt>
                <c:pt idx="7161">
                  <c:v>21.540199999999999</c:v>
                </c:pt>
                <c:pt idx="7162">
                  <c:v>22.786100000000001</c:v>
                </c:pt>
                <c:pt idx="7163">
                  <c:v>22.901700000000002</c:v>
                </c:pt>
                <c:pt idx="7164">
                  <c:v>22.9786</c:v>
                </c:pt>
                <c:pt idx="7165">
                  <c:v>23.001799999999999</c:v>
                </c:pt>
                <c:pt idx="7166">
                  <c:v>22.958500000000001</c:v>
                </c:pt>
                <c:pt idx="7167">
                  <c:v>23.4129</c:v>
                </c:pt>
                <c:pt idx="7168">
                  <c:v>23.518699999999999</c:v>
                </c:pt>
                <c:pt idx="7169">
                  <c:v>23.622299999999999</c:v>
                </c:pt>
                <c:pt idx="7170">
                  <c:v>23.678000000000001</c:v>
                </c:pt>
                <c:pt idx="7171">
                  <c:v>23.7349</c:v>
                </c:pt>
                <c:pt idx="7172">
                  <c:v>21.540199999999999</c:v>
                </c:pt>
                <c:pt idx="7173">
                  <c:v>22.786100000000001</c:v>
                </c:pt>
                <c:pt idx="7174">
                  <c:v>22.901700000000002</c:v>
                </c:pt>
                <c:pt idx="7175">
                  <c:v>22.9786</c:v>
                </c:pt>
                <c:pt idx="7176">
                  <c:v>23.001799999999999</c:v>
                </c:pt>
                <c:pt idx="7177">
                  <c:v>22.958500000000001</c:v>
                </c:pt>
                <c:pt idx="7178">
                  <c:v>23.4129</c:v>
                </c:pt>
                <c:pt idx="7179">
                  <c:v>23.518699999999999</c:v>
                </c:pt>
                <c:pt idx="7180">
                  <c:v>23.622299999999999</c:v>
                </c:pt>
                <c:pt idx="7181">
                  <c:v>23.678000000000001</c:v>
                </c:pt>
                <c:pt idx="7182">
                  <c:v>23.7349</c:v>
                </c:pt>
                <c:pt idx="7183">
                  <c:v>21.540199999999999</c:v>
                </c:pt>
                <c:pt idx="7184">
                  <c:v>22.786100000000001</c:v>
                </c:pt>
                <c:pt idx="7185">
                  <c:v>22.901700000000002</c:v>
                </c:pt>
                <c:pt idx="7186">
                  <c:v>22.9786</c:v>
                </c:pt>
                <c:pt idx="7187">
                  <c:v>23.001799999999999</c:v>
                </c:pt>
                <c:pt idx="7188">
                  <c:v>22.958500000000001</c:v>
                </c:pt>
                <c:pt idx="7189">
                  <c:v>23.4129</c:v>
                </c:pt>
                <c:pt idx="7190">
                  <c:v>23.518699999999999</c:v>
                </c:pt>
                <c:pt idx="7191">
                  <c:v>23.622299999999999</c:v>
                </c:pt>
                <c:pt idx="7192">
                  <c:v>23.678000000000001</c:v>
                </c:pt>
                <c:pt idx="7193">
                  <c:v>23.7349</c:v>
                </c:pt>
                <c:pt idx="7194">
                  <c:v>21.540199999999999</c:v>
                </c:pt>
                <c:pt idx="7195">
                  <c:v>22.786100000000001</c:v>
                </c:pt>
                <c:pt idx="7196">
                  <c:v>22.901700000000002</c:v>
                </c:pt>
                <c:pt idx="7197">
                  <c:v>22.9786</c:v>
                </c:pt>
                <c:pt idx="7198">
                  <c:v>23.001799999999999</c:v>
                </c:pt>
                <c:pt idx="7199">
                  <c:v>22.958500000000001</c:v>
                </c:pt>
                <c:pt idx="7200">
                  <c:v>23.4129</c:v>
                </c:pt>
                <c:pt idx="7201">
                  <c:v>23.518699999999999</c:v>
                </c:pt>
                <c:pt idx="7202">
                  <c:v>23.622299999999999</c:v>
                </c:pt>
                <c:pt idx="7203">
                  <c:v>23.678000000000001</c:v>
                </c:pt>
                <c:pt idx="7204">
                  <c:v>23.7349</c:v>
                </c:pt>
                <c:pt idx="7205">
                  <c:v>21.540199999999999</c:v>
                </c:pt>
                <c:pt idx="7206">
                  <c:v>22.786100000000001</c:v>
                </c:pt>
                <c:pt idx="7207">
                  <c:v>22.901700000000002</c:v>
                </c:pt>
                <c:pt idx="7208">
                  <c:v>22.9786</c:v>
                </c:pt>
                <c:pt idx="7209">
                  <c:v>23.001799999999999</c:v>
                </c:pt>
                <c:pt idx="7210">
                  <c:v>22.958500000000001</c:v>
                </c:pt>
                <c:pt idx="7211">
                  <c:v>23.4129</c:v>
                </c:pt>
                <c:pt idx="7212">
                  <c:v>23.518699999999999</c:v>
                </c:pt>
                <c:pt idx="7213">
                  <c:v>23.622299999999999</c:v>
                </c:pt>
                <c:pt idx="7214">
                  <c:v>23.678000000000001</c:v>
                </c:pt>
                <c:pt idx="7215">
                  <c:v>23.7349</c:v>
                </c:pt>
                <c:pt idx="7216">
                  <c:v>21.540199999999999</c:v>
                </c:pt>
                <c:pt idx="7217">
                  <c:v>22.786100000000001</c:v>
                </c:pt>
                <c:pt idx="7218">
                  <c:v>22.901700000000002</c:v>
                </c:pt>
                <c:pt idx="7219">
                  <c:v>22.9786</c:v>
                </c:pt>
                <c:pt idx="7220">
                  <c:v>23.001799999999999</c:v>
                </c:pt>
                <c:pt idx="7221">
                  <c:v>22.958500000000001</c:v>
                </c:pt>
                <c:pt idx="7222">
                  <c:v>23.4129</c:v>
                </c:pt>
                <c:pt idx="7223">
                  <c:v>23.518699999999999</c:v>
                </c:pt>
                <c:pt idx="7224">
                  <c:v>23.622299999999999</c:v>
                </c:pt>
                <c:pt idx="7225">
                  <c:v>23.678000000000001</c:v>
                </c:pt>
                <c:pt idx="7226">
                  <c:v>23.7349</c:v>
                </c:pt>
                <c:pt idx="7227">
                  <c:v>21.540199999999999</c:v>
                </c:pt>
                <c:pt idx="7228">
                  <c:v>22.786100000000001</c:v>
                </c:pt>
                <c:pt idx="7229">
                  <c:v>22.901700000000002</c:v>
                </c:pt>
                <c:pt idx="7230">
                  <c:v>22.9786</c:v>
                </c:pt>
                <c:pt idx="7231">
                  <c:v>23.001799999999999</c:v>
                </c:pt>
                <c:pt idx="7232">
                  <c:v>22.958500000000001</c:v>
                </c:pt>
                <c:pt idx="7233">
                  <c:v>23.4129</c:v>
                </c:pt>
                <c:pt idx="7234">
                  <c:v>23.518699999999999</c:v>
                </c:pt>
                <c:pt idx="7235">
                  <c:v>23.622299999999999</c:v>
                </c:pt>
                <c:pt idx="7236">
                  <c:v>23.678000000000001</c:v>
                </c:pt>
                <c:pt idx="7237">
                  <c:v>23.7349</c:v>
                </c:pt>
                <c:pt idx="7238">
                  <c:v>21.540199999999999</c:v>
                </c:pt>
                <c:pt idx="7239">
                  <c:v>22.786100000000001</c:v>
                </c:pt>
                <c:pt idx="7240">
                  <c:v>22.901700000000002</c:v>
                </c:pt>
                <c:pt idx="7241">
                  <c:v>22.9786</c:v>
                </c:pt>
                <c:pt idx="7242">
                  <c:v>23.001799999999999</c:v>
                </c:pt>
                <c:pt idx="7243">
                  <c:v>22.958500000000001</c:v>
                </c:pt>
                <c:pt idx="7244">
                  <c:v>23.4129</c:v>
                </c:pt>
                <c:pt idx="7245">
                  <c:v>23.518699999999999</c:v>
                </c:pt>
                <c:pt idx="7246">
                  <c:v>23.622299999999999</c:v>
                </c:pt>
                <c:pt idx="7247">
                  <c:v>23.678000000000001</c:v>
                </c:pt>
                <c:pt idx="7248">
                  <c:v>23.7349</c:v>
                </c:pt>
                <c:pt idx="7249">
                  <c:v>21.540199999999999</c:v>
                </c:pt>
                <c:pt idx="7250">
                  <c:v>22.786100000000001</c:v>
                </c:pt>
                <c:pt idx="7251">
                  <c:v>22.901700000000002</c:v>
                </c:pt>
                <c:pt idx="7252">
                  <c:v>22.9786</c:v>
                </c:pt>
                <c:pt idx="7253">
                  <c:v>23.001799999999999</c:v>
                </c:pt>
                <c:pt idx="7254">
                  <c:v>22.958500000000001</c:v>
                </c:pt>
                <c:pt idx="7255">
                  <c:v>23.4129</c:v>
                </c:pt>
                <c:pt idx="7256">
                  <c:v>23.518699999999999</c:v>
                </c:pt>
                <c:pt idx="7257">
                  <c:v>23.622299999999999</c:v>
                </c:pt>
                <c:pt idx="7258">
                  <c:v>23.678000000000001</c:v>
                </c:pt>
                <c:pt idx="7259">
                  <c:v>23.7349</c:v>
                </c:pt>
                <c:pt idx="7260">
                  <c:v>44.874200000000002</c:v>
                </c:pt>
                <c:pt idx="7261">
                  <c:v>55.431100000000001</c:v>
                </c:pt>
                <c:pt idx="7262">
                  <c:v>62.431699999999999</c:v>
                </c:pt>
                <c:pt idx="7263">
                  <c:v>69.602599999999995</c:v>
                </c:pt>
                <c:pt idx="7264">
                  <c:v>75.814800000000005</c:v>
                </c:pt>
                <c:pt idx="7265">
                  <c:v>80.787300000000002</c:v>
                </c:pt>
                <c:pt idx="7266">
                  <c:v>83.410700000000006</c:v>
                </c:pt>
                <c:pt idx="7267">
                  <c:v>84.020899999999997</c:v>
                </c:pt>
                <c:pt idx="7268">
                  <c:v>91.372399999999999</c:v>
                </c:pt>
                <c:pt idx="7269">
                  <c:v>95.998800000000003</c:v>
                </c:pt>
                <c:pt idx="7270">
                  <c:v>97.417500000000004</c:v>
                </c:pt>
                <c:pt idx="7271">
                  <c:v>17.0105</c:v>
                </c:pt>
                <c:pt idx="7272">
                  <c:v>17.636600000000001</c:v>
                </c:pt>
                <c:pt idx="7273">
                  <c:v>19.064499999999999</c:v>
                </c:pt>
                <c:pt idx="7274">
                  <c:v>20.650600000000001</c:v>
                </c:pt>
                <c:pt idx="7275">
                  <c:v>23.1798</c:v>
                </c:pt>
                <c:pt idx="7276">
                  <c:v>23.053799999999999</c:v>
                </c:pt>
                <c:pt idx="7277">
                  <c:v>24.9635</c:v>
                </c:pt>
                <c:pt idx="7278">
                  <c:v>25.234500000000001</c:v>
                </c:pt>
                <c:pt idx="7279">
                  <c:v>28.5379</c:v>
                </c:pt>
                <c:pt idx="7280">
                  <c:v>32.093499999999999</c:v>
                </c:pt>
                <c:pt idx="7281">
                  <c:v>33.385899999999999</c:v>
                </c:pt>
                <c:pt idx="7282">
                  <c:v>20.322199999999999</c:v>
                </c:pt>
                <c:pt idx="7283">
                  <c:v>21.410900000000002</c:v>
                </c:pt>
                <c:pt idx="7284">
                  <c:v>19.643599999999999</c:v>
                </c:pt>
                <c:pt idx="7285">
                  <c:v>20.131399999999999</c:v>
                </c:pt>
                <c:pt idx="7286">
                  <c:v>20.537600000000001</c:v>
                </c:pt>
                <c:pt idx="7287">
                  <c:v>20.933599999999998</c:v>
                </c:pt>
                <c:pt idx="7288">
                  <c:v>18.745899999999999</c:v>
                </c:pt>
                <c:pt idx="7289">
                  <c:v>18.652000000000001</c:v>
                </c:pt>
                <c:pt idx="7290">
                  <c:v>18.764600000000002</c:v>
                </c:pt>
                <c:pt idx="7291">
                  <c:v>18.8599</c:v>
                </c:pt>
                <c:pt idx="7292">
                  <c:v>19.108499999999999</c:v>
                </c:pt>
                <c:pt idx="7293">
                  <c:v>21.540199999999999</c:v>
                </c:pt>
                <c:pt idx="7294">
                  <c:v>22.786100000000001</c:v>
                </c:pt>
                <c:pt idx="7295">
                  <c:v>22.901700000000002</c:v>
                </c:pt>
                <c:pt idx="7296">
                  <c:v>22.9786</c:v>
                </c:pt>
                <c:pt idx="7297">
                  <c:v>23.001799999999999</c:v>
                </c:pt>
                <c:pt idx="7298">
                  <c:v>22.958500000000001</c:v>
                </c:pt>
                <c:pt idx="7299">
                  <c:v>23.4129</c:v>
                </c:pt>
                <c:pt idx="7300">
                  <c:v>23.518699999999999</c:v>
                </c:pt>
                <c:pt idx="7301">
                  <c:v>23.622299999999999</c:v>
                </c:pt>
                <c:pt idx="7302">
                  <c:v>23.678000000000001</c:v>
                </c:pt>
                <c:pt idx="7303">
                  <c:v>23.7349</c:v>
                </c:pt>
                <c:pt idx="7304">
                  <c:v>21.540199999999999</c:v>
                </c:pt>
                <c:pt idx="7305">
                  <c:v>22.786100000000001</c:v>
                </c:pt>
                <c:pt idx="7306">
                  <c:v>22.901700000000002</c:v>
                </c:pt>
                <c:pt idx="7307">
                  <c:v>22.9786</c:v>
                </c:pt>
                <c:pt idx="7308">
                  <c:v>23.001799999999999</c:v>
                </c:pt>
                <c:pt idx="7309">
                  <c:v>22.958500000000001</c:v>
                </c:pt>
                <c:pt idx="7310">
                  <c:v>23.4129</c:v>
                </c:pt>
                <c:pt idx="7311">
                  <c:v>23.518699999999999</c:v>
                </c:pt>
                <c:pt idx="7312">
                  <c:v>23.622299999999999</c:v>
                </c:pt>
                <c:pt idx="7313">
                  <c:v>23.678000000000001</c:v>
                </c:pt>
                <c:pt idx="7314">
                  <c:v>23.7349</c:v>
                </c:pt>
                <c:pt idx="7315">
                  <c:v>21.540199999999999</c:v>
                </c:pt>
                <c:pt idx="7316">
                  <c:v>22.786100000000001</c:v>
                </c:pt>
                <c:pt idx="7317">
                  <c:v>22.901700000000002</c:v>
                </c:pt>
                <c:pt idx="7318">
                  <c:v>22.9786</c:v>
                </c:pt>
                <c:pt idx="7319">
                  <c:v>23.001799999999999</c:v>
                </c:pt>
                <c:pt idx="7320">
                  <c:v>22.958500000000001</c:v>
                </c:pt>
                <c:pt idx="7321">
                  <c:v>23.4129</c:v>
                </c:pt>
                <c:pt idx="7322">
                  <c:v>23.518699999999999</c:v>
                </c:pt>
                <c:pt idx="7323">
                  <c:v>23.622299999999999</c:v>
                </c:pt>
                <c:pt idx="7324">
                  <c:v>23.678000000000001</c:v>
                </c:pt>
                <c:pt idx="7325">
                  <c:v>23.7349</c:v>
                </c:pt>
                <c:pt idx="7326">
                  <c:v>21.540199999999999</c:v>
                </c:pt>
                <c:pt idx="7327">
                  <c:v>22.786100000000001</c:v>
                </c:pt>
                <c:pt idx="7328">
                  <c:v>22.901700000000002</c:v>
                </c:pt>
                <c:pt idx="7329">
                  <c:v>22.9786</c:v>
                </c:pt>
                <c:pt idx="7330">
                  <c:v>23.001799999999999</c:v>
                </c:pt>
                <c:pt idx="7331">
                  <c:v>22.958500000000001</c:v>
                </c:pt>
                <c:pt idx="7332">
                  <c:v>23.4129</c:v>
                </c:pt>
                <c:pt idx="7333">
                  <c:v>23.518699999999999</c:v>
                </c:pt>
                <c:pt idx="7334">
                  <c:v>23.622299999999999</c:v>
                </c:pt>
                <c:pt idx="7335">
                  <c:v>23.678000000000001</c:v>
                </c:pt>
                <c:pt idx="7336">
                  <c:v>23.7349</c:v>
                </c:pt>
                <c:pt idx="7337">
                  <c:v>21.540199999999999</c:v>
                </c:pt>
                <c:pt idx="7338">
                  <c:v>22.786100000000001</c:v>
                </c:pt>
                <c:pt idx="7339">
                  <c:v>22.901700000000002</c:v>
                </c:pt>
                <c:pt idx="7340">
                  <c:v>22.9786</c:v>
                </c:pt>
                <c:pt idx="7341">
                  <c:v>23.001799999999999</c:v>
                </c:pt>
                <c:pt idx="7342">
                  <c:v>22.958500000000001</c:v>
                </c:pt>
                <c:pt idx="7343">
                  <c:v>23.4129</c:v>
                </c:pt>
                <c:pt idx="7344">
                  <c:v>23.518699999999999</c:v>
                </c:pt>
                <c:pt idx="7345">
                  <c:v>23.622299999999999</c:v>
                </c:pt>
                <c:pt idx="7346">
                  <c:v>23.678000000000001</c:v>
                </c:pt>
                <c:pt idx="7347">
                  <c:v>23.7349</c:v>
                </c:pt>
                <c:pt idx="7348">
                  <c:v>21.540199999999999</c:v>
                </c:pt>
                <c:pt idx="7349">
                  <c:v>22.786100000000001</c:v>
                </c:pt>
                <c:pt idx="7350">
                  <c:v>22.901700000000002</c:v>
                </c:pt>
                <c:pt idx="7351">
                  <c:v>22.9786</c:v>
                </c:pt>
                <c:pt idx="7352">
                  <c:v>23.001799999999999</c:v>
                </c:pt>
                <c:pt idx="7353">
                  <c:v>22.958500000000001</c:v>
                </c:pt>
                <c:pt idx="7354">
                  <c:v>23.4129</c:v>
                </c:pt>
                <c:pt idx="7355">
                  <c:v>23.518699999999999</c:v>
                </c:pt>
                <c:pt idx="7356">
                  <c:v>23.622299999999999</c:v>
                </c:pt>
                <c:pt idx="7357">
                  <c:v>23.678000000000001</c:v>
                </c:pt>
                <c:pt idx="7358">
                  <c:v>23.7349</c:v>
                </c:pt>
                <c:pt idx="7359">
                  <c:v>21.540199999999999</c:v>
                </c:pt>
                <c:pt idx="7360">
                  <c:v>22.786100000000001</c:v>
                </c:pt>
                <c:pt idx="7361">
                  <c:v>22.901700000000002</c:v>
                </c:pt>
                <c:pt idx="7362">
                  <c:v>22.9786</c:v>
                </c:pt>
                <c:pt idx="7363">
                  <c:v>23.001799999999999</c:v>
                </c:pt>
                <c:pt idx="7364">
                  <c:v>22.958500000000001</c:v>
                </c:pt>
                <c:pt idx="7365">
                  <c:v>23.4129</c:v>
                </c:pt>
                <c:pt idx="7366">
                  <c:v>23.518699999999999</c:v>
                </c:pt>
                <c:pt idx="7367">
                  <c:v>23.622299999999999</c:v>
                </c:pt>
                <c:pt idx="7368">
                  <c:v>23.678000000000001</c:v>
                </c:pt>
                <c:pt idx="7369">
                  <c:v>23.7349</c:v>
                </c:pt>
                <c:pt idx="7370">
                  <c:v>21.540199999999999</c:v>
                </c:pt>
                <c:pt idx="7371">
                  <c:v>22.786100000000001</c:v>
                </c:pt>
                <c:pt idx="7372">
                  <c:v>22.901700000000002</c:v>
                </c:pt>
                <c:pt idx="7373">
                  <c:v>22.9786</c:v>
                </c:pt>
                <c:pt idx="7374">
                  <c:v>23.001799999999999</c:v>
                </c:pt>
                <c:pt idx="7375">
                  <c:v>22.958500000000001</c:v>
                </c:pt>
                <c:pt idx="7376">
                  <c:v>23.4129</c:v>
                </c:pt>
                <c:pt idx="7377">
                  <c:v>23.518699999999999</c:v>
                </c:pt>
                <c:pt idx="7378">
                  <c:v>23.622299999999999</c:v>
                </c:pt>
                <c:pt idx="7379">
                  <c:v>23.678000000000001</c:v>
                </c:pt>
                <c:pt idx="7380">
                  <c:v>23.7349</c:v>
                </c:pt>
                <c:pt idx="7381">
                  <c:v>21.540199999999999</c:v>
                </c:pt>
                <c:pt idx="7382">
                  <c:v>22.786100000000001</c:v>
                </c:pt>
                <c:pt idx="7383">
                  <c:v>22.901700000000002</c:v>
                </c:pt>
                <c:pt idx="7384">
                  <c:v>22.9786</c:v>
                </c:pt>
                <c:pt idx="7385">
                  <c:v>23.001799999999999</c:v>
                </c:pt>
                <c:pt idx="7386">
                  <c:v>22.958500000000001</c:v>
                </c:pt>
                <c:pt idx="7387">
                  <c:v>23.4129</c:v>
                </c:pt>
                <c:pt idx="7388">
                  <c:v>23.518699999999999</c:v>
                </c:pt>
                <c:pt idx="7389">
                  <c:v>23.622299999999999</c:v>
                </c:pt>
                <c:pt idx="7390">
                  <c:v>23.678000000000001</c:v>
                </c:pt>
                <c:pt idx="7391">
                  <c:v>23.7349</c:v>
                </c:pt>
                <c:pt idx="7392">
                  <c:v>44.874200000000002</c:v>
                </c:pt>
                <c:pt idx="7393">
                  <c:v>55.431100000000001</c:v>
                </c:pt>
                <c:pt idx="7394">
                  <c:v>62.431699999999999</c:v>
                </c:pt>
                <c:pt idx="7395">
                  <c:v>69.602599999999995</c:v>
                </c:pt>
                <c:pt idx="7396">
                  <c:v>75.814800000000005</c:v>
                </c:pt>
                <c:pt idx="7397">
                  <c:v>80.787300000000002</c:v>
                </c:pt>
                <c:pt idx="7398">
                  <c:v>83.410700000000006</c:v>
                </c:pt>
                <c:pt idx="7399">
                  <c:v>83.330399999999997</c:v>
                </c:pt>
                <c:pt idx="7400">
                  <c:v>87.957899999999995</c:v>
                </c:pt>
                <c:pt idx="7401">
                  <c:v>92.984099999999998</c:v>
                </c:pt>
                <c:pt idx="7402">
                  <c:v>94.696799999999996</c:v>
                </c:pt>
                <c:pt idx="7403">
                  <c:v>17.0105</c:v>
                </c:pt>
                <c:pt idx="7404">
                  <c:v>17.636600000000001</c:v>
                </c:pt>
                <c:pt idx="7405">
                  <c:v>19.064499999999999</c:v>
                </c:pt>
                <c:pt idx="7406">
                  <c:v>20.650600000000001</c:v>
                </c:pt>
                <c:pt idx="7407">
                  <c:v>23.1798</c:v>
                </c:pt>
                <c:pt idx="7408">
                  <c:v>23.053799999999999</c:v>
                </c:pt>
                <c:pt idx="7409">
                  <c:v>24.9635</c:v>
                </c:pt>
                <c:pt idx="7410">
                  <c:v>25.234500000000001</c:v>
                </c:pt>
                <c:pt idx="7411">
                  <c:v>26.355</c:v>
                </c:pt>
                <c:pt idx="7412">
                  <c:v>29.568100000000001</c:v>
                </c:pt>
                <c:pt idx="7413">
                  <c:v>30.587199999999999</c:v>
                </c:pt>
                <c:pt idx="7414">
                  <c:v>20.322199999999999</c:v>
                </c:pt>
                <c:pt idx="7415">
                  <c:v>21.410900000000002</c:v>
                </c:pt>
                <c:pt idx="7416">
                  <c:v>19.643599999999999</c:v>
                </c:pt>
                <c:pt idx="7417">
                  <c:v>20.131399999999999</c:v>
                </c:pt>
                <c:pt idx="7418">
                  <c:v>20.537600000000001</c:v>
                </c:pt>
                <c:pt idx="7419">
                  <c:v>20.933599999999998</c:v>
                </c:pt>
                <c:pt idx="7420">
                  <c:v>18.745899999999999</c:v>
                </c:pt>
                <c:pt idx="7421">
                  <c:v>18.652000000000001</c:v>
                </c:pt>
                <c:pt idx="7422">
                  <c:v>18.764600000000002</c:v>
                </c:pt>
                <c:pt idx="7423">
                  <c:v>18.8599</c:v>
                </c:pt>
                <c:pt idx="7424">
                  <c:v>19.108499999999999</c:v>
                </c:pt>
                <c:pt idx="7425">
                  <c:v>21.540199999999999</c:v>
                </c:pt>
                <c:pt idx="7426">
                  <c:v>22.786100000000001</c:v>
                </c:pt>
                <c:pt idx="7427">
                  <c:v>22.901700000000002</c:v>
                </c:pt>
                <c:pt idx="7428">
                  <c:v>22.9786</c:v>
                </c:pt>
                <c:pt idx="7429">
                  <c:v>23.001799999999999</c:v>
                </c:pt>
                <c:pt idx="7430">
                  <c:v>22.958500000000001</c:v>
                </c:pt>
                <c:pt idx="7431">
                  <c:v>23.4129</c:v>
                </c:pt>
                <c:pt idx="7432">
                  <c:v>23.518699999999999</c:v>
                </c:pt>
                <c:pt idx="7433">
                  <c:v>23.622299999999999</c:v>
                </c:pt>
                <c:pt idx="7434">
                  <c:v>23.678000000000001</c:v>
                </c:pt>
                <c:pt idx="7435">
                  <c:v>23.7349</c:v>
                </c:pt>
                <c:pt idx="7436">
                  <c:v>21.540199999999999</c:v>
                </c:pt>
                <c:pt idx="7437">
                  <c:v>22.786100000000001</c:v>
                </c:pt>
                <c:pt idx="7438">
                  <c:v>22.901700000000002</c:v>
                </c:pt>
                <c:pt idx="7439">
                  <c:v>22.9786</c:v>
                </c:pt>
                <c:pt idx="7440">
                  <c:v>23.001799999999999</c:v>
                </c:pt>
                <c:pt idx="7441">
                  <c:v>22.958500000000001</c:v>
                </c:pt>
                <c:pt idx="7442">
                  <c:v>23.4129</c:v>
                </c:pt>
                <c:pt idx="7443">
                  <c:v>23.518699999999999</c:v>
                </c:pt>
                <c:pt idx="7444">
                  <c:v>23.622299999999999</c:v>
                </c:pt>
                <c:pt idx="7445">
                  <c:v>23.678000000000001</c:v>
                </c:pt>
                <c:pt idx="7446">
                  <c:v>23.7349</c:v>
                </c:pt>
                <c:pt idx="7447">
                  <c:v>21.540199999999999</c:v>
                </c:pt>
                <c:pt idx="7448">
                  <c:v>22.786100000000001</c:v>
                </c:pt>
                <c:pt idx="7449">
                  <c:v>22.901700000000002</c:v>
                </c:pt>
                <c:pt idx="7450">
                  <c:v>22.9786</c:v>
                </c:pt>
                <c:pt idx="7451">
                  <c:v>23.001799999999999</c:v>
                </c:pt>
                <c:pt idx="7452">
                  <c:v>22.958500000000001</c:v>
                </c:pt>
                <c:pt idx="7453">
                  <c:v>23.4129</c:v>
                </c:pt>
                <c:pt idx="7454">
                  <c:v>23.518699999999999</c:v>
                </c:pt>
                <c:pt idx="7455">
                  <c:v>23.622299999999999</c:v>
                </c:pt>
                <c:pt idx="7456">
                  <c:v>23.678000000000001</c:v>
                </c:pt>
                <c:pt idx="7457">
                  <c:v>23.7349</c:v>
                </c:pt>
                <c:pt idx="7458">
                  <c:v>21.540199999999999</c:v>
                </c:pt>
                <c:pt idx="7459">
                  <c:v>22.786100000000001</c:v>
                </c:pt>
                <c:pt idx="7460">
                  <c:v>22.901700000000002</c:v>
                </c:pt>
                <c:pt idx="7461">
                  <c:v>22.9786</c:v>
                </c:pt>
                <c:pt idx="7462">
                  <c:v>23.001799999999999</c:v>
                </c:pt>
                <c:pt idx="7463">
                  <c:v>22.958500000000001</c:v>
                </c:pt>
                <c:pt idx="7464">
                  <c:v>23.4129</c:v>
                </c:pt>
                <c:pt idx="7465">
                  <c:v>23.518699999999999</c:v>
                </c:pt>
                <c:pt idx="7466">
                  <c:v>23.622299999999999</c:v>
                </c:pt>
                <c:pt idx="7467">
                  <c:v>23.678000000000001</c:v>
                </c:pt>
                <c:pt idx="7468">
                  <c:v>23.7349</c:v>
                </c:pt>
                <c:pt idx="7469">
                  <c:v>21.540199999999999</c:v>
                </c:pt>
                <c:pt idx="7470">
                  <c:v>22.786100000000001</c:v>
                </c:pt>
                <c:pt idx="7471">
                  <c:v>22.901700000000002</c:v>
                </c:pt>
                <c:pt idx="7472">
                  <c:v>22.9786</c:v>
                </c:pt>
                <c:pt idx="7473">
                  <c:v>23.001799999999999</c:v>
                </c:pt>
                <c:pt idx="7474">
                  <c:v>22.958500000000001</c:v>
                </c:pt>
                <c:pt idx="7475">
                  <c:v>23.4129</c:v>
                </c:pt>
                <c:pt idx="7476">
                  <c:v>23.518699999999999</c:v>
                </c:pt>
                <c:pt idx="7477">
                  <c:v>23.622299999999999</c:v>
                </c:pt>
                <c:pt idx="7478">
                  <c:v>23.678000000000001</c:v>
                </c:pt>
                <c:pt idx="7479">
                  <c:v>23.7349</c:v>
                </c:pt>
                <c:pt idx="7480">
                  <c:v>21.540199999999999</c:v>
                </c:pt>
                <c:pt idx="7481">
                  <c:v>22.786100000000001</c:v>
                </c:pt>
                <c:pt idx="7482">
                  <c:v>22.901700000000002</c:v>
                </c:pt>
                <c:pt idx="7483">
                  <c:v>22.9786</c:v>
                </c:pt>
                <c:pt idx="7484">
                  <c:v>23.001799999999999</c:v>
                </c:pt>
                <c:pt idx="7485">
                  <c:v>22.958500000000001</c:v>
                </c:pt>
                <c:pt idx="7486">
                  <c:v>23.4129</c:v>
                </c:pt>
                <c:pt idx="7487">
                  <c:v>23.518699999999999</c:v>
                </c:pt>
                <c:pt idx="7488">
                  <c:v>23.622299999999999</c:v>
                </c:pt>
                <c:pt idx="7489">
                  <c:v>23.678000000000001</c:v>
                </c:pt>
                <c:pt idx="7490">
                  <c:v>23.7349</c:v>
                </c:pt>
                <c:pt idx="7491">
                  <c:v>21.540199999999999</c:v>
                </c:pt>
                <c:pt idx="7492">
                  <c:v>22.786100000000001</c:v>
                </c:pt>
                <c:pt idx="7493">
                  <c:v>22.901700000000002</c:v>
                </c:pt>
                <c:pt idx="7494">
                  <c:v>22.9786</c:v>
                </c:pt>
                <c:pt idx="7495">
                  <c:v>23.001799999999999</c:v>
                </c:pt>
                <c:pt idx="7496">
                  <c:v>22.958500000000001</c:v>
                </c:pt>
                <c:pt idx="7497">
                  <c:v>23.4129</c:v>
                </c:pt>
                <c:pt idx="7498">
                  <c:v>23.518699999999999</c:v>
                </c:pt>
                <c:pt idx="7499">
                  <c:v>23.622299999999999</c:v>
                </c:pt>
                <c:pt idx="7500">
                  <c:v>23.678000000000001</c:v>
                </c:pt>
                <c:pt idx="7501">
                  <c:v>23.7349</c:v>
                </c:pt>
                <c:pt idx="7502">
                  <c:v>21.540199999999999</c:v>
                </c:pt>
                <c:pt idx="7503">
                  <c:v>22.786100000000001</c:v>
                </c:pt>
                <c:pt idx="7504">
                  <c:v>22.901700000000002</c:v>
                </c:pt>
                <c:pt idx="7505">
                  <c:v>22.9786</c:v>
                </c:pt>
                <c:pt idx="7506">
                  <c:v>23.001799999999999</c:v>
                </c:pt>
                <c:pt idx="7507">
                  <c:v>22.958500000000001</c:v>
                </c:pt>
                <c:pt idx="7508">
                  <c:v>23.4129</c:v>
                </c:pt>
                <c:pt idx="7509">
                  <c:v>23.518699999999999</c:v>
                </c:pt>
                <c:pt idx="7510">
                  <c:v>23.622299999999999</c:v>
                </c:pt>
                <c:pt idx="7511">
                  <c:v>23.678000000000001</c:v>
                </c:pt>
                <c:pt idx="7512">
                  <c:v>23.7349</c:v>
                </c:pt>
                <c:pt idx="7513">
                  <c:v>21.540199999999999</c:v>
                </c:pt>
                <c:pt idx="7514">
                  <c:v>22.786100000000001</c:v>
                </c:pt>
                <c:pt idx="7515">
                  <c:v>22.901700000000002</c:v>
                </c:pt>
                <c:pt idx="7516">
                  <c:v>22.9786</c:v>
                </c:pt>
                <c:pt idx="7517">
                  <c:v>23.001799999999999</c:v>
                </c:pt>
                <c:pt idx="7518">
                  <c:v>22.958500000000001</c:v>
                </c:pt>
                <c:pt idx="7519">
                  <c:v>23.4129</c:v>
                </c:pt>
                <c:pt idx="7520">
                  <c:v>23.518699999999999</c:v>
                </c:pt>
                <c:pt idx="7521">
                  <c:v>23.622299999999999</c:v>
                </c:pt>
                <c:pt idx="7522">
                  <c:v>23.678000000000001</c:v>
                </c:pt>
                <c:pt idx="7523">
                  <c:v>23.7349</c:v>
                </c:pt>
                <c:pt idx="7524">
                  <c:v>44.874200000000002</c:v>
                </c:pt>
                <c:pt idx="7525">
                  <c:v>55.431100000000001</c:v>
                </c:pt>
                <c:pt idx="7526">
                  <c:v>62.431699999999999</c:v>
                </c:pt>
                <c:pt idx="7527">
                  <c:v>69.602599999999995</c:v>
                </c:pt>
                <c:pt idx="7528">
                  <c:v>75.814800000000005</c:v>
                </c:pt>
                <c:pt idx="7529">
                  <c:v>80.787300000000002</c:v>
                </c:pt>
                <c:pt idx="7530">
                  <c:v>83.410700000000006</c:v>
                </c:pt>
                <c:pt idx="7531">
                  <c:v>83.330399999999997</c:v>
                </c:pt>
                <c:pt idx="7532">
                  <c:v>87.957899999999995</c:v>
                </c:pt>
                <c:pt idx="7533">
                  <c:v>89.628500000000003</c:v>
                </c:pt>
                <c:pt idx="7534">
                  <c:v>91.462900000000005</c:v>
                </c:pt>
                <c:pt idx="7535">
                  <c:v>17.0105</c:v>
                </c:pt>
                <c:pt idx="7536">
                  <c:v>17.636600000000001</c:v>
                </c:pt>
                <c:pt idx="7537">
                  <c:v>19.064499999999999</c:v>
                </c:pt>
                <c:pt idx="7538">
                  <c:v>20.650600000000001</c:v>
                </c:pt>
                <c:pt idx="7539">
                  <c:v>23.1798</c:v>
                </c:pt>
                <c:pt idx="7540">
                  <c:v>23.053799999999999</c:v>
                </c:pt>
                <c:pt idx="7541">
                  <c:v>24.9635</c:v>
                </c:pt>
                <c:pt idx="7542">
                  <c:v>25.234500000000001</c:v>
                </c:pt>
                <c:pt idx="7543">
                  <c:v>26.355</c:v>
                </c:pt>
                <c:pt idx="7544">
                  <c:v>27.481999999999999</c:v>
                </c:pt>
                <c:pt idx="7545">
                  <c:v>27.913900000000002</c:v>
                </c:pt>
                <c:pt idx="7546">
                  <c:v>20.322199999999999</c:v>
                </c:pt>
                <c:pt idx="7547">
                  <c:v>21.410900000000002</c:v>
                </c:pt>
                <c:pt idx="7548">
                  <c:v>19.643599999999999</c:v>
                </c:pt>
                <c:pt idx="7549">
                  <c:v>20.131399999999999</c:v>
                </c:pt>
                <c:pt idx="7550">
                  <c:v>20.537600000000001</c:v>
                </c:pt>
                <c:pt idx="7551">
                  <c:v>20.933599999999998</c:v>
                </c:pt>
                <c:pt idx="7552">
                  <c:v>18.745899999999999</c:v>
                </c:pt>
                <c:pt idx="7553">
                  <c:v>18.652000000000001</c:v>
                </c:pt>
                <c:pt idx="7554">
                  <c:v>18.764600000000002</c:v>
                </c:pt>
                <c:pt idx="7555">
                  <c:v>18.8599</c:v>
                </c:pt>
                <c:pt idx="7556">
                  <c:v>19.108499999999999</c:v>
                </c:pt>
                <c:pt idx="7557">
                  <c:v>21.540199999999999</c:v>
                </c:pt>
                <c:pt idx="7558">
                  <c:v>22.786100000000001</c:v>
                </c:pt>
                <c:pt idx="7559">
                  <c:v>22.901700000000002</c:v>
                </c:pt>
                <c:pt idx="7560">
                  <c:v>22.9786</c:v>
                </c:pt>
                <c:pt idx="7561">
                  <c:v>23.001799999999999</c:v>
                </c:pt>
                <c:pt idx="7562">
                  <c:v>22.958500000000001</c:v>
                </c:pt>
                <c:pt idx="7563">
                  <c:v>23.4129</c:v>
                </c:pt>
                <c:pt idx="7564">
                  <c:v>23.518699999999999</c:v>
                </c:pt>
                <c:pt idx="7565">
                  <c:v>23.622299999999999</c:v>
                </c:pt>
                <c:pt idx="7566">
                  <c:v>23.678000000000001</c:v>
                </c:pt>
                <c:pt idx="7567">
                  <c:v>23.7349</c:v>
                </c:pt>
                <c:pt idx="7568">
                  <c:v>21.540199999999999</c:v>
                </c:pt>
                <c:pt idx="7569">
                  <c:v>22.786100000000001</c:v>
                </c:pt>
                <c:pt idx="7570">
                  <c:v>22.901700000000002</c:v>
                </c:pt>
                <c:pt idx="7571">
                  <c:v>22.9786</c:v>
                </c:pt>
                <c:pt idx="7572">
                  <c:v>23.001799999999999</c:v>
                </c:pt>
                <c:pt idx="7573">
                  <c:v>22.958500000000001</c:v>
                </c:pt>
                <c:pt idx="7574">
                  <c:v>23.4129</c:v>
                </c:pt>
                <c:pt idx="7575">
                  <c:v>23.518699999999999</c:v>
                </c:pt>
                <c:pt idx="7576">
                  <c:v>23.622299999999999</c:v>
                </c:pt>
                <c:pt idx="7577">
                  <c:v>23.678000000000001</c:v>
                </c:pt>
                <c:pt idx="7578">
                  <c:v>23.7349</c:v>
                </c:pt>
                <c:pt idx="7579">
                  <c:v>21.540199999999999</c:v>
                </c:pt>
                <c:pt idx="7580">
                  <c:v>22.786100000000001</c:v>
                </c:pt>
                <c:pt idx="7581">
                  <c:v>22.901700000000002</c:v>
                </c:pt>
                <c:pt idx="7582">
                  <c:v>22.9786</c:v>
                </c:pt>
                <c:pt idx="7583">
                  <c:v>23.001799999999999</c:v>
                </c:pt>
                <c:pt idx="7584">
                  <c:v>22.958500000000001</c:v>
                </c:pt>
                <c:pt idx="7585">
                  <c:v>23.4129</c:v>
                </c:pt>
                <c:pt idx="7586">
                  <c:v>23.518699999999999</c:v>
                </c:pt>
                <c:pt idx="7587">
                  <c:v>23.622299999999999</c:v>
                </c:pt>
                <c:pt idx="7588">
                  <c:v>23.678000000000001</c:v>
                </c:pt>
                <c:pt idx="7589">
                  <c:v>23.7349</c:v>
                </c:pt>
                <c:pt idx="7590">
                  <c:v>21.540199999999999</c:v>
                </c:pt>
                <c:pt idx="7591">
                  <c:v>22.786100000000001</c:v>
                </c:pt>
                <c:pt idx="7592">
                  <c:v>22.901700000000002</c:v>
                </c:pt>
                <c:pt idx="7593">
                  <c:v>22.9786</c:v>
                </c:pt>
                <c:pt idx="7594">
                  <c:v>23.001799999999999</c:v>
                </c:pt>
                <c:pt idx="7595">
                  <c:v>22.958500000000001</c:v>
                </c:pt>
                <c:pt idx="7596">
                  <c:v>23.4129</c:v>
                </c:pt>
                <c:pt idx="7597">
                  <c:v>23.518699999999999</c:v>
                </c:pt>
                <c:pt idx="7598">
                  <c:v>23.622299999999999</c:v>
                </c:pt>
                <c:pt idx="7599">
                  <c:v>23.678000000000001</c:v>
                </c:pt>
                <c:pt idx="7600">
                  <c:v>23.7349</c:v>
                </c:pt>
                <c:pt idx="7601">
                  <c:v>21.540199999999999</c:v>
                </c:pt>
                <c:pt idx="7602">
                  <c:v>22.786100000000001</c:v>
                </c:pt>
                <c:pt idx="7603">
                  <c:v>22.901700000000002</c:v>
                </c:pt>
                <c:pt idx="7604">
                  <c:v>22.9786</c:v>
                </c:pt>
                <c:pt idx="7605">
                  <c:v>23.001799999999999</c:v>
                </c:pt>
                <c:pt idx="7606">
                  <c:v>22.958500000000001</c:v>
                </c:pt>
                <c:pt idx="7607">
                  <c:v>23.4129</c:v>
                </c:pt>
                <c:pt idx="7608">
                  <c:v>23.518699999999999</c:v>
                </c:pt>
                <c:pt idx="7609">
                  <c:v>23.622299999999999</c:v>
                </c:pt>
                <c:pt idx="7610">
                  <c:v>23.678000000000001</c:v>
                </c:pt>
                <c:pt idx="7611">
                  <c:v>23.7349</c:v>
                </c:pt>
                <c:pt idx="7612">
                  <c:v>21.540199999999999</c:v>
                </c:pt>
                <c:pt idx="7613">
                  <c:v>22.786100000000001</c:v>
                </c:pt>
                <c:pt idx="7614">
                  <c:v>22.901700000000002</c:v>
                </c:pt>
                <c:pt idx="7615">
                  <c:v>22.9786</c:v>
                </c:pt>
                <c:pt idx="7616">
                  <c:v>23.001799999999999</c:v>
                </c:pt>
                <c:pt idx="7617">
                  <c:v>22.958500000000001</c:v>
                </c:pt>
                <c:pt idx="7618">
                  <c:v>23.4129</c:v>
                </c:pt>
                <c:pt idx="7619">
                  <c:v>23.518699999999999</c:v>
                </c:pt>
                <c:pt idx="7620">
                  <c:v>23.622299999999999</c:v>
                </c:pt>
                <c:pt idx="7621">
                  <c:v>23.678000000000001</c:v>
                </c:pt>
                <c:pt idx="7622">
                  <c:v>23.7349</c:v>
                </c:pt>
                <c:pt idx="7623">
                  <c:v>21.540199999999999</c:v>
                </c:pt>
                <c:pt idx="7624">
                  <c:v>22.786100000000001</c:v>
                </c:pt>
                <c:pt idx="7625">
                  <c:v>22.901700000000002</c:v>
                </c:pt>
                <c:pt idx="7626">
                  <c:v>22.9786</c:v>
                </c:pt>
                <c:pt idx="7627">
                  <c:v>23.001799999999999</c:v>
                </c:pt>
                <c:pt idx="7628">
                  <c:v>22.958500000000001</c:v>
                </c:pt>
                <c:pt idx="7629">
                  <c:v>23.4129</c:v>
                </c:pt>
                <c:pt idx="7630">
                  <c:v>23.518699999999999</c:v>
                </c:pt>
                <c:pt idx="7631">
                  <c:v>23.622299999999999</c:v>
                </c:pt>
                <c:pt idx="7632">
                  <c:v>23.678000000000001</c:v>
                </c:pt>
                <c:pt idx="7633">
                  <c:v>23.7349</c:v>
                </c:pt>
                <c:pt idx="7634">
                  <c:v>21.540199999999999</c:v>
                </c:pt>
                <c:pt idx="7635">
                  <c:v>22.786100000000001</c:v>
                </c:pt>
                <c:pt idx="7636">
                  <c:v>22.901700000000002</c:v>
                </c:pt>
                <c:pt idx="7637">
                  <c:v>22.9786</c:v>
                </c:pt>
                <c:pt idx="7638">
                  <c:v>23.001799999999999</c:v>
                </c:pt>
                <c:pt idx="7639">
                  <c:v>22.958500000000001</c:v>
                </c:pt>
                <c:pt idx="7640">
                  <c:v>23.4129</c:v>
                </c:pt>
                <c:pt idx="7641">
                  <c:v>23.518699999999999</c:v>
                </c:pt>
                <c:pt idx="7642">
                  <c:v>23.622299999999999</c:v>
                </c:pt>
                <c:pt idx="7643">
                  <c:v>23.678000000000001</c:v>
                </c:pt>
                <c:pt idx="7644">
                  <c:v>23.7349</c:v>
                </c:pt>
                <c:pt idx="7645">
                  <c:v>21.540199999999999</c:v>
                </c:pt>
                <c:pt idx="7646">
                  <c:v>22.786100000000001</c:v>
                </c:pt>
                <c:pt idx="7647">
                  <c:v>22.901700000000002</c:v>
                </c:pt>
                <c:pt idx="7648">
                  <c:v>22.9786</c:v>
                </c:pt>
                <c:pt idx="7649">
                  <c:v>23.001799999999999</c:v>
                </c:pt>
                <c:pt idx="7650">
                  <c:v>22.958500000000001</c:v>
                </c:pt>
                <c:pt idx="7651">
                  <c:v>23.4129</c:v>
                </c:pt>
                <c:pt idx="7652">
                  <c:v>23.518699999999999</c:v>
                </c:pt>
                <c:pt idx="7653">
                  <c:v>23.622299999999999</c:v>
                </c:pt>
                <c:pt idx="7654">
                  <c:v>23.678000000000001</c:v>
                </c:pt>
                <c:pt idx="7655">
                  <c:v>23.7349</c:v>
                </c:pt>
                <c:pt idx="7656">
                  <c:v>44.874200000000002</c:v>
                </c:pt>
                <c:pt idx="7657">
                  <c:v>55.431100000000001</c:v>
                </c:pt>
                <c:pt idx="7658">
                  <c:v>62.431699999999999</c:v>
                </c:pt>
                <c:pt idx="7659">
                  <c:v>69.602599999999995</c:v>
                </c:pt>
                <c:pt idx="7660">
                  <c:v>75.814800000000005</c:v>
                </c:pt>
                <c:pt idx="7661">
                  <c:v>80.787300000000002</c:v>
                </c:pt>
                <c:pt idx="7662">
                  <c:v>83.410700000000006</c:v>
                </c:pt>
                <c:pt idx="7663">
                  <c:v>83.330399999999997</c:v>
                </c:pt>
                <c:pt idx="7664">
                  <c:v>87.957899999999995</c:v>
                </c:pt>
                <c:pt idx="7665">
                  <c:v>89.628500000000003</c:v>
                </c:pt>
                <c:pt idx="7666">
                  <c:v>88.864199999999997</c:v>
                </c:pt>
                <c:pt idx="7667">
                  <c:v>17.0105</c:v>
                </c:pt>
                <c:pt idx="7668">
                  <c:v>17.636600000000001</c:v>
                </c:pt>
                <c:pt idx="7669">
                  <c:v>19.064499999999999</c:v>
                </c:pt>
                <c:pt idx="7670">
                  <c:v>20.650600000000001</c:v>
                </c:pt>
                <c:pt idx="7671">
                  <c:v>23.1798</c:v>
                </c:pt>
                <c:pt idx="7672">
                  <c:v>23.053799999999999</c:v>
                </c:pt>
                <c:pt idx="7673">
                  <c:v>24.9635</c:v>
                </c:pt>
                <c:pt idx="7674">
                  <c:v>25.234500000000001</c:v>
                </c:pt>
                <c:pt idx="7675">
                  <c:v>26.355</c:v>
                </c:pt>
                <c:pt idx="7676">
                  <c:v>27.481999999999999</c:v>
                </c:pt>
                <c:pt idx="7677">
                  <c:v>27.913900000000002</c:v>
                </c:pt>
                <c:pt idx="7678">
                  <c:v>20.322199999999999</c:v>
                </c:pt>
                <c:pt idx="7679">
                  <c:v>21.410900000000002</c:v>
                </c:pt>
                <c:pt idx="7680">
                  <c:v>19.643599999999999</c:v>
                </c:pt>
                <c:pt idx="7681">
                  <c:v>20.131399999999999</c:v>
                </c:pt>
                <c:pt idx="7682">
                  <c:v>20.537600000000001</c:v>
                </c:pt>
                <c:pt idx="7683">
                  <c:v>20.933599999999998</c:v>
                </c:pt>
                <c:pt idx="7684">
                  <c:v>18.745899999999999</c:v>
                </c:pt>
                <c:pt idx="7685">
                  <c:v>18.652000000000001</c:v>
                </c:pt>
                <c:pt idx="7686">
                  <c:v>18.764600000000002</c:v>
                </c:pt>
                <c:pt idx="7687">
                  <c:v>18.8599</c:v>
                </c:pt>
                <c:pt idx="7688">
                  <c:v>19.108499999999999</c:v>
                </c:pt>
                <c:pt idx="7689">
                  <c:v>21.540199999999999</c:v>
                </c:pt>
                <c:pt idx="7690">
                  <c:v>22.786100000000001</c:v>
                </c:pt>
                <c:pt idx="7691">
                  <c:v>22.901700000000002</c:v>
                </c:pt>
                <c:pt idx="7692">
                  <c:v>22.9786</c:v>
                </c:pt>
                <c:pt idx="7693">
                  <c:v>23.001799999999999</c:v>
                </c:pt>
                <c:pt idx="7694">
                  <c:v>22.958500000000001</c:v>
                </c:pt>
                <c:pt idx="7695">
                  <c:v>23.4129</c:v>
                </c:pt>
                <c:pt idx="7696">
                  <c:v>23.518699999999999</c:v>
                </c:pt>
                <c:pt idx="7697">
                  <c:v>23.622299999999999</c:v>
                </c:pt>
                <c:pt idx="7698">
                  <c:v>23.678000000000001</c:v>
                </c:pt>
                <c:pt idx="7699">
                  <c:v>23.7349</c:v>
                </c:pt>
                <c:pt idx="7700">
                  <c:v>21.540199999999999</c:v>
                </c:pt>
                <c:pt idx="7701">
                  <c:v>22.786100000000001</c:v>
                </c:pt>
                <c:pt idx="7702">
                  <c:v>22.901700000000002</c:v>
                </c:pt>
                <c:pt idx="7703">
                  <c:v>22.9786</c:v>
                </c:pt>
                <c:pt idx="7704">
                  <c:v>23.001799999999999</c:v>
                </c:pt>
                <c:pt idx="7705">
                  <c:v>22.958500000000001</c:v>
                </c:pt>
                <c:pt idx="7706">
                  <c:v>23.4129</c:v>
                </c:pt>
                <c:pt idx="7707">
                  <c:v>23.518699999999999</c:v>
                </c:pt>
                <c:pt idx="7708">
                  <c:v>23.622299999999999</c:v>
                </c:pt>
                <c:pt idx="7709">
                  <c:v>23.678000000000001</c:v>
                </c:pt>
                <c:pt idx="7710">
                  <c:v>23.7349</c:v>
                </c:pt>
                <c:pt idx="7711">
                  <c:v>21.540199999999999</c:v>
                </c:pt>
                <c:pt idx="7712">
                  <c:v>22.786100000000001</c:v>
                </c:pt>
                <c:pt idx="7713">
                  <c:v>22.901700000000002</c:v>
                </c:pt>
                <c:pt idx="7714">
                  <c:v>22.9786</c:v>
                </c:pt>
                <c:pt idx="7715">
                  <c:v>23.001799999999999</c:v>
                </c:pt>
                <c:pt idx="7716">
                  <c:v>22.958500000000001</c:v>
                </c:pt>
                <c:pt idx="7717">
                  <c:v>23.4129</c:v>
                </c:pt>
                <c:pt idx="7718">
                  <c:v>23.518699999999999</c:v>
                </c:pt>
                <c:pt idx="7719">
                  <c:v>23.622299999999999</c:v>
                </c:pt>
                <c:pt idx="7720">
                  <c:v>23.678000000000001</c:v>
                </c:pt>
                <c:pt idx="7721">
                  <c:v>23.7349</c:v>
                </c:pt>
                <c:pt idx="7722">
                  <c:v>21.540199999999999</c:v>
                </c:pt>
                <c:pt idx="7723">
                  <c:v>22.786100000000001</c:v>
                </c:pt>
                <c:pt idx="7724">
                  <c:v>22.901700000000002</c:v>
                </c:pt>
                <c:pt idx="7725">
                  <c:v>22.9786</c:v>
                </c:pt>
                <c:pt idx="7726">
                  <c:v>23.001799999999999</c:v>
                </c:pt>
                <c:pt idx="7727">
                  <c:v>22.958500000000001</c:v>
                </c:pt>
                <c:pt idx="7728">
                  <c:v>23.4129</c:v>
                </c:pt>
                <c:pt idx="7729">
                  <c:v>23.518699999999999</c:v>
                </c:pt>
                <c:pt idx="7730">
                  <c:v>23.622299999999999</c:v>
                </c:pt>
                <c:pt idx="7731">
                  <c:v>23.678000000000001</c:v>
                </c:pt>
                <c:pt idx="7732">
                  <c:v>23.7349</c:v>
                </c:pt>
                <c:pt idx="7733">
                  <c:v>21.540199999999999</c:v>
                </c:pt>
                <c:pt idx="7734">
                  <c:v>22.786100000000001</c:v>
                </c:pt>
                <c:pt idx="7735">
                  <c:v>22.901700000000002</c:v>
                </c:pt>
                <c:pt idx="7736">
                  <c:v>22.9786</c:v>
                </c:pt>
                <c:pt idx="7737">
                  <c:v>23.001799999999999</c:v>
                </c:pt>
                <c:pt idx="7738">
                  <c:v>22.958500000000001</c:v>
                </c:pt>
                <c:pt idx="7739">
                  <c:v>23.4129</c:v>
                </c:pt>
                <c:pt idx="7740">
                  <c:v>23.518699999999999</c:v>
                </c:pt>
                <c:pt idx="7741">
                  <c:v>23.622299999999999</c:v>
                </c:pt>
                <c:pt idx="7742">
                  <c:v>23.678000000000001</c:v>
                </c:pt>
                <c:pt idx="7743">
                  <c:v>23.7349</c:v>
                </c:pt>
                <c:pt idx="7744">
                  <c:v>21.540199999999999</c:v>
                </c:pt>
                <c:pt idx="7745">
                  <c:v>22.786100000000001</c:v>
                </c:pt>
                <c:pt idx="7746">
                  <c:v>22.901700000000002</c:v>
                </c:pt>
                <c:pt idx="7747">
                  <c:v>22.9786</c:v>
                </c:pt>
                <c:pt idx="7748">
                  <c:v>23.001799999999999</c:v>
                </c:pt>
                <c:pt idx="7749">
                  <c:v>22.958500000000001</c:v>
                </c:pt>
                <c:pt idx="7750">
                  <c:v>23.4129</c:v>
                </c:pt>
                <c:pt idx="7751">
                  <c:v>23.518699999999999</c:v>
                </c:pt>
                <c:pt idx="7752">
                  <c:v>23.622299999999999</c:v>
                </c:pt>
                <c:pt idx="7753">
                  <c:v>23.678000000000001</c:v>
                </c:pt>
                <c:pt idx="7754">
                  <c:v>23.7349</c:v>
                </c:pt>
                <c:pt idx="7755">
                  <c:v>21.540199999999999</c:v>
                </c:pt>
                <c:pt idx="7756">
                  <c:v>22.786100000000001</c:v>
                </c:pt>
                <c:pt idx="7757">
                  <c:v>22.901700000000002</c:v>
                </c:pt>
                <c:pt idx="7758">
                  <c:v>22.9786</c:v>
                </c:pt>
                <c:pt idx="7759">
                  <c:v>23.001799999999999</c:v>
                </c:pt>
                <c:pt idx="7760">
                  <c:v>22.958500000000001</c:v>
                </c:pt>
                <c:pt idx="7761">
                  <c:v>23.4129</c:v>
                </c:pt>
                <c:pt idx="7762">
                  <c:v>23.518699999999999</c:v>
                </c:pt>
                <c:pt idx="7763">
                  <c:v>23.622299999999999</c:v>
                </c:pt>
                <c:pt idx="7764">
                  <c:v>23.678000000000001</c:v>
                </c:pt>
                <c:pt idx="7765">
                  <c:v>23.7349</c:v>
                </c:pt>
                <c:pt idx="7766">
                  <c:v>21.540199999999999</c:v>
                </c:pt>
                <c:pt idx="7767">
                  <c:v>22.786100000000001</c:v>
                </c:pt>
                <c:pt idx="7768">
                  <c:v>22.901700000000002</c:v>
                </c:pt>
                <c:pt idx="7769">
                  <c:v>22.9786</c:v>
                </c:pt>
                <c:pt idx="7770">
                  <c:v>23.001799999999999</c:v>
                </c:pt>
                <c:pt idx="7771">
                  <c:v>22.958500000000001</c:v>
                </c:pt>
                <c:pt idx="7772">
                  <c:v>23.4129</c:v>
                </c:pt>
                <c:pt idx="7773">
                  <c:v>23.518699999999999</c:v>
                </c:pt>
                <c:pt idx="7774">
                  <c:v>23.622299999999999</c:v>
                </c:pt>
                <c:pt idx="7775">
                  <c:v>23.678000000000001</c:v>
                </c:pt>
                <c:pt idx="7776">
                  <c:v>23.7349</c:v>
                </c:pt>
                <c:pt idx="7777">
                  <c:v>21.540199999999999</c:v>
                </c:pt>
                <c:pt idx="7778">
                  <c:v>22.786100000000001</c:v>
                </c:pt>
                <c:pt idx="7779">
                  <c:v>22.901700000000002</c:v>
                </c:pt>
                <c:pt idx="7780">
                  <c:v>22.9786</c:v>
                </c:pt>
                <c:pt idx="7781">
                  <c:v>23.001799999999999</c:v>
                </c:pt>
                <c:pt idx="7782">
                  <c:v>22.958500000000001</c:v>
                </c:pt>
                <c:pt idx="7783">
                  <c:v>23.4129</c:v>
                </c:pt>
                <c:pt idx="7784">
                  <c:v>23.518699999999999</c:v>
                </c:pt>
                <c:pt idx="7785">
                  <c:v>23.622299999999999</c:v>
                </c:pt>
                <c:pt idx="7786">
                  <c:v>23.678000000000001</c:v>
                </c:pt>
                <c:pt idx="7787">
                  <c:v>23.7349</c:v>
                </c:pt>
                <c:pt idx="7788">
                  <c:v>44.874200000000002</c:v>
                </c:pt>
                <c:pt idx="7789">
                  <c:v>55.431100000000001</c:v>
                </c:pt>
                <c:pt idx="7790">
                  <c:v>62.431699999999999</c:v>
                </c:pt>
                <c:pt idx="7791">
                  <c:v>69.602599999999995</c:v>
                </c:pt>
                <c:pt idx="7792">
                  <c:v>75.814800000000005</c:v>
                </c:pt>
                <c:pt idx="7793">
                  <c:v>80.787300000000002</c:v>
                </c:pt>
                <c:pt idx="7794">
                  <c:v>83.410700000000006</c:v>
                </c:pt>
                <c:pt idx="7795">
                  <c:v>83.330399999999997</c:v>
                </c:pt>
                <c:pt idx="7796">
                  <c:v>87.957899999999995</c:v>
                </c:pt>
                <c:pt idx="7797">
                  <c:v>89.628500000000003</c:v>
                </c:pt>
                <c:pt idx="7798">
                  <c:v>88.864199999999997</c:v>
                </c:pt>
                <c:pt idx="7799">
                  <c:v>17.0105</c:v>
                </c:pt>
                <c:pt idx="7800">
                  <c:v>17.636600000000001</c:v>
                </c:pt>
                <c:pt idx="7801">
                  <c:v>19.064499999999999</c:v>
                </c:pt>
                <c:pt idx="7802">
                  <c:v>20.650600000000001</c:v>
                </c:pt>
                <c:pt idx="7803">
                  <c:v>23.1798</c:v>
                </c:pt>
                <c:pt idx="7804">
                  <c:v>23.053799999999999</c:v>
                </c:pt>
                <c:pt idx="7805">
                  <c:v>24.9635</c:v>
                </c:pt>
                <c:pt idx="7806">
                  <c:v>25.234500000000001</c:v>
                </c:pt>
                <c:pt idx="7807">
                  <c:v>26.355</c:v>
                </c:pt>
                <c:pt idx="7808">
                  <c:v>27.481999999999999</c:v>
                </c:pt>
                <c:pt idx="7809">
                  <c:v>27.913900000000002</c:v>
                </c:pt>
                <c:pt idx="7810">
                  <c:v>20.322199999999999</c:v>
                </c:pt>
                <c:pt idx="7811">
                  <c:v>21.410900000000002</c:v>
                </c:pt>
                <c:pt idx="7812">
                  <c:v>19.643599999999999</c:v>
                </c:pt>
                <c:pt idx="7813">
                  <c:v>20.131399999999999</c:v>
                </c:pt>
                <c:pt idx="7814">
                  <c:v>20.537600000000001</c:v>
                </c:pt>
                <c:pt idx="7815">
                  <c:v>20.933599999999998</c:v>
                </c:pt>
                <c:pt idx="7816">
                  <c:v>18.745899999999999</c:v>
                </c:pt>
                <c:pt idx="7817">
                  <c:v>18.652000000000001</c:v>
                </c:pt>
                <c:pt idx="7818">
                  <c:v>18.764600000000002</c:v>
                </c:pt>
                <c:pt idx="7819">
                  <c:v>18.8599</c:v>
                </c:pt>
                <c:pt idx="7820">
                  <c:v>19.108499999999999</c:v>
                </c:pt>
                <c:pt idx="7821">
                  <c:v>21.540199999999999</c:v>
                </c:pt>
                <c:pt idx="7822">
                  <c:v>22.786100000000001</c:v>
                </c:pt>
                <c:pt idx="7823">
                  <c:v>22.901700000000002</c:v>
                </c:pt>
                <c:pt idx="7824">
                  <c:v>22.9786</c:v>
                </c:pt>
                <c:pt idx="7825">
                  <c:v>23.001799999999999</c:v>
                </c:pt>
                <c:pt idx="7826">
                  <c:v>22.958500000000001</c:v>
                </c:pt>
                <c:pt idx="7827">
                  <c:v>23.4129</c:v>
                </c:pt>
                <c:pt idx="7828">
                  <c:v>23.518699999999999</c:v>
                </c:pt>
                <c:pt idx="7829">
                  <c:v>23.622299999999999</c:v>
                </c:pt>
                <c:pt idx="7830">
                  <c:v>23.678000000000001</c:v>
                </c:pt>
                <c:pt idx="7831">
                  <c:v>23.7349</c:v>
                </c:pt>
                <c:pt idx="7832">
                  <c:v>21.540199999999999</c:v>
                </c:pt>
                <c:pt idx="7833">
                  <c:v>22.786100000000001</c:v>
                </c:pt>
                <c:pt idx="7834">
                  <c:v>22.901700000000002</c:v>
                </c:pt>
                <c:pt idx="7835">
                  <c:v>22.9786</c:v>
                </c:pt>
                <c:pt idx="7836">
                  <c:v>23.001799999999999</c:v>
                </c:pt>
                <c:pt idx="7837">
                  <c:v>22.958500000000001</c:v>
                </c:pt>
                <c:pt idx="7838">
                  <c:v>23.4129</c:v>
                </c:pt>
                <c:pt idx="7839">
                  <c:v>23.518699999999999</c:v>
                </c:pt>
                <c:pt idx="7840">
                  <c:v>23.622299999999999</c:v>
                </c:pt>
                <c:pt idx="7841">
                  <c:v>23.678000000000001</c:v>
                </c:pt>
                <c:pt idx="7842">
                  <c:v>23.7349</c:v>
                </c:pt>
                <c:pt idx="7843">
                  <c:v>21.540199999999999</c:v>
                </c:pt>
                <c:pt idx="7844">
                  <c:v>22.786100000000001</c:v>
                </c:pt>
                <c:pt idx="7845">
                  <c:v>22.901700000000002</c:v>
                </c:pt>
                <c:pt idx="7846">
                  <c:v>22.9786</c:v>
                </c:pt>
                <c:pt idx="7847">
                  <c:v>23.001799999999999</c:v>
                </c:pt>
                <c:pt idx="7848">
                  <c:v>22.958500000000001</c:v>
                </c:pt>
                <c:pt idx="7849">
                  <c:v>23.4129</c:v>
                </c:pt>
                <c:pt idx="7850">
                  <c:v>23.518699999999999</c:v>
                </c:pt>
                <c:pt idx="7851">
                  <c:v>23.622299999999999</c:v>
                </c:pt>
                <c:pt idx="7852">
                  <c:v>23.678000000000001</c:v>
                </c:pt>
                <c:pt idx="7853">
                  <c:v>23.7349</c:v>
                </c:pt>
                <c:pt idx="7854">
                  <c:v>21.540199999999999</c:v>
                </c:pt>
                <c:pt idx="7855">
                  <c:v>22.786100000000001</c:v>
                </c:pt>
                <c:pt idx="7856">
                  <c:v>22.901700000000002</c:v>
                </c:pt>
                <c:pt idx="7857">
                  <c:v>22.9786</c:v>
                </c:pt>
                <c:pt idx="7858">
                  <c:v>23.001799999999999</c:v>
                </c:pt>
                <c:pt idx="7859">
                  <c:v>22.958500000000001</c:v>
                </c:pt>
                <c:pt idx="7860">
                  <c:v>23.4129</c:v>
                </c:pt>
                <c:pt idx="7861">
                  <c:v>23.518699999999999</c:v>
                </c:pt>
                <c:pt idx="7862">
                  <c:v>23.622299999999999</c:v>
                </c:pt>
                <c:pt idx="7863">
                  <c:v>23.678000000000001</c:v>
                </c:pt>
                <c:pt idx="7864">
                  <c:v>23.7349</c:v>
                </c:pt>
                <c:pt idx="7865">
                  <c:v>21.540199999999999</c:v>
                </c:pt>
                <c:pt idx="7866">
                  <c:v>22.786100000000001</c:v>
                </c:pt>
                <c:pt idx="7867">
                  <c:v>22.901700000000002</c:v>
                </c:pt>
                <c:pt idx="7868">
                  <c:v>22.9786</c:v>
                </c:pt>
                <c:pt idx="7869">
                  <c:v>23.001799999999999</c:v>
                </c:pt>
                <c:pt idx="7870">
                  <c:v>22.958500000000001</c:v>
                </c:pt>
                <c:pt idx="7871">
                  <c:v>23.4129</c:v>
                </c:pt>
                <c:pt idx="7872">
                  <c:v>23.518699999999999</c:v>
                </c:pt>
                <c:pt idx="7873">
                  <c:v>23.622299999999999</c:v>
                </c:pt>
                <c:pt idx="7874">
                  <c:v>23.678000000000001</c:v>
                </c:pt>
                <c:pt idx="7875">
                  <c:v>23.7349</c:v>
                </c:pt>
                <c:pt idx="7876">
                  <c:v>21.540199999999999</c:v>
                </c:pt>
                <c:pt idx="7877">
                  <c:v>22.786100000000001</c:v>
                </c:pt>
                <c:pt idx="7878">
                  <c:v>22.901700000000002</c:v>
                </c:pt>
                <c:pt idx="7879">
                  <c:v>22.9786</c:v>
                </c:pt>
                <c:pt idx="7880">
                  <c:v>23.001799999999999</c:v>
                </c:pt>
                <c:pt idx="7881">
                  <c:v>22.958500000000001</c:v>
                </c:pt>
                <c:pt idx="7882">
                  <c:v>23.4129</c:v>
                </c:pt>
                <c:pt idx="7883">
                  <c:v>23.518699999999999</c:v>
                </c:pt>
                <c:pt idx="7884">
                  <c:v>23.622299999999999</c:v>
                </c:pt>
                <c:pt idx="7885">
                  <c:v>23.678000000000001</c:v>
                </c:pt>
                <c:pt idx="7886">
                  <c:v>23.7349</c:v>
                </c:pt>
                <c:pt idx="7887">
                  <c:v>21.540199999999999</c:v>
                </c:pt>
                <c:pt idx="7888">
                  <c:v>22.786100000000001</c:v>
                </c:pt>
                <c:pt idx="7889">
                  <c:v>22.901700000000002</c:v>
                </c:pt>
                <c:pt idx="7890">
                  <c:v>22.9786</c:v>
                </c:pt>
                <c:pt idx="7891">
                  <c:v>23.001799999999999</c:v>
                </c:pt>
                <c:pt idx="7892">
                  <c:v>22.958500000000001</c:v>
                </c:pt>
                <c:pt idx="7893">
                  <c:v>23.4129</c:v>
                </c:pt>
                <c:pt idx="7894">
                  <c:v>23.518699999999999</c:v>
                </c:pt>
                <c:pt idx="7895">
                  <c:v>23.622299999999999</c:v>
                </c:pt>
                <c:pt idx="7896">
                  <c:v>23.678000000000001</c:v>
                </c:pt>
                <c:pt idx="7897">
                  <c:v>23.7349</c:v>
                </c:pt>
                <c:pt idx="7898">
                  <c:v>21.540199999999999</c:v>
                </c:pt>
                <c:pt idx="7899">
                  <c:v>22.786100000000001</c:v>
                </c:pt>
                <c:pt idx="7900">
                  <c:v>22.901700000000002</c:v>
                </c:pt>
                <c:pt idx="7901">
                  <c:v>22.9786</c:v>
                </c:pt>
                <c:pt idx="7902">
                  <c:v>23.001799999999999</c:v>
                </c:pt>
                <c:pt idx="7903">
                  <c:v>22.958500000000001</c:v>
                </c:pt>
                <c:pt idx="7904">
                  <c:v>23.4129</c:v>
                </c:pt>
                <c:pt idx="7905">
                  <c:v>23.518699999999999</c:v>
                </c:pt>
                <c:pt idx="7906">
                  <c:v>23.622299999999999</c:v>
                </c:pt>
                <c:pt idx="7907">
                  <c:v>23.678000000000001</c:v>
                </c:pt>
                <c:pt idx="7908">
                  <c:v>23.7349</c:v>
                </c:pt>
                <c:pt idx="7909">
                  <c:v>21.540199999999999</c:v>
                </c:pt>
                <c:pt idx="7910">
                  <c:v>22.786100000000001</c:v>
                </c:pt>
                <c:pt idx="7911">
                  <c:v>22.901700000000002</c:v>
                </c:pt>
                <c:pt idx="7912">
                  <c:v>22.9786</c:v>
                </c:pt>
                <c:pt idx="7913">
                  <c:v>23.001799999999999</c:v>
                </c:pt>
                <c:pt idx="7914">
                  <c:v>22.958500000000001</c:v>
                </c:pt>
                <c:pt idx="7915">
                  <c:v>23.4129</c:v>
                </c:pt>
                <c:pt idx="7916">
                  <c:v>23.518699999999999</c:v>
                </c:pt>
                <c:pt idx="7917">
                  <c:v>23.622299999999999</c:v>
                </c:pt>
                <c:pt idx="7918">
                  <c:v>23.678000000000001</c:v>
                </c:pt>
                <c:pt idx="7919">
                  <c:v>23.7349</c:v>
                </c:pt>
                <c:pt idx="7920">
                  <c:v>41.432000000000002</c:v>
                </c:pt>
                <c:pt idx="7921">
                  <c:v>51.634500000000003</c:v>
                </c:pt>
                <c:pt idx="7922">
                  <c:v>61.974899999999998</c:v>
                </c:pt>
                <c:pt idx="7923">
                  <c:v>69.346100000000007</c:v>
                </c:pt>
                <c:pt idx="7924">
                  <c:v>72.792599999999993</c:v>
                </c:pt>
                <c:pt idx="7925">
                  <c:v>77.865499999999997</c:v>
                </c:pt>
                <c:pt idx="7926">
                  <c:v>80.496899999999997</c:v>
                </c:pt>
                <c:pt idx="7927">
                  <c:v>82.365099999999998</c:v>
                </c:pt>
                <c:pt idx="7928">
                  <c:v>82.610600000000005</c:v>
                </c:pt>
                <c:pt idx="7929">
                  <c:v>84.502600000000001</c:v>
                </c:pt>
                <c:pt idx="7930">
                  <c:v>85.906899999999993</c:v>
                </c:pt>
                <c:pt idx="7931">
                  <c:v>17.952100000000002</c:v>
                </c:pt>
                <c:pt idx="7932">
                  <c:v>21.626799999999999</c:v>
                </c:pt>
                <c:pt idx="7933">
                  <c:v>18.8735</c:v>
                </c:pt>
                <c:pt idx="7934">
                  <c:v>19.203600000000002</c:v>
                </c:pt>
                <c:pt idx="7935">
                  <c:v>25.968900000000001</c:v>
                </c:pt>
                <c:pt idx="7936">
                  <c:v>24.919499999999999</c:v>
                </c:pt>
                <c:pt idx="7937">
                  <c:v>23.020900000000001</c:v>
                </c:pt>
                <c:pt idx="7938">
                  <c:v>24.282800000000002</c:v>
                </c:pt>
                <c:pt idx="7939">
                  <c:v>26.1388</c:v>
                </c:pt>
                <c:pt idx="7940">
                  <c:v>26.740200000000002</c:v>
                </c:pt>
                <c:pt idx="7941">
                  <c:v>27.9147</c:v>
                </c:pt>
                <c:pt idx="7942">
                  <c:v>25.0593</c:v>
                </c:pt>
                <c:pt idx="7943">
                  <c:v>24.986499999999999</c:v>
                </c:pt>
                <c:pt idx="7944">
                  <c:v>25.502800000000001</c:v>
                </c:pt>
                <c:pt idx="7945">
                  <c:v>26.246500000000001</c:v>
                </c:pt>
                <c:pt idx="7946">
                  <c:v>26.796500000000002</c:v>
                </c:pt>
                <c:pt idx="7947">
                  <c:v>27.2866</c:v>
                </c:pt>
                <c:pt idx="7948">
                  <c:v>25.9405</c:v>
                </c:pt>
                <c:pt idx="7949">
                  <c:v>25.389199999999999</c:v>
                </c:pt>
                <c:pt idx="7950">
                  <c:v>25.649100000000001</c:v>
                </c:pt>
                <c:pt idx="7951">
                  <c:v>25.881499999999999</c:v>
                </c:pt>
                <c:pt idx="7952">
                  <c:v>26.045999999999999</c:v>
                </c:pt>
                <c:pt idx="7953">
                  <c:v>25.0593</c:v>
                </c:pt>
                <c:pt idx="7954">
                  <c:v>25.409199999999998</c:v>
                </c:pt>
                <c:pt idx="7955">
                  <c:v>25.502800000000001</c:v>
                </c:pt>
                <c:pt idx="7956">
                  <c:v>26.246500000000001</c:v>
                </c:pt>
                <c:pt idx="7957">
                  <c:v>26.796500000000002</c:v>
                </c:pt>
                <c:pt idx="7958">
                  <c:v>27.2866</c:v>
                </c:pt>
                <c:pt idx="7959">
                  <c:v>27.008600000000001</c:v>
                </c:pt>
                <c:pt idx="7960">
                  <c:v>26.9758</c:v>
                </c:pt>
                <c:pt idx="7961">
                  <c:v>26.9514</c:v>
                </c:pt>
                <c:pt idx="7962">
                  <c:v>26.9221</c:v>
                </c:pt>
                <c:pt idx="7963">
                  <c:v>26.905899999999999</c:v>
                </c:pt>
                <c:pt idx="7964">
                  <c:v>25.0593</c:v>
                </c:pt>
                <c:pt idx="7965">
                  <c:v>25.409199999999998</c:v>
                </c:pt>
                <c:pt idx="7966">
                  <c:v>25.502800000000001</c:v>
                </c:pt>
                <c:pt idx="7967">
                  <c:v>26.246500000000001</c:v>
                </c:pt>
                <c:pt idx="7968">
                  <c:v>26.796500000000002</c:v>
                </c:pt>
                <c:pt idx="7969">
                  <c:v>27.2866</c:v>
                </c:pt>
                <c:pt idx="7970">
                  <c:v>27.008600000000001</c:v>
                </c:pt>
                <c:pt idx="7971">
                  <c:v>26.9758</c:v>
                </c:pt>
                <c:pt idx="7972">
                  <c:v>26.9514</c:v>
                </c:pt>
                <c:pt idx="7973">
                  <c:v>26.9221</c:v>
                </c:pt>
                <c:pt idx="7974">
                  <c:v>26.905899999999999</c:v>
                </c:pt>
                <c:pt idx="7975">
                  <c:v>25.0593</c:v>
                </c:pt>
                <c:pt idx="7976">
                  <c:v>25.409199999999998</c:v>
                </c:pt>
                <c:pt idx="7977">
                  <c:v>25.502800000000001</c:v>
                </c:pt>
                <c:pt idx="7978">
                  <c:v>26.246500000000001</c:v>
                </c:pt>
                <c:pt idx="7979">
                  <c:v>26.796500000000002</c:v>
                </c:pt>
                <c:pt idx="7980">
                  <c:v>27.2866</c:v>
                </c:pt>
                <c:pt idx="7981">
                  <c:v>27.008600000000001</c:v>
                </c:pt>
                <c:pt idx="7982">
                  <c:v>26.9758</c:v>
                </c:pt>
                <c:pt idx="7983">
                  <c:v>26.9514</c:v>
                </c:pt>
                <c:pt idx="7984">
                  <c:v>26.9221</c:v>
                </c:pt>
                <c:pt idx="7985">
                  <c:v>26.905899999999999</c:v>
                </c:pt>
                <c:pt idx="7986">
                  <c:v>25.0593</c:v>
                </c:pt>
                <c:pt idx="7987">
                  <c:v>25.409199999999998</c:v>
                </c:pt>
                <c:pt idx="7988">
                  <c:v>25.502800000000001</c:v>
                </c:pt>
                <c:pt idx="7989">
                  <c:v>26.246500000000001</c:v>
                </c:pt>
                <c:pt idx="7990">
                  <c:v>26.796500000000002</c:v>
                </c:pt>
                <c:pt idx="7991">
                  <c:v>27.2866</c:v>
                </c:pt>
                <c:pt idx="7992">
                  <c:v>27.008600000000001</c:v>
                </c:pt>
                <c:pt idx="7993">
                  <c:v>26.9758</c:v>
                </c:pt>
                <c:pt idx="7994">
                  <c:v>26.9514</c:v>
                </c:pt>
                <c:pt idx="7995">
                  <c:v>26.9221</c:v>
                </c:pt>
                <c:pt idx="7996">
                  <c:v>26.905899999999999</c:v>
                </c:pt>
                <c:pt idx="7997">
                  <c:v>25.0593</c:v>
                </c:pt>
                <c:pt idx="7998">
                  <c:v>25.409199999999998</c:v>
                </c:pt>
                <c:pt idx="7999">
                  <c:v>25.502800000000001</c:v>
                </c:pt>
                <c:pt idx="8000">
                  <c:v>26.246500000000001</c:v>
                </c:pt>
                <c:pt idx="8001">
                  <c:v>26.796500000000002</c:v>
                </c:pt>
                <c:pt idx="8002">
                  <c:v>27.2866</c:v>
                </c:pt>
                <c:pt idx="8003">
                  <c:v>27.008600000000001</c:v>
                </c:pt>
                <c:pt idx="8004">
                  <c:v>26.9758</c:v>
                </c:pt>
                <c:pt idx="8005">
                  <c:v>26.9514</c:v>
                </c:pt>
                <c:pt idx="8006">
                  <c:v>26.9221</c:v>
                </c:pt>
                <c:pt idx="8007">
                  <c:v>26.905899999999999</c:v>
                </c:pt>
                <c:pt idx="8008">
                  <c:v>25.0593</c:v>
                </c:pt>
                <c:pt idx="8009">
                  <c:v>25.409199999999998</c:v>
                </c:pt>
                <c:pt idx="8010">
                  <c:v>25.502800000000001</c:v>
                </c:pt>
                <c:pt idx="8011">
                  <c:v>26.246500000000001</c:v>
                </c:pt>
                <c:pt idx="8012">
                  <c:v>26.796500000000002</c:v>
                </c:pt>
                <c:pt idx="8013">
                  <c:v>27.2866</c:v>
                </c:pt>
                <c:pt idx="8014">
                  <c:v>27.008600000000001</c:v>
                </c:pt>
                <c:pt idx="8015">
                  <c:v>26.9758</c:v>
                </c:pt>
                <c:pt idx="8016">
                  <c:v>26.9514</c:v>
                </c:pt>
                <c:pt idx="8017">
                  <c:v>26.9221</c:v>
                </c:pt>
                <c:pt idx="8018">
                  <c:v>26.905899999999999</c:v>
                </c:pt>
                <c:pt idx="8019">
                  <c:v>25.0593</c:v>
                </c:pt>
                <c:pt idx="8020">
                  <c:v>25.409199999999998</c:v>
                </c:pt>
                <c:pt idx="8021">
                  <c:v>25.502800000000001</c:v>
                </c:pt>
                <c:pt idx="8022">
                  <c:v>26.246500000000001</c:v>
                </c:pt>
                <c:pt idx="8023">
                  <c:v>26.796500000000002</c:v>
                </c:pt>
                <c:pt idx="8024">
                  <c:v>27.2866</c:v>
                </c:pt>
                <c:pt idx="8025">
                  <c:v>27.008600000000001</c:v>
                </c:pt>
                <c:pt idx="8026">
                  <c:v>26.9758</c:v>
                </c:pt>
                <c:pt idx="8027">
                  <c:v>26.9514</c:v>
                </c:pt>
                <c:pt idx="8028">
                  <c:v>26.9221</c:v>
                </c:pt>
                <c:pt idx="8029">
                  <c:v>26.905899999999999</c:v>
                </c:pt>
                <c:pt idx="8030">
                  <c:v>25.0593</c:v>
                </c:pt>
                <c:pt idx="8031">
                  <c:v>25.409199999999998</c:v>
                </c:pt>
                <c:pt idx="8032">
                  <c:v>25.502800000000001</c:v>
                </c:pt>
                <c:pt idx="8033">
                  <c:v>26.246500000000001</c:v>
                </c:pt>
                <c:pt idx="8034">
                  <c:v>26.796500000000002</c:v>
                </c:pt>
                <c:pt idx="8035">
                  <c:v>27.2866</c:v>
                </c:pt>
                <c:pt idx="8036">
                  <c:v>27.008600000000001</c:v>
                </c:pt>
                <c:pt idx="8037">
                  <c:v>26.9758</c:v>
                </c:pt>
                <c:pt idx="8038">
                  <c:v>26.9514</c:v>
                </c:pt>
                <c:pt idx="8039">
                  <c:v>26.9221</c:v>
                </c:pt>
                <c:pt idx="8040">
                  <c:v>26.905899999999999</c:v>
                </c:pt>
                <c:pt idx="8041">
                  <c:v>25.0593</c:v>
                </c:pt>
                <c:pt idx="8042">
                  <c:v>25.409199999999998</c:v>
                </c:pt>
                <c:pt idx="8043">
                  <c:v>25.502800000000001</c:v>
                </c:pt>
                <c:pt idx="8044">
                  <c:v>26.246500000000001</c:v>
                </c:pt>
                <c:pt idx="8045">
                  <c:v>26.796500000000002</c:v>
                </c:pt>
                <c:pt idx="8046">
                  <c:v>27.2866</c:v>
                </c:pt>
                <c:pt idx="8047">
                  <c:v>27.008600000000001</c:v>
                </c:pt>
                <c:pt idx="8048">
                  <c:v>26.9758</c:v>
                </c:pt>
                <c:pt idx="8049">
                  <c:v>26.9514</c:v>
                </c:pt>
                <c:pt idx="8050">
                  <c:v>26.9221</c:v>
                </c:pt>
                <c:pt idx="8051">
                  <c:v>26.905899999999999</c:v>
                </c:pt>
                <c:pt idx="8052">
                  <c:v>41.432000000000002</c:v>
                </c:pt>
                <c:pt idx="8053">
                  <c:v>48.907899999999998</c:v>
                </c:pt>
                <c:pt idx="8054">
                  <c:v>60.703699999999998</c:v>
                </c:pt>
                <c:pt idx="8055">
                  <c:v>71.773899999999998</c:v>
                </c:pt>
                <c:pt idx="8056">
                  <c:v>73.072100000000006</c:v>
                </c:pt>
                <c:pt idx="8057">
                  <c:v>79.662599999999998</c:v>
                </c:pt>
                <c:pt idx="8058">
                  <c:v>83.516900000000007</c:v>
                </c:pt>
                <c:pt idx="8059">
                  <c:v>85.903899999999993</c:v>
                </c:pt>
                <c:pt idx="8060">
                  <c:v>88.034000000000006</c:v>
                </c:pt>
                <c:pt idx="8061">
                  <c:v>86.1554</c:v>
                </c:pt>
                <c:pt idx="8062">
                  <c:v>89.839500000000001</c:v>
                </c:pt>
                <c:pt idx="8063">
                  <c:v>17.952100000000002</c:v>
                </c:pt>
                <c:pt idx="8064">
                  <c:v>21.626799999999999</c:v>
                </c:pt>
                <c:pt idx="8065">
                  <c:v>18.8735</c:v>
                </c:pt>
                <c:pt idx="8066">
                  <c:v>19.203600000000002</c:v>
                </c:pt>
                <c:pt idx="8067">
                  <c:v>25.968900000000001</c:v>
                </c:pt>
                <c:pt idx="8068">
                  <c:v>24.919499999999999</c:v>
                </c:pt>
                <c:pt idx="8069">
                  <c:v>22.009</c:v>
                </c:pt>
                <c:pt idx="8070">
                  <c:v>23.332999999999998</c:v>
                </c:pt>
                <c:pt idx="8071">
                  <c:v>24.54</c:v>
                </c:pt>
                <c:pt idx="8072">
                  <c:v>25.8858</c:v>
                </c:pt>
                <c:pt idx="8073">
                  <c:v>27.717600000000001</c:v>
                </c:pt>
                <c:pt idx="8074">
                  <c:v>25.0593</c:v>
                </c:pt>
                <c:pt idx="8075">
                  <c:v>24.986499999999999</c:v>
                </c:pt>
                <c:pt idx="8076">
                  <c:v>25.502800000000001</c:v>
                </c:pt>
                <c:pt idx="8077">
                  <c:v>26.246500000000001</c:v>
                </c:pt>
                <c:pt idx="8078">
                  <c:v>26.796500000000002</c:v>
                </c:pt>
                <c:pt idx="8079">
                  <c:v>27.2866</c:v>
                </c:pt>
                <c:pt idx="8080">
                  <c:v>25.9405</c:v>
                </c:pt>
                <c:pt idx="8081">
                  <c:v>25.389199999999999</c:v>
                </c:pt>
                <c:pt idx="8082">
                  <c:v>25.649100000000001</c:v>
                </c:pt>
                <c:pt idx="8083">
                  <c:v>25.881499999999999</c:v>
                </c:pt>
                <c:pt idx="8084">
                  <c:v>26.045999999999999</c:v>
                </c:pt>
                <c:pt idx="8085">
                  <c:v>25.0593</c:v>
                </c:pt>
                <c:pt idx="8086">
                  <c:v>25.409199999999998</c:v>
                </c:pt>
                <c:pt idx="8087">
                  <c:v>25.502800000000001</c:v>
                </c:pt>
                <c:pt idx="8088">
                  <c:v>26.246500000000001</c:v>
                </c:pt>
                <c:pt idx="8089">
                  <c:v>26.796500000000002</c:v>
                </c:pt>
                <c:pt idx="8090">
                  <c:v>27.2866</c:v>
                </c:pt>
                <c:pt idx="8091">
                  <c:v>27.008600000000001</c:v>
                </c:pt>
                <c:pt idx="8092">
                  <c:v>26.9758</c:v>
                </c:pt>
                <c:pt idx="8093">
                  <c:v>26.9514</c:v>
                </c:pt>
                <c:pt idx="8094">
                  <c:v>26.9221</c:v>
                </c:pt>
                <c:pt idx="8095">
                  <c:v>26.905899999999999</c:v>
                </c:pt>
                <c:pt idx="8096">
                  <c:v>25.0593</c:v>
                </c:pt>
                <c:pt idx="8097">
                  <c:v>25.409199999999998</c:v>
                </c:pt>
                <c:pt idx="8098">
                  <c:v>25.502800000000001</c:v>
                </c:pt>
                <c:pt idx="8099">
                  <c:v>26.246500000000001</c:v>
                </c:pt>
                <c:pt idx="8100">
                  <c:v>26.796500000000002</c:v>
                </c:pt>
                <c:pt idx="8101">
                  <c:v>27.2866</c:v>
                </c:pt>
                <c:pt idx="8102">
                  <c:v>27.008600000000001</c:v>
                </c:pt>
                <c:pt idx="8103">
                  <c:v>26.9758</c:v>
                </c:pt>
                <c:pt idx="8104">
                  <c:v>26.9514</c:v>
                </c:pt>
                <c:pt idx="8105">
                  <c:v>26.9221</c:v>
                </c:pt>
                <c:pt idx="8106">
                  <c:v>26.905899999999999</c:v>
                </c:pt>
                <c:pt idx="8107">
                  <c:v>25.0593</c:v>
                </c:pt>
                <c:pt idx="8108">
                  <c:v>25.409199999999998</c:v>
                </c:pt>
                <c:pt idx="8109">
                  <c:v>25.502800000000001</c:v>
                </c:pt>
                <c:pt idx="8110">
                  <c:v>26.246500000000001</c:v>
                </c:pt>
                <c:pt idx="8111">
                  <c:v>26.796500000000002</c:v>
                </c:pt>
                <c:pt idx="8112">
                  <c:v>27.2866</c:v>
                </c:pt>
                <c:pt idx="8113">
                  <c:v>27.008600000000001</c:v>
                </c:pt>
                <c:pt idx="8114">
                  <c:v>26.9758</c:v>
                </c:pt>
                <c:pt idx="8115">
                  <c:v>26.9514</c:v>
                </c:pt>
                <c:pt idx="8116">
                  <c:v>26.9221</c:v>
                </c:pt>
                <c:pt idx="8117">
                  <c:v>26.905899999999999</c:v>
                </c:pt>
                <c:pt idx="8118">
                  <c:v>25.0593</c:v>
                </c:pt>
                <c:pt idx="8119">
                  <c:v>25.409199999999998</c:v>
                </c:pt>
                <c:pt idx="8120">
                  <c:v>25.502800000000001</c:v>
                </c:pt>
                <c:pt idx="8121">
                  <c:v>26.246500000000001</c:v>
                </c:pt>
                <c:pt idx="8122">
                  <c:v>26.796500000000002</c:v>
                </c:pt>
                <c:pt idx="8123">
                  <c:v>27.2866</c:v>
                </c:pt>
                <c:pt idx="8124">
                  <c:v>27.008600000000001</c:v>
                </c:pt>
                <c:pt idx="8125">
                  <c:v>26.9758</c:v>
                </c:pt>
                <c:pt idx="8126">
                  <c:v>26.9514</c:v>
                </c:pt>
                <c:pt idx="8127">
                  <c:v>26.9221</c:v>
                </c:pt>
                <c:pt idx="8128">
                  <c:v>26.905899999999999</c:v>
                </c:pt>
                <c:pt idx="8129">
                  <c:v>25.0593</c:v>
                </c:pt>
                <c:pt idx="8130">
                  <c:v>25.409199999999998</c:v>
                </c:pt>
                <c:pt idx="8131">
                  <c:v>25.502800000000001</c:v>
                </c:pt>
                <c:pt idx="8132">
                  <c:v>26.246500000000001</c:v>
                </c:pt>
                <c:pt idx="8133">
                  <c:v>26.796500000000002</c:v>
                </c:pt>
                <c:pt idx="8134">
                  <c:v>27.2866</c:v>
                </c:pt>
                <c:pt idx="8135">
                  <c:v>27.008600000000001</c:v>
                </c:pt>
                <c:pt idx="8136">
                  <c:v>26.9758</c:v>
                </c:pt>
                <c:pt idx="8137">
                  <c:v>26.9514</c:v>
                </c:pt>
                <c:pt idx="8138">
                  <c:v>26.9221</c:v>
                </c:pt>
                <c:pt idx="8139">
                  <c:v>26.905899999999999</c:v>
                </c:pt>
                <c:pt idx="8140">
                  <c:v>25.0593</c:v>
                </c:pt>
                <c:pt idx="8141">
                  <c:v>25.409199999999998</c:v>
                </c:pt>
                <c:pt idx="8142">
                  <c:v>25.502800000000001</c:v>
                </c:pt>
                <c:pt idx="8143">
                  <c:v>26.246500000000001</c:v>
                </c:pt>
                <c:pt idx="8144">
                  <c:v>26.796500000000002</c:v>
                </c:pt>
                <c:pt idx="8145">
                  <c:v>27.2866</c:v>
                </c:pt>
                <c:pt idx="8146">
                  <c:v>27.008600000000001</c:v>
                </c:pt>
                <c:pt idx="8147">
                  <c:v>26.9758</c:v>
                </c:pt>
                <c:pt idx="8148">
                  <c:v>26.9514</c:v>
                </c:pt>
                <c:pt idx="8149">
                  <c:v>26.9221</c:v>
                </c:pt>
                <c:pt idx="8150">
                  <c:v>26.905899999999999</c:v>
                </c:pt>
                <c:pt idx="8151">
                  <c:v>25.0593</c:v>
                </c:pt>
                <c:pt idx="8152">
                  <c:v>25.409199999999998</c:v>
                </c:pt>
                <c:pt idx="8153">
                  <c:v>25.502800000000001</c:v>
                </c:pt>
                <c:pt idx="8154">
                  <c:v>26.246500000000001</c:v>
                </c:pt>
                <c:pt idx="8155">
                  <c:v>26.796500000000002</c:v>
                </c:pt>
                <c:pt idx="8156">
                  <c:v>27.2866</c:v>
                </c:pt>
                <c:pt idx="8157">
                  <c:v>27.008600000000001</c:v>
                </c:pt>
                <c:pt idx="8158">
                  <c:v>26.9758</c:v>
                </c:pt>
                <c:pt idx="8159">
                  <c:v>26.9514</c:v>
                </c:pt>
                <c:pt idx="8160">
                  <c:v>26.9221</c:v>
                </c:pt>
                <c:pt idx="8161">
                  <c:v>26.905899999999999</c:v>
                </c:pt>
                <c:pt idx="8162">
                  <c:v>25.0593</c:v>
                </c:pt>
                <c:pt idx="8163">
                  <c:v>25.409199999999998</c:v>
                </c:pt>
                <c:pt idx="8164">
                  <c:v>25.502800000000001</c:v>
                </c:pt>
                <c:pt idx="8165">
                  <c:v>26.246500000000001</c:v>
                </c:pt>
                <c:pt idx="8166">
                  <c:v>26.796500000000002</c:v>
                </c:pt>
                <c:pt idx="8167">
                  <c:v>27.2866</c:v>
                </c:pt>
                <c:pt idx="8168">
                  <c:v>27.008600000000001</c:v>
                </c:pt>
                <c:pt idx="8169">
                  <c:v>26.9758</c:v>
                </c:pt>
                <c:pt idx="8170">
                  <c:v>26.9514</c:v>
                </c:pt>
                <c:pt idx="8171">
                  <c:v>26.9221</c:v>
                </c:pt>
                <c:pt idx="8172">
                  <c:v>26.905899999999999</c:v>
                </c:pt>
                <c:pt idx="8173">
                  <c:v>25.0593</c:v>
                </c:pt>
                <c:pt idx="8174">
                  <c:v>25.409199999999998</c:v>
                </c:pt>
                <c:pt idx="8175">
                  <c:v>25.502800000000001</c:v>
                </c:pt>
                <c:pt idx="8176">
                  <c:v>26.246500000000001</c:v>
                </c:pt>
                <c:pt idx="8177">
                  <c:v>26.796500000000002</c:v>
                </c:pt>
                <c:pt idx="8178">
                  <c:v>27.2866</c:v>
                </c:pt>
                <c:pt idx="8179">
                  <c:v>27.008600000000001</c:v>
                </c:pt>
                <c:pt idx="8180">
                  <c:v>26.9758</c:v>
                </c:pt>
                <c:pt idx="8181">
                  <c:v>26.9514</c:v>
                </c:pt>
                <c:pt idx="8182">
                  <c:v>26.9221</c:v>
                </c:pt>
                <c:pt idx="8183">
                  <c:v>26.905899999999999</c:v>
                </c:pt>
                <c:pt idx="8184">
                  <c:v>41.432000000000002</c:v>
                </c:pt>
                <c:pt idx="8185">
                  <c:v>48.907899999999998</c:v>
                </c:pt>
                <c:pt idx="8186">
                  <c:v>58.104799999999997</c:v>
                </c:pt>
                <c:pt idx="8187">
                  <c:v>69.389700000000005</c:v>
                </c:pt>
                <c:pt idx="8188">
                  <c:v>74.681100000000001</c:v>
                </c:pt>
                <c:pt idx="8189">
                  <c:v>79.792400000000001</c:v>
                </c:pt>
                <c:pt idx="8190">
                  <c:v>83.956999999999994</c:v>
                </c:pt>
                <c:pt idx="8191">
                  <c:v>87.402100000000004</c:v>
                </c:pt>
                <c:pt idx="8192">
                  <c:v>90.926699999999997</c:v>
                </c:pt>
                <c:pt idx="8193">
                  <c:v>93.739199999999997</c:v>
                </c:pt>
                <c:pt idx="8194">
                  <c:v>91.378100000000003</c:v>
                </c:pt>
                <c:pt idx="8195">
                  <c:v>17.952100000000002</c:v>
                </c:pt>
                <c:pt idx="8196">
                  <c:v>21.626799999999999</c:v>
                </c:pt>
                <c:pt idx="8197">
                  <c:v>18.8735</c:v>
                </c:pt>
                <c:pt idx="8198">
                  <c:v>19.203600000000002</c:v>
                </c:pt>
                <c:pt idx="8199">
                  <c:v>25.968900000000001</c:v>
                </c:pt>
                <c:pt idx="8200">
                  <c:v>24.919499999999999</c:v>
                </c:pt>
                <c:pt idx="8201">
                  <c:v>19.9846</c:v>
                </c:pt>
                <c:pt idx="8202">
                  <c:v>22.5959</c:v>
                </c:pt>
                <c:pt idx="8203">
                  <c:v>24.067399999999999</c:v>
                </c:pt>
                <c:pt idx="8204">
                  <c:v>25.3003</c:v>
                </c:pt>
                <c:pt idx="8205">
                  <c:v>26.887599999999999</c:v>
                </c:pt>
                <c:pt idx="8206">
                  <c:v>25.0593</c:v>
                </c:pt>
                <c:pt idx="8207">
                  <c:v>24.986499999999999</c:v>
                </c:pt>
                <c:pt idx="8208">
                  <c:v>25.502800000000001</c:v>
                </c:pt>
                <c:pt idx="8209">
                  <c:v>26.246500000000001</c:v>
                </c:pt>
                <c:pt idx="8210">
                  <c:v>26.796500000000002</c:v>
                </c:pt>
                <c:pt idx="8211">
                  <c:v>27.2866</c:v>
                </c:pt>
                <c:pt idx="8212">
                  <c:v>25.9405</c:v>
                </c:pt>
                <c:pt idx="8213">
                  <c:v>25.389199999999999</c:v>
                </c:pt>
                <c:pt idx="8214">
                  <c:v>25.649100000000001</c:v>
                </c:pt>
                <c:pt idx="8215">
                  <c:v>25.881499999999999</c:v>
                </c:pt>
                <c:pt idx="8216">
                  <c:v>26.045999999999999</c:v>
                </c:pt>
                <c:pt idx="8217">
                  <c:v>25.0593</c:v>
                </c:pt>
                <c:pt idx="8218">
                  <c:v>25.409199999999998</c:v>
                </c:pt>
                <c:pt idx="8219">
                  <c:v>25.502800000000001</c:v>
                </c:pt>
                <c:pt idx="8220">
                  <c:v>26.246500000000001</c:v>
                </c:pt>
                <c:pt idx="8221">
                  <c:v>26.796500000000002</c:v>
                </c:pt>
                <c:pt idx="8222">
                  <c:v>27.2866</c:v>
                </c:pt>
                <c:pt idx="8223">
                  <c:v>27.008600000000001</c:v>
                </c:pt>
                <c:pt idx="8224">
                  <c:v>26.9758</c:v>
                </c:pt>
                <c:pt idx="8225">
                  <c:v>26.9514</c:v>
                </c:pt>
                <c:pt idx="8226">
                  <c:v>26.9221</c:v>
                </c:pt>
                <c:pt idx="8227">
                  <c:v>26.905899999999999</c:v>
                </c:pt>
                <c:pt idx="8228">
                  <c:v>25.0593</c:v>
                </c:pt>
                <c:pt idx="8229">
                  <c:v>25.409199999999998</c:v>
                </c:pt>
                <c:pt idx="8230">
                  <c:v>25.502800000000001</c:v>
                </c:pt>
                <c:pt idx="8231">
                  <c:v>26.246500000000001</c:v>
                </c:pt>
                <c:pt idx="8232">
                  <c:v>26.796500000000002</c:v>
                </c:pt>
                <c:pt idx="8233">
                  <c:v>27.2866</c:v>
                </c:pt>
                <c:pt idx="8234">
                  <c:v>27.008600000000001</c:v>
                </c:pt>
                <c:pt idx="8235">
                  <c:v>26.9758</c:v>
                </c:pt>
                <c:pt idx="8236">
                  <c:v>26.9514</c:v>
                </c:pt>
                <c:pt idx="8237">
                  <c:v>26.9221</c:v>
                </c:pt>
                <c:pt idx="8238">
                  <c:v>26.905899999999999</c:v>
                </c:pt>
                <c:pt idx="8239">
                  <c:v>25.0593</c:v>
                </c:pt>
                <c:pt idx="8240">
                  <c:v>25.409199999999998</c:v>
                </c:pt>
                <c:pt idx="8241">
                  <c:v>25.502800000000001</c:v>
                </c:pt>
                <c:pt idx="8242">
                  <c:v>26.246500000000001</c:v>
                </c:pt>
                <c:pt idx="8243">
                  <c:v>26.796500000000002</c:v>
                </c:pt>
                <c:pt idx="8244">
                  <c:v>27.2866</c:v>
                </c:pt>
                <c:pt idx="8245">
                  <c:v>27.008600000000001</c:v>
                </c:pt>
                <c:pt idx="8246">
                  <c:v>26.9758</c:v>
                </c:pt>
                <c:pt idx="8247">
                  <c:v>26.9514</c:v>
                </c:pt>
                <c:pt idx="8248">
                  <c:v>26.9221</c:v>
                </c:pt>
                <c:pt idx="8249">
                  <c:v>26.905899999999999</c:v>
                </c:pt>
                <c:pt idx="8250">
                  <c:v>25.0593</c:v>
                </c:pt>
                <c:pt idx="8251">
                  <c:v>25.409199999999998</c:v>
                </c:pt>
                <c:pt idx="8252">
                  <c:v>25.502800000000001</c:v>
                </c:pt>
                <c:pt idx="8253">
                  <c:v>26.246500000000001</c:v>
                </c:pt>
                <c:pt idx="8254">
                  <c:v>26.796500000000002</c:v>
                </c:pt>
                <c:pt idx="8255">
                  <c:v>27.2866</c:v>
                </c:pt>
                <c:pt idx="8256">
                  <c:v>27.008600000000001</c:v>
                </c:pt>
                <c:pt idx="8257">
                  <c:v>26.9758</c:v>
                </c:pt>
                <c:pt idx="8258">
                  <c:v>26.9514</c:v>
                </c:pt>
                <c:pt idx="8259">
                  <c:v>26.9221</c:v>
                </c:pt>
                <c:pt idx="8260">
                  <c:v>26.905899999999999</c:v>
                </c:pt>
                <c:pt idx="8261">
                  <c:v>25.0593</c:v>
                </c:pt>
                <c:pt idx="8262">
                  <c:v>25.409199999999998</c:v>
                </c:pt>
                <c:pt idx="8263">
                  <c:v>25.502800000000001</c:v>
                </c:pt>
                <c:pt idx="8264">
                  <c:v>26.246500000000001</c:v>
                </c:pt>
                <c:pt idx="8265">
                  <c:v>26.796500000000002</c:v>
                </c:pt>
                <c:pt idx="8266">
                  <c:v>27.2866</c:v>
                </c:pt>
                <c:pt idx="8267">
                  <c:v>27.008600000000001</c:v>
                </c:pt>
                <c:pt idx="8268">
                  <c:v>26.9758</c:v>
                </c:pt>
                <c:pt idx="8269">
                  <c:v>26.9514</c:v>
                </c:pt>
                <c:pt idx="8270">
                  <c:v>26.9221</c:v>
                </c:pt>
                <c:pt idx="8271">
                  <c:v>26.905899999999999</c:v>
                </c:pt>
                <c:pt idx="8272">
                  <c:v>25.0593</c:v>
                </c:pt>
                <c:pt idx="8273">
                  <c:v>25.409199999999998</c:v>
                </c:pt>
                <c:pt idx="8274">
                  <c:v>25.502800000000001</c:v>
                </c:pt>
                <c:pt idx="8275">
                  <c:v>26.246500000000001</c:v>
                </c:pt>
                <c:pt idx="8276">
                  <c:v>26.796500000000002</c:v>
                </c:pt>
                <c:pt idx="8277">
                  <c:v>27.2866</c:v>
                </c:pt>
                <c:pt idx="8278">
                  <c:v>27.008600000000001</c:v>
                </c:pt>
                <c:pt idx="8279">
                  <c:v>26.9758</c:v>
                </c:pt>
                <c:pt idx="8280">
                  <c:v>26.9514</c:v>
                </c:pt>
                <c:pt idx="8281">
                  <c:v>26.9221</c:v>
                </c:pt>
                <c:pt idx="8282">
                  <c:v>26.905899999999999</c:v>
                </c:pt>
                <c:pt idx="8283">
                  <c:v>25.0593</c:v>
                </c:pt>
                <c:pt idx="8284">
                  <c:v>25.409199999999998</c:v>
                </c:pt>
                <c:pt idx="8285">
                  <c:v>25.502800000000001</c:v>
                </c:pt>
                <c:pt idx="8286">
                  <c:v>26.246500000000001</c:v>
                </c:pt>
                <c:pt idx="8287">
                  <c:v>26.796500000000002</c:v>
                </c:pt>
                <c:pt idx="8288">
                  <c:v>27.2866</c:v>
                </c:pt>
                <c:pt idx="8289">
                  <c:v>27.008600000000001</c:v>
                </c:pt>
                <c:pt idx="8290">
                  <c:v>26.9758</c:v>
                </c:pt>
                <c:pt idx="8291">
                  <c:v>26.9514</c:v>
                </c:pt>
                <c:pt idx="8292">
                  <c:v>26.9221</c:v>
                </c:pt>
                <c:pt idx="8293">
                  <c:v>26.905899999999999</c:v>
                </c:pt>
                <c:pt idx="8294">
                  <c:v>25.0593</c:v>
                </c:pt>
                <c:pt idx="8295">
                  <c:v>25.409199999999998</c:v>
                </c:pt>
                <c:pt idx="8296">
                  <c:v>25.502800000000001</c:v>
                </c:pt>
                <c:pt idx="8297">
                  <c:v>26.246500000000001</c:v>
                </c:pt>
                <c:pt idx="8298">
                  <c:v>26.796500000000002</c:v>
                </c:pt>
                <c:pt idx="8299">
                  <c:v>27.2866</c:v>
                </c:pt>
                <c:pt idx="8300">
                  <c:v>27.008600000000001</c:v>
                </c:pt>
                <c:pt idx="8301">
                  <c:v>26.9758</c:v>
                </c:pt>
                <c:pt idx="8302">
                  <c:v>26.9514</c:v>
                </c:pt>
                <c:pt idx="8303">
                  <c:v>26.9221</c:v>
                </c:pt>
                <c:pt idx="8304">
                  <c:v>26.905899999999999</c:v>
                </c:pt>
                <c:pt idx="8305">
                  <c:v>25.0593</c:v>
                </c:pt>
                <c:pt idx="8306">
                  <c:v>25.409199999999998</c:v>
                </c:pt>
                <c:pt idx="8307">
                  <c:v>25.502800000000001</c:v>
                </c:pt>
                <c:pt idx="8308">
                  <c:v>26.246500000000001</c:v>
                </c:pt>
                <c:pt idx="8309">
                  <c:v>26.796500000000002</c:v>
                </c:pt>
                <c:pt idx="8310">
                  <c:v>27.2866</c:v>
                </c:pt>
                <c:pt idx="8311">
                  <c:v>27.008600000000001</c:v>
                </c:pt>
                <c:pt idx="8312">
                  <c:v>26.9758</c:v>
                </c:pt>
                <c:pt idx="8313">
                  <c:v>26.9514</c:v>
                </c:pt>
                <c:pt idx="8314">
                  <c:v>26.9221</c:v>
                </c:pt>
                <c:pt idx="8315">
                  <c:v>26.905899999999999</c:v>
                </c:pt>
                <c:pt idx="8316">
                  <c:v>41.432000000000002</c:v>
                </c:pt>
                <c:pt idx="8317">
                  <c:v>48.907899999999998</c:v>
                </c:pt>
                <c:pt idx="8318">
                  <c:v>56.723300000000002</c:v>
                </c:pt>
                <c:pt idx="8319">
                  <c:v>66.216999999999999</c:v>
                </c:pt>
                <c:pt idx="8320">
                  <c:v>72.485699999999994</c:v>
                </c:pt>
                <c:pt idx="8321">
                  <c:v>78.162400000000005</c:v>
                </c:pt>
                <c:pt idx="8322">
                  <c:v>83.492199999999997</c:v>
                </c:pt>
                <c:pt idx="8323">
                  <c:v>85.189099999999996</c:v>
                </c:pt>
                <c:pt idx="8324">
                  <c:v>91.964100000000002</c:v>
                </c:pt>
                <c:pt idx="8325">
                  <c:v>90.472800000000007</c:v>
                </c:pt>
                <c:pt idx="8326">
                  <c:v>94.892300000000006</c:v>
                </c:pt>
                <c:pt idx="8327">
                  <c:v>17.952100000000002</c:v>
                </c:pt>
                <c:pt idx="8328">
                  <c:v>21.626799999999999</c:v>
                </c:pt>
                <c:pt idx="8329">
                  <c:v>18.8735</c:v>
                </c:pt>
                <c:pt idx="8330">
                  <c:v>19.203600000000002</c:v>
                </c:pt>
                <c:pt idx="8331">
                  <c:v>25.968900000000001</c:v>
                </c:pt>
                <c:pt idx="8332">
                  <c:v>24.919499999999999</c:v>
                </c:pt>
                <c:pt idx="8333">
                  <c:v>19.380099999999999</c:v>
                </c:pt>
                <c:pt idx="8334">
                  <c:v>20.052099999999999</c:v>
                </c:pt>
                <c:pt idx="8335">
                  <c:v>22.541799999999999</c:v>
                </c:pt>
                <c:pt idx="8336">
                  <c:v>24.160900000000002</c:v>
                </c:pt>
                <c:pt idx="8337">
                  <c:v>25.903600000000001</c:v>
                </c:pt>
                <c:pt idx="8338">
                  <c:v>25.0593</c:v>
                </c:pt>
                <c:pt idx="8339">
                  <c:v>24.986499999999999</c:v>
                </c:pt>
                <c:pt idx="8340">
                  <c:v>25.502800000000001</c:v>
                </c:pt>
                <c:pt idx="8341">
                  <c:v>26.246500000000001</c:v>
                </c:pt>
                <c:pt idx="8342">
                  <c:v>26.796500000000002</c:v>
                </c:pt>
                <c:pt idx="8343">
                  <c:v>27.2866</c:v>
                </c:pt>
                <c:pt idx="8344">
                  <c:v>25.9405</c:v>
                </c:pt>
                <c:pt idx="8345">
                  <c:v>25.389199999999999</c:v>
                </c:pt>
                <c:pt idx="8346">
                  <c:v>25.649100000000001</c:v>
                </c:pt>
                <c:pt idx="8347">
                  <c:v>25.881499999999999</c:v>
                </c:pt>
                <c:pt idx="8348">
                  <c:v>26.045999999999999</c:v>
                </c:pt>
                <c:pt idx="8349">
                  <c:v>25.0593</c:v>
                </c:pt>
                <c:pt idx="8350">
                  <c:v>25.409199999999998</c:v>
                </c:pt>
                <c:pt idx="8351">
                  <c:v>25.502800000000001</c:v>
                </c:pt>
                <c:pt idx="8352">
                  <c:v>26.246500000000001</c:v>
                </c:pt>
                <c:pt idx="8353">
                  <c:v>26.796500000000002</c:v>
                </c:pt>
                <c:pt idx="8354">
                  <c:v>27.2866</c:v>
                </c:pt>
                <c:pt idx="8355">
                  <c:v>27.008600000000001</c:v>
                </c:pt>
                <c:pt idx="8356">
                  <c:v>26.9758</c:v>
                </c:pt>
                <c:pt idx="8357">
                  <c:v>26.9514</c:v>
                </c:pt>
                <c:pt idx="8358">
                  <c:v>26.9221</c:v>
                </c:pt>
                <c:pt idx="8359">
                  <c:v>26.905899999999999</c:v>
                </c:pt>
                <c:pt idx="8360">
                  <c:v>25.0593</c:v>
                </c:pt>
                <c:pt idx="8361">
                  <c:v>25.409199999999998</c:v>
                </c:pt>
                <c:pt idx="8362">
                  <c:v>25.502800000000001</c:v>
                </c:pt>
                <c:pt idx="8363">
                  <c:v>26.246500000000001</c:v>
                </c:pt>
                <c:pt idx="8364">
                  <c:v>26.796500000000002</c:v>
                </c:pt>
                <c:pt idx="8365">
                  <c:v>27.2866</c:v>
                </c:pt>
                <c:pt idx="8366">
                  <c:v>27.008600000000001</c:v>
                </c:pt>
                <c:pt idx="8367">
                  <c:v>26.9758</c:v>
                </c:pt>
                <c:pt idx="8368">
                  <c:v>26.9514</c:v>
                </c:pt>
                <c:pt idx="8369">
                  <c:v>26.9221</c:v>
                </c:pt>
                <c:pt idx="8370">
                  <c:v>26.905899999999999</c:v>
                </c:pt>
                <c:pt idx="8371">
                  <c:v>25.0593</c:v>
                </c:pt>
                <c:pt idx="8372">
                  <c:v>25.409199999999998</c:v>
                </c:pt>
                <c:pt idx="8373">
                  <c:v>25.502800000000001</c:v>
                </c:pt>
                <c:pt idx="8374">
                  <c:v>26.246500000000001</c:v>
                </c:pt>
                <c:pt idx="8375">
                  <c:v>26.796500000000002</c:v>
                </c:pt>
                <c:pt idx="8376">
                  <c:v>27.2866</c:v>
                </c:pt>
                <c:pt idx="8377">
                  <c:v>27.008600000000001</c:v>
                </c:pt>
                <c:pt idx="8378">
                  <c:v>26.9758</c:v>
                </c:pt>
                <c:pt idx="8379">
                  <c:v>26.9514</c:v>
                </c:pt>
                <c:pt idx="8380">
                  <c:v>26.9221</c:v>
                </c:pt>
                <c:pt idx="8381">
                  <c:v>26.905899999999999</c:v>
                </c:pt>
                <c:pt idx="8382">
                  <c:v>25.0593</c:v>
                </c:pt>
                <c:pt idx="8383">
                  <c:v>25.409199999999998</c:v>
                </c:pt>
                <c:pt idx="8384">
                  <c:v>25.502800000000001</c:v>
                </c:pt>
                <c:pt idx="8385">
                  <c:v>26.246500000000001</c:v>
                </c:pt>
                <c:pt idx="8386">
                  <c:v>26.796500000000002</c:v>
                </c:pt>
                <c:pt idx="8387">
                  <c:v>27.2866</c:v>
                </c:pt>
                <c:pt idx="8388">
                  <c:v>27.008600000000001</c:v>
                </c:pt>
                <c:pt idx="8389">
                  <c:v>26.9758</c:v>
                </c:pt>
                <c:pt idx="8390">
                  <c:v>26.9514</c:v>
                </c:pt>
                <c:pt idx="8391">
                  <c:v>26.9221</c:v>
                </c:pt>
                <c:pt idx="8392">
                  <c:v>26.905899999999999</c:v>
                </c:pt>
                <c:pt idx="8393">
                  <c:v>25.0593</c:v>
                </c:pt>
                <c:pt idx="8394">
                  <c:v>25.409199999999998</c:v>
                </c:pt>
                <c:pt idx="8395">
                  <c:v>25.502800000000001</c:v>
                </c:pt>
                <c:pt idx="8396">
                  <c:v>26.246500000000001</c:v>
                </c:pt>
                <c:pt idx="8397">
                  <c:v>26.796500000000002</c:v>
                </c:pt>
                <c:pt idx="8398">
                  <c:v>27.2866</c:v>
                </c:pt>
                <c:pt idx="8399">
                  <c:v>27.008600000000001</c:v>
                </c:pt>
                <c:pt idx="8400">
                  <c:v>26.9758</c:v>
                </c:pt>
                <c:pt idx="8401">
                  <c:v>26.9514</c:v>
                </c:pt>
                <c:pt idx="8402">
                  <c:v>26.9221</c:v>
                </c:pt>
                <c:pt idx="8403">
                  <c:v>26.905899999999999</c:v>
                </c:pt>
                <c:pt idx="8404">
                  <c:v>25.0593</c:v>
                </c:pt>
                <c:pt idx="8405">
                  <c:v>25.409199999999998</c:v>
                </c:pt>
                <c:pt idx="8406">
                  <c:v>25.502800000000001</c:v>
                </c:pt>
                <c:pt idx="8407">
                  <c:v>26.246500000000001</c:v>
                </c:pt>
                <c:pt idx="8408">
                  <c:v>26.796500000000002</c:v>
                </c:pt>
                <c:pt idx="8409">
                  <c:v>27.2866</c:v>
                </c:pt>
                <c:pt idx="8410">
                  <c:v>27.008600000000001</c:v>
                </c:pt>
                <c:pt idx="8411">
                  <c:v>26.9758</c:v>
                </c:pt>
                <c:pt idx="8412">
                  <c:v>26.9514</c:v>
                </c:pt>
                <c:pt idx="8413">
                  <c:v>26.9221</c:v>
                </c:pt>
                <c:pt idx="8414">
                  <c:v>26.905899999999999</c:v>
                </c:pt>
                <c:pt idx="8415">
                  <c:v>25.0593</c:v>
                </c:pt>
                <c:pt idx="8416">
                  <c:v>25.409199999999998</c:v>
                </c:pt>
                <c:pt idx="8417">
                  <c:v>25.502800000000001</c:v>
                </c:pt>
                <c:pt idx="8418">
                  <c:v>26.246500000000001</c:v>
                </c:pt>
                <c:pt idx="8419">
                  <c:v>26.796500000000002</c:v>
                </c:pt>
                <c:pt idx="8420">
                  <c:v>27.2866</c:v>
                </c:pt>
                <c:pt idx="8421">
                  <c:v>27.008600000000001</c:v>
                </c:pt>
                <c:pt idx="8422">
                  <c:v>26.9758</c:v>
                </c:pt>
                <c:pt idx="8423">
                  <c:v>26.9514</c:v>
                </c:pt>
                <c:pt idx="8424">
                  <c:v>26.9221</c:v>
                </c:pt>
                <c:pt idx="8425">
                  <c:v>26.905899999999999</c:v>
                </c:pt>
                <c:pt idx="8426">
                  <c:v>25.0593</c:v>
                </c:pt>
                <c:pt idx="8427">
                  <c:v>25.409199999999998</c:v>
                </c:pt>
                <c:pt idx="8428">
                  <c:v>25.502800000000001</c:v>
                </c:pt>
                <c:pt idx="8429">
                  <c:v>26.246500000000001</c:v>
                </c:pt>
                <c:pt idx="8430">
                  <c:v>26.796500000000002</c:v>
                </c:pt>
                <c:pt idx="8431">
                  <c:v>27.2866</c:v>
                </c:pt>
                <c:pt idx="8432">
                  <c:v>27.008600000000001</c:v>
                </c:pt>
                <c:pt idx="8433">
                  <c:v>26.9758</c:v>
                </c:pt>
                <c:pt idx="8434">
                  <c:v>26.9514</c:v>
                </c:pt>
                <c:pt idx="8435">
                  <c:v>26.9221</c:v>
                </c:pt>
                <c:pt idx="8436">
                  <c:v>26.905899999999999</c:v>
                </c:pt>
                <c:pt idx="8437">
                  <c:v>25.0593</c:v>
                </c:pt>
                <c:pt idx="8438">
                  <c:v>25.409199999999998</c:v>
                </c:pt>
                <c:pt idx="8439">
                  <c:v>25.502800000000001</c:v>
                </c:pt>
                <c:pt idx="8440">
                  <c:v>26.246500000000001</c:v>
                </c:pt>
                <c:pt idx="8441">
                  <c:v>26.796500000000002</c:v>
                </c:pt>
                <c:pt idx="8442">
                  <c:v>27.2866</c:v>
                </c:pt>
                <c:pt idx="8443">
                  <c:v>27.008600000000001</c:v>
                </c:pt>
                <c:pt idx="8444">
                  <c:v>26.9758</c:v>
                </c:pt>
                <c:pt idx="8445">
                  <c:v>26.9514</c:v>
                </c:pt>
                <c:pt idx="8446">
                  <c:v>26.9221</c:v>
                </c:pt>
                <c:pt idx="8447">
                  <c:v>26.905899999999999</c:v>
                </c:pt>
                <c:pt idx="8448">
                  <c:v>41.432000000000002</c:v>
                </c:pt>
                <c:pt idx="8449">
                  <c:v>48.907899999999998</c:v>
                </c:pt>
                <c:pt idx="8450">
                  <c:v>56.723300000000002</c:v>
                </c:pt>
                <c:pt idx="8451">
                  <c:v>66.216999999999999</c:v>
                </c:pt>
                <c:pt idx="8452">
                  <c:v>69.422399999999996</c:v>
                </c:pt>
                <c:pt idx="8453">
                  <c:v>75.308899999999994</c:v>
                </c:pt>
                <c:pt idx="8454">
                  <c:v>81.485200000000006</c:v>
                </c:pt>
                <c:pt idx="8455">
                  <c:v>83.561400000000006</c:v>
                </c:pt>
                <c:pt idx="8456">
                  <c:v>87.034099999999995</c:v>
                </c:pt>
                <c:pt idx="8457">
                  <c:v>92.391499999999994</c:v>
                </c:pt>
                <c:pt idx="8458">
                  <c:v>95.588999999999999</c:v>
                </c:pt>
                <c:pt idx="8459">
                  <c:v>17.952100000000002</c:v>
                </c:pt>
                <c:pt idx="8460">
                  <c:v>21.626799999999999</c:v>
                </c:pt>
                <c:pt idx="8461">
                  <c:v>18.8735</c:v>
                </c:pt>
                <c:pt idx="8462">
                  <c:v>19.203600000000002</c:v>
                </c:pt>
                <c:pt idx="8463">
                  <c:v>25.968900000000001</c:v>
                </c:pt>
                <c:pt idx="8464">
                  <c:v>24.919499999999999</c:v>
                </c:pt>
                <c:pt idx="8465">
                  <c:v>19.380099999999999</c:v>
                </c:pt>
                <c:pt idx="8466">
                  <c:v>18.968299999999999</c:v>
                </c:pt>
                <c:pt idx="8467">
                  <c:v>21.121300000000002</c:v>
                </c:pt>
                <c:pt idx="8468">
                  <c:v>22.310300000000002</c:v>
                </c:pt>
                <c:pt idx="8469">
                  <c:v>24.64</c:v>
                </c:pt>
                <c:pt idx="8470">
                  <c:v>25.0593</c:v>
                </c:pt>
                <c:pt idx="8471">
                  <c:v>24.986499999999999</c:v>
                </c:pt>
                <c:pt idx="8472">
                  <c:v>25.502800000000001</c:v>
                </c:pt>
                <c:pt idx="8473">
                  <c:v>26.246500000000001</c:v>
                </c:pt>
                <c:pt idx="8474">
                  <c:v>26.796500000000002</c:v>
                </c:pt>
                <c:pt idx="8475">
                  <c:v>27.2866</c:v>
                </c:pt>
                <c:pt idx="8476">
                  <c:v>25.9405</c:v>
                </c:pt>
                <c:pt idx="8477">
                  <c:v>25.389199999999999</c:v>
                </c:pt>
                <c:pt idx="8478">
                  <c:v>25.649100000000001</c:v>
                </c:pt>
                <c:pt idx="8479">
                  <c:v>25.881499999999999</c:v>
                </c:pt>
                <c:pt idx="8480">
                  <c:v>26.045999999999999</c:v>
                </c:pt>
                <c:pt idx="8481">
                  <c:v>25.0593</c:v>
                </c:pt>
                <c:pt idx="8482">
                  <c:v>25.409199999999998</c:v>
                </c:pt>
                <c:pt idx="8483">
                  <c:v>25.502800000000001</c:v>
                </c:pt>
                <c:pt idx="8484">
                  <c:v>26.246500000000001</c:v>
                </c:pt>
                <c:pt idx="8485">
                  <c:v>26.796500000000002</c:v>
                </c:pt>
                <c:pt idx="8486">
                  <c:v>27.2866</c:v>
                </c:pt>
                <c:pt idx="8487">
                  <c:v>27.008600000000001</c:v>
                </c:pt>
                <c:pt idx="8488">
                  <c:v>26.9758</c:v>
                </c:pt>
                <c:pt idx="8489">
                  <c:v>26.9514</c:v>
                </c:pt>
                <c:pt idx="8490">
                  <c:v>26.9221</c:v>
                </c:pt>
                <c:pt idx="8491">
                  <c:v>26.905899999999999</c:v>
                </c:pt>
                <c:pt idx="8492">
                  <c:v>25.0593</c:v>
                </c:pt>
                <c:pt idx="8493">
                  <c:v>25.409199999999998</c:v>
                </c:pt>
                <c:pt idx="8494">
                  <c:v>25.502800000000001</c:v>
                </c:pt>
                <c:pt idx="8495">
                  <c:v>26.246500000000001</c:v>
                </c:pt>
                <c:pt idx="8496">
                  <c:v>26.796500000000002</c:v>
                </c:pt>
                <c:pt idx="8497">
                  <c:v>27.2866</c:v>
                </c:pt>
                <c:pt idx="8498">
                  <c:v>27.008600000000001</c:v>
                </c:pt>
                <c:pt idx="8499">
                  <c:v>26.9758</c:v>
                </c:pt>
                <c:pt idx="8500">
                  <c:v>26.9514</c:v>
                </c:pt>
                <c:pt idx="8501">
                  <c:v>26.9221</c:v>
                </c:pt>
                <c:pt idx="8502">
                  <c:v>26.905899999999999</c:v>
                </c:pt>
                <c:pt idx="8503">
                  <c:v>25.0593</c:v>
                </c:pt>
                <c:pt idx="8504">
                  <c:v>25.409199999999998</c:v>
                </c:pt>
                <c:pt idx="8505">
                  <c:v>25.502800000000001</c:v>
                </c:pt>
                <c:pt idx="8506">
                  <c:v>26.246500000000001</c:v>
                </c:pt>
                <c:pt idx="8507">
                  <c:v>26.796500000000002</c:v>
                </c:pt>
                <c:pt idx="8508">
                  <c:v>27.2866</c:v>
                </c:pt>
                <c:pt idx="8509">
                  <c:v>27.008600000000001</c:v>
                </c:pt>
                <c:pt idx="8510">
                  <c:v>26.9758</c:v>
                </c:pt>
                <c:pt idx="8511">
                  <c:v>26.9514</c:v>
                </c:pt>
                <c:pt idx="8512">
                  <c:v>26.9221</c:v>
                </c:pt>
                <c:pt idx="8513">
                  <c:v>26.905899999999999</c:v>
                </c:pt>
                <c:pt idx="8514">
                  <c:v>25.0593</c:v>
                </c:pt>
                <c:pt idx="8515">
                  <c:v>25.409199999999998</c:v>
                </c:pt>
                <c:pt idx="8516">
                  <c:v>25.502800000000001</c:v>
                </c:pt>
                <c:pt idx="8517">
                  <c:v>26.246500000000001</c:v>
                </c:pt>
                <c:pt idx="8518">
                  <c:v>26.796500000000002</c:v>
                </c:pt>
                <c:pt idx="8519">
                  <c:v>27.2866</c:v>
                </c:pt>
                <c:pt idx="8520">
                  <c:v>27.008600000000001</c:v>
                </c:pt>
                <c:pt idx="8521">
                  <c:v>26.9758</c:v>
                </c:pt>
                <c:pt idx="8522">
                  <c:v>26.9514</c:v>
                </c:pt>
                <c:pt idx="8523">
                  <c:v>26.9221</c:v>
                </c:pt>
                <c:pt idx="8524">
                  <c:v>26.905899999999999</c:v>
                </c:pt>
                <c:pt idx="8525">
                  <c:v>25.0593</c:v>
                </c:pt>
                <c:pt idx="8526">
                  <c:v>25.409199999999998</c:v>
                </c:pt>
                <c:pt idx="8527">
                  <c:v>25.502800000000001</c:v>
                </c:pt>
                <c:pt idx="8528">
                  <c:v>26.246500000000001</c:v>
                </c:pt>
                <c:pt idx="8529">
                  <c:v>26.796500000000002</c:v>
                </c:pt>
                <c:pt idx="8530">
                  <c:v>27.2866</c:v>
                </c:pt>
                <c:pt idx="8531">
                  <c:v>27.008600000000001</c:v>
                </c:pt>
                <c:pt idx="8532">
                  <c:v>26.9758</c:v>
                </c:pt>
                <c:pt idx="8533">
                  <c:v>26.9514</c:v>
                </c:pt>
                <c:pt idx="8534">
                  <c:v>26.9221</c:v>
                </c:pt>
                <c:pt idx="8535">
                  <c:v>26.905899999999999</c:v>
                </c:pt>
                <c:pt idx="8536">
                  <c:v>25.0593</c:v>
                </c:pt>
                <c:pt idx="8537">
                  <c:v>25.409199999999998</c:v>
                </c:pt>
                <c:pt idx="8538">
                  <c:v>25.502800000000001</c:v>
                </c:pt>
                <c:pt idx="8539">
                  <c:v>26.246500000000001</c:v>
                </c:pt>
                <c:pt idx="8540">
                  <c:v>26.796500000000002</c:v>
                </c:pt>
                <c:pt idx="8541">
                  <c:v>27.2866</c:v>
                </c:pt>
                <c:pt idx="8542">
                  <c:v>27.008600000000001</c:v>
                </c:pt>
                <c:pt idx="8543">
                  <c:v>26.9758</c:v>
                </c:pt>
                <c:pt idx="8544">
                  <c:v>26.9514</c:v>
                </c:pt>
                <c:pt idx="8545">
                  <c:v>26.9221</c:v>
                </c:pt>
                <c:pt idx="8546">
                  <c:v>26.905899999999999</c:v>
                </c:pt>
                <c:pt idx="8547">
                  <c:v>25.0593</c:v>
                </c:pt>
                <c:pt idx="8548">
                  <c:v>25.409199999999998</c:v>
                </c:pt>
                <c:pt idx="8549">
                  <c:v>25.502800000000001</c:v>
                </c:pt>
                <c:pt idx="8550">
                  <c:v>26.246500000000001</c:v>
                </c:pt>
                <c:pt idx="8551">
                  <c:v>26.796500000000002</c:v>
                </c:pt>
                <c:pt idx="8552">
                  <c:v>27.2866</c:v>
                </c:pt>
                <c:pt idx="8553">
                  <c:v>27.008600000000001</c:v>
                </c:pt>
                <c:pt idx="8554">
                  <c:v>26.9758</c:v>
                </c:pt>
                <c:pt idx="8555">
                  <c:v>26.9514</c:v>
                </c:pt>
                <c:pt idx="8556">
                  <c:v>26.9221</c:v>
                </c:pt>
                <c:pt idx="8557">
                  <c:v>26.905899999999999</c:v>
                </c:pt>
                <c:pt idx="8558">
                  <c:v>25.0593</c:v>
                </c:pt>
                <c:pt idx="8559">
                  <c:v>25.409199999999998</c:v>
                </c:pt>
                <c:pt idx="8560">
                  <c:v>25.502800000000001</c:v>
                </c:pt>
                <c:pt idx="8561">
                  <c:v>26.246500000000001</c:v>
                </c:pt>
                <c:pt idx="8562">
                  <c:v>26.796500000000002</c:v>
                </c:pt>
                <c:pt idx="8563">
                  <c:v>27.2866</c:v>
                </c:pt>
                <c:pt idx="8564">
                  <c:v>27.008600000000001</c:v>
                </c:pt>
                <c:pt idx="8565">
                  <c:v>26.9758</c:v>
                </c:pt>
                <c:pt idx="8566">
                  <c:v>26.9514</c:v>
                </c:pt>
                <c:pt idx="8567">
                  <c:v>26.9221</c:v>
                </c:pt>
                <c:pt idx="8568">
                  <c:v>26.905899999999999</c:v>
                </c:pt>
                <c:pt idx="8569">
                  <c:v>25.0593</c:v>
                </c:pt>
                <c:pt idx="8570">
                  <c:v>25.409199999999998</c:v>
                </c:pt>
                <c:pt idx="8571">
                  <c:v>25.502800000000001</c:v>
                </c:pt>
                <c:pt idx="8572">
                  <c:v>26.246500000000001</c:v>
                </c:pt>
                <c:pt idx="8573">
                  <c:v>26.796500000000002</c:v>
                </c:pt>
                <c:pt idx="8574">
                  <c:v>27.2866</c:v>
                </c:pt>
                <c:pt idx="8575">
                  <c:v>27.008600000000001</c:v>
                </c:pt>
                <c:pt idx="8576">
                  <c:v>26.9758</c:v>
                </c:pt>
                <c:pt idx="8577">
                  <c:v>26.9514</c:v>
                </c:pt>
                <c:pt idx="8578">
                  <c:v>26.9221</c:v>
                </c:pt>
                <c:pt idx="8579">
                  <c:v>26.905899999999999</c:v>
                </c:pt>
                <c:pt idx="8580">
                  <c:v>41.432000000000002</c:v>
                </c:pt>
                <c:pt idx="8581">
                  <c:v>48.907899999999998</c:v>
                </c:pt>
                <c:pt idx="8582">
                  <c:v>56.723300000000002</c:v>
                </c:pt>
                <c:pt idx="8583">
                  <c:v>66.216999999999999</c:v>
                </c:pt>
                <c:pt idx="8584">
                  <c:v>69.029799999999994</c:v>
                </c:pt>
                <c:pt idx="8585">
                  <c:v>72.378100000000003</c:v>
                </c:pt>
                <c:pt idx="8586">
                  <c:v>78.502499999999998</c:v>
                </c:pt>
                <c:pt idx="8587">
                  <c:v>81.132400000000004</c:v>
                </c:pt>
                <c:pt idx="8588">
                  <c:v>85.046499999999995</c:v>
                </c:pt>
                <c:pt idx="8589">
                  <c:v>91.317300000000003</c:v>
                </c:pt>
                <c:pt idx="8590">
                  <c:v>94.826999999999998</c:v>
                </c:pt>
                <c:pt idx="8591">
                  <c:v>17.952100000000002</c:v>
                </c:pt>
                <c:pt idx="8592">
                  <c:v>21.626799999999999</c:v>
                </c:pt>
                <c:pt idx="8593">
                  <c:v>18.8735</c:v>
                </c:pt>
                <c:pt idx="8594">
                  <c:v>19.203600000000002</c:v>
                </c:pt>
                <c:pt idx="8595">
                  <c:v>25.968900000000001</c:v>
                </c:pt>
                <c:pt idx="8596">
                  <c:v>24.919499999999999</c:v>
                </c:pt>
                <c:pt idx="8597">
                  <c:v>19.380099999999999</c:v>
                </c:pt>
                <c:pt idx="8598">
                  <c:v>18.166899999999998</c:v>
                </c:pt>
                <c:pt idx="8599">
                  <c:v>19.3369</c:v>
                </c:pt>
                <c:pt idx="8600">
                  <c:v>21.175999999999998</c:v>
                </c:pt>
                <c:pt idx="8601">
                  <c:v>20.970199999999998</c:v>
                </c:pt>
                <c:pt idx="8602">
                  <c:v>25.0593</c:v>
                </c:pt>
                <c:pt idx="8603">
                  <c:v>24.986499999999999</c:v>
                </c:pt>
                <c:pt idx="8604">
                  <c:v>25.502800000000001</c:v>
                </c:pt>
                <c:pt idx="8605">
                  <c:v>26.246500000000001</c:v>
                </c:pt>
                <c:pt idx="8606">
                  <c:v>26.796500000000002</c:v>
                </c:pt>
                <c:pt idx="8607">
                  <c:v>27.2866</c:v>
                </c:pt>
                <c:pt idx="8608">
                  <c:v>25.9405</c:v>
                </c:pt>
                <c:pt idx="8609">
                  <c:v>25.389199999999999</c:v>
                </c:pt>
                <c:pt idx="8610">
                  <c:v>25.649100000000001</c:v>
                </c:pt>
                <c:pt idx="8611">
                  <c:v>25.881499999999999</c:v>
                </c:pt>
                <c:pt idx="8612">
                  <c:v>26.045999999999999</c:v>
                </c:pt>
                <c:pt idx="8613">
                  <c:v>25.0593</c:v>
                </c:pt>
                <c:pt idx="8614">
                  <c:v>25.409199999999998</c:v>
                </c:pt>
                <c:pt idx="8615">
                  <c:v>25.502800000000001</c:v>
                </c:pt>
                <c:pt idx="8616">
                  <c:v>26.246500000000001</c:v>
                </c:pt>
                <c:pt idx="8617">
                  <c:v>26.796500000000002</c:v>
                </c:pt>
                <c:pt idx="8618">
                  <c:v>27.2866</c:v>
                </c:pt>
                <c:pt idx="8619">
                  <c:v>27.008600000000001</c:v>
                </c:pt>
                <c:pt idx="8620">
                  <c:v>26.9758</c:v>
                </c:pt>
                <c:pt idx="8621">
                  <c:v>26.9514</c:v>
                </c:pt>
                <c:pt idx="8622">
                  <c:v>26.9221</c:v>
                </c:pt>
                <c:pt idx="8623">
                  <c:v>26.905899999999999</c:v>
                </c:pt>
                <c:pt idx="8624">
                  <c:v>25.0593</c:v>
                </c:pt>
                <c:pt idx="8625">
                  <c:v>25.409199999999998</c:v>
                </c:pt>
                <c:pt idx="8626">
                  <c:v>25.502800000000001</c:v>
                </c:pt>
                <c:pt idx="8627">
                  <c:v>26.246500000000001</c:v>
                </c:pt>
                <c:pt idx="8628">
                  <c:v>26.796500000000002</c:v>
                </c:pt>
                <c:pt idx="8629">
                  <c:v>27.2866</c:v>
                </c:pt>
                <c:pt idx="8630">
                  <c:v>27.008600000000001</c:v>
                </c:pt>
                <c:pt idx="8631">
                  <c:v>26.9758</c:v>
                </c:pt>
                <c:pt idx="8632">
                  <c:v>26.9221</c:v>
                </c:pt>
                <c:pt idx="8633">
                  <c:v>26.905899999999999</c:v>
                </c:pt>
                <c:pt idx="8634">
                  <c:v>25.0593</c:v>
                </c:pt>
                <c:pt idx="8635">
                  <c:v>25.409199999999998</c:v>
                </c:pt>
                <c:pt idx="8636">
                  <c:v>25.502800000000001</c:v>
                </c:pt>
                <c:pt idx="8637">
                  <c:v>26.246500000000001</c:v>
                </c:pt>
                <c:pt idx="8638">
                  <c:v>26.796500000000002</c:v>
                </c:pt>
                <c:pt idx="8639">
                  <c:v>27.2866</c:v>
                </c:pt>
                <c:pt idx="8640">
                  <c:v>27.008600000000001</c:v>
                </c:pt>
                <c:pt idx="8641">
                  <c:v>26.9758</c:v>
                </c:pt>
                <c:pt idx="8642">
                  <c:v>26.9514</c:v>
                </c:pt>
                <c:pt idx="8643">
                  <c:v>26.9221</c:v>
                </c:pt>
                <c:pt idx="8644">
                  <c:v>26.905899999999999</c:v>
                </c:pt>
                <c:pt idx="8645">
                  <c:v>25.0593</c:v>
                </c:pt>
                <c:pt idx="8646">
                  <c:v>25.409199999999998</c:v>
                </c:pt>
                <c:pt idx="8647">
                  <c:v>25.502800000000001</c:v>
                </c:pt>
                <c:pt idx="8648">
                  <c:v>26.246500000000001</c:v>
                </c:pt>
                <c:pt idx="8649">
                  <c:v>26.796500000000002</c:v>
                </c:pt>
                <c:pt idx="8650">
                  <c:v>27.2866</c:v>
                </c:pt>
                <c:pt idx="8651">
                  <c:v>27.008600000000001</c:v>
                </c:pt>
                <c:pt idx="8652">
                  <c:v>26.9758</c:v>
                </c:pt>
                <c:pt idx="8653">
                  <c:v>26.9514</c:v>
                </c:pt>
                <c:pt idx="8654">
                  <c:v>26.9221</c:v>
                </c:pt>
                <c:pt idx="8655">
                  <c:v>26.905899999999999</c:v>
                </c:pt>
                <c:pt idx="8656">
                  <c:v>25.0593</c:v>
                </c:pt>
                <c:pt idx="8657">
                  <c:v>25.409199999999998</c:v>
                </c:pt>
                <c:pt idx="8658">
                  <c:v>25.502800000000001</c:v>
                </c:pt>
                <c:pt idx="8659">
                  <c:v>26.246500000000001</c:v>
                </c:pt>
                <c:pt idx="8660">
                  <c:v>26.796500000000002</c:v>
                </c:pt>
                <c:pt idx="8661">
                  <c:v>27.2866</c:v>
                </c:pt>
                <c:pt idx="8662">
                  <c:v>27.008600000000001</c:v>
                </c:pt>
                <c:pt idx="8663">
                  <c:v>26.9758</c:v>
                </c:pt>
                <c:pt idx="8664">
                  <c:v>26.9514</c:v>
                </c:pt>
                <c:pt idx="8665">
                  <c:v>26.9221</c:v>
                </c:pt>
                <c:pt idx="8666">
                  <c:v>26.905899999999999</c:v>
                </c:pt>
                <c:pt idx="8667">
                  <c:v>25.0593</c:v>
                </c:pt>
                <c:pt idx="8668">
                  <c:v>25.409199999999998</c:v>
                </c:pt>
                <c:pt idx="8669">
                  <c:v>25.502800000000001</c:v>
                </c:pt>
                <c:pt idx="8670">
                  <c:v>26.246500000000001</c:v>
                </c:pt>
                <c:pt idx="8671">
                  <c:v>26.796500000000002</c:v>
                </c:pt>
                <c:pt idx="8672">
                  <c:v>27.2866</c:v>
                </c:pt>
                <c:pt idx="8673">
                  <c:v>27.008600000000001</c:v>
                </c:pt>
                <c:pt idx="8674">
                  <c:v>26.9758</c:v>
                </c:pt>
                <c:pt idx="8675">
                  <c:v>26.9514</c:v>
                </c:pt>
                <c:pt idx="8676">
                  <c:v>26.9221</c:v>
                </c:pt>
                <c:pt idx="8677">
                  <c:v>26.905899999999999</c:v>
                </c:pt>
                <c:pt idx="8678">
                  <c:v>25.0593</c:v>
                </c:pt>
                <c:pt idx="8679">
                  <c:v>25.409199999999998</c:v>
                </c:pt>
                <c:pt idx="8680">
                  <c:v>25.502800000000001</c:v>
                </c:pt>
                <c:pt idx="8681">
                  <c:v>26.246500000000001</c:v>
                </c:pt>
                <c:pt idx="8682">
                  <c:v>26.796500000000002</c:v>
                </c:pt>
                <c:pt idx="8683">
                  <c:v>27.2866</c:v>
                </c:pt>
                <c:pt idx="8684">
                  <c:v>27.008600000000001</c:v>
                </c:pt>
                <c:pt idx="8685">
                  <c:v>26.9758</c:v>
                </c:pt>
                <c:pt idx="8686">
                  <c:v>26.9514</c:v>
                </c:pt>
                <c:pt idx="8687">
                  <c:v>26.9221</c:v>
                </c:pt>
                <c:pt idx="8688">
                  <c:v>26.905899999999999</c:v>
                </c:pt>
                <c:pt idx="8689">
                  <c:v>25.0593</c:v>
                </c:pt>
                <c:pt idx="8690">
                  <c:v>25.409199999999998</c:v>
                </c:pt>
                <c:pt idx="8691">
                  <c:v>25.502800000000001</c:v>
                </c:pt>
                <c:pt idx="8692">
                  <c:v>26.246500000000001</c:v>
                </c:pt>
                <c:pt idx="8693">
                  <c:v>26.796500000000002</c:v>
                </c:pt>
                <c:pt idx="8694">
                  <c:v>27.2866</c:v>
                </c:pt>
                <c:pt idx="8695">
                  <c:v>27.008600000000001</c:v>
                </c:pt>
                <c:pt idx="8696">
                  <c:v>26.9758</c:v>
                </c:pt>
                <c:pt idx="8697">
                  <c:v>26.9514</c:v>
                </c:pt>
                <c:pt idx="8698">
                  <c:v>26.9221</c:v>
                </c:pt>
                <c:pt idx="8699">
                  <c:v>26.905899999999999</c:v>
                </c:pt>
                <c:pt idx="8700">
                  <c:v>25.0593</c:v>
                </c:pt>
                <c:pt idx="8701">
                  <c:v>25.409199999999998</c:v>
                </c:pt>
                <c:pt idx="8702">
                  <c:v>25.502800000000001</c:v>
                </c:pt>
                <c:pt idx="8703">
                  <c:v>26.246500000000001</c:v>
                </c:pt>
                <c:pt idx="8704">
                  <c:v>26.796500000000002</c:v>
                </c:pt>
                <c:pt idx="8705">
                  <c:v>27.2866</c:v>
                </c:pt>
                <c:pt idx="8706">
                  <c:v>27.008600000000001</c:v>
                </c:pt>
                <c:pt idx="8707">
                  <c:v>26.9758</c:v>
                </c:pt>
                <c:pt idx="8708">
                  <c:v>26.9514</c:v>
                </c:pt>
                <c:pt idx="8709">
                  <c:v>26.9221</c:v>
                </c:pt>
                <c:pt idx="8710">
                  <c:v>26.905899999999999</c:v>
                </c:pt>
                <c:pt idx="8711">
                  <c:v>41.432000000000002</c:v>
                </c:pt>
                <c:pt idx="8712">
                  <c:v>48.907899999999998</c:v>
                </c:pt>
                <c:pt idx="8713">
                  <c:v>56.723300000000002</c:v>
                </c:pt>
                <c:pt idx="8714">
                  <c:v>66.216999999999999</c:v>
                </c:pt>
                <c:pt idx="8715">
                  <c:v>69.029799999999994</c:v>
                </c:pt>
                <c:pt idx="8716">
                  <c:v>72.378100000000003</c:v>
                </c:pt>
                <c:pt idx="8717">
                  <c:v>75.505099999999999</c:v>
                </c:pt>
                <c:pt idx="8718">
                  <c:v>78.032799999999995</c:v>
                </c:pt>
                <c:pt idx="8719">
                  <c:v>82.49</c:v>
                </c:pt>
                <c:pt idx="8720">
                  <c:v>89.124700000000004</c:v>
                </c:pt>
                <c:pt idx="8721">
                  <c:v>92.990499999999997</c:v>
                </c:pt>
                <c:pt idx="8722">
                  <c:v>17.952100000000002</c:v>
                </c:pt>
                <c:pt idx="8723">
                  <c:v>21.626799999999999</c:v>
                </c:pt>
                <c:pt idx="8724">
                  <c:v>18.8735</c:v>
                </c:pt>
                <c:pt idx="8725">
                  <c:v>19.203600000000002</c:v>
                </c:pt>
                <c:pt idx="8726">
                  <c:v>25.968900000000001</c:v>
                </c:pt>
                <c:pt idx="8727">
                  <c:v>24.919499999999999</c:v>
                </c:pt>
                <c:pt idx="8728">
                  <c:v>19.380099999999999</c:v>
                </c:pt>
                <c:pt idx="8729">
                  <c:v>18.166899999999998</c:v>
                </c:pt>
                <c:pt idx="8730">
                  <c:v>18.443200000000001</c:v>
                </c:pt>
                <c:pt idx="8731">
                  <c:v>19.204699999999999</c:v>
                </c:pt>
                <c:pt idx="8732">
                  <c:v>21.104800000000001</c:v>
                </c:pt>
                <c:pt idx="8733">
                  <c:v>25.0593</c:v>
                </c:pt>
                <c:pt idx="8734">
                  <c:v>24.986499999999999</c:v>
                </c:pt>
                <c:pt idx="8735">
                  <c:v>25.502800000000001</c:v>
                </c:pt>
                <c:pt idx="8736">
                  <c:v>26.246500000000001</c:v>
                </c:pt>
                <c:pt idx="8737">
                  <c:v>26.796500000000002</c:v>
                </c:pt>
                <c:pt idx="8738">
                  <c:v>27.2866</c:v>
                </c:pt>
                <c:pt idx="8739">
                  <c:v>25.9405</c:v>
                </c:pt>
                <c:pt idx="8740">
                  <c:v>25.389199999999999</c:v>
                </c:pt>
                <c:pt idx="8741">
                  <c:v>25.649100000000001</c:v>
                </c:pt>
                <c:pt idx="8742">
                  <c:v>25.881499999999999</c:v>
                </c:pt>
                <c:pt idx="8743">
                  <c:v>26.045999999999999</c:v>
                </c:pt>
                <c:pt idx="8744">
                  <c:v>25.0593</c:v>
                </c:pt>
                <c:pt idx="8745">
                  <c:v>25.409199999999998</c:v>
                </c:pt>
                <c:pt idx="8746">
                  <c:v>25.502800000000001</c:v>
                </c:pt>
                <c:pt idx="8747">
                  <c:v>26.246500000000001</c:v>
                </c:pt>
                <c:pt idx="8748">
                  <c:v>26.796500000000002</c:v>
                </c:pt>
                <c:pt idx="8749">
                  <c:v>27.2866</c:v>
                </c:pt>
                <c:pt idx="8750">
                  <c:v>27.008600000000001</c:v>
                </c:pt>
                <c:pt idx="8751">
                  <c:v>26.9758</c:v>
                </c:pt>
                <c:pt idx="8752">
                  <c:v>26.9514</c:v>
                </c:pt>
                <c:pt idx="8753">
                  <c:v>26.9221</c:v>
                </c:pt>
                <c:pt idx="8754">
                  <c:v>26.905899999999999</c:v>
                </c:pt>
                <c:pt idx="8755">
                  <c:v>25.0593</c:v>
                </c:pt>
                <c:pt idx="8756">
                  <c:v>25.409199999999998</c:v>
                </c:pt>
                <c:pt idx="8757">
                  <c:v>25.502800000000001</c:v>
                </c:pt>
                <c:pt idx="8758">
                  <c:v>26.246500000000001</c:v>
                </c:pt>
                <c:pt idx="8759">
                  <c:v>26.796500000000002</c:v>
                </c:pt>
                <c:pt idx="8760">
                  <c:v>27.2866</c:v>
                </c:pt>
                <c:pt idx="8761">
                  <c:v>27.008600000000001</c:v>
                </c:pt>
                <c:pt idx="8762">
                  <c:v>26.9758</c:v>
                </c:pt>
                <c:pt idx="8763">
                  <c:v>26.9514</c:v>
                </c:pt>
                <c:pt idx="8764">
                  <c:v>26.9221</c:v>
                </c:pt>
                <c:pt idx="8765">
                  <c:v>26.905899999999999</c:v>
                </c:pt>
                <c:pt idx="8766">
                  <c:v>25.0593</c:v>
                </c:pt>
                <c:pt idx="8767">
                  <c:v>25.409199999999998</c:v>
                </c:pt>
                <c:pt idx="8768">
                  <c:v>25.502800000000001</c:v>
                </c:pt>
                <c:pt idx="8769">
                  <c:v>26.246500000000001</c:v>
                </c:pt>
                <c:pt idx="8770">
                  <c:v>26.796500000000002</c:v>
                </c:pt>
                <c:pt idx="8771">
                  <c:v>27.2866</c:v>
                </c:pt>
                <c:pt idx="8772">
                  <c:v>27.008600000000001</c:v>
                </c:pt>
                <c:pt idx="8773">
                  <c:v>26.9758</c:v>
                </c:pt>
                <c:pt idx="8774">
                  <c:v>26.9514</c:v>
                </c:pt>
                <c:pt idx="8775">
                  <c:v>26.9221</c:v>
                </c:pt>
                <c:pt idx="8776">
                  <c:v>26.905899999999999</c:v>
                </c:pt>
                <c:pt idx="8777">
                  <c:v>25.0593</c:v>
                </c:pt>
                <c:pt idx="8778">
                  <c:v>25.409199999999998</c:v>
                </c:pt>
                <c:pt idx="8779">
                  <c:v>25.502800000000001</c:v>
                </c:pt>
                <c:pt idx="8780">
                  <c:v>26.246500000000001</c:v>
                </c:pt>
                <c:pt idx="8781">
                  <c:v>26.796500000000002</c:v>
                </c:pt>
                <c:pt idx="8782">
                  <c:v>27.2866</c:v>
                </c:pt>
                <c:pt idx="8783">
                  <c:v>27.008600000000001</c:v>
                </c:pt>
                <c:pt idx="8784">
                  <c:v>26.9758</c:v>
                </c:pt>
                <c:pt idx="8785">
                  <c:v>26.9514</c:v>
                </c:pt>
                <c:pt idx="8786">
                  <c:v>26.9221</c:v>
                </c:pt>
                <c:pt idx="8787">
                  <c:v>26.905899999999999</c:v>
                </c:pt>
                <c:pt idx="8788">
                  <c:v>25.0593</c:v>
                </c:pt>
                <c:pt idx="8789">
                  <c:v>25.409199999999998</c:v>
                </c:pt>
                <c:pt idx="8790">
                  <c:v>25.502800000000001</c:v>
                </c:pt>
                <c:pt idx="8791">
                  <c:v>26.246500000000001</c:v>
                </c:pt>
                <c:pt idx="8792">
                  <c:v>26.796500000000002</c:v>
                </c:pt>
                <c:pt idx="8793">
                  <c:v>27.2866</c:v>
                </c:pt>
                <c:pt idx="8794">
                  <c:v>27.008600000000001</c:v>
                </c:pt>
                <c:pt idx="8795">
                  <c:v>26.9758</c:v>
                </c:pt>
                <c:pt idx="8796">
                  <c:v>26.9514</c:v>
                </c:pt>
                <c:pt idx="8797">
                  <c:v>26.9221</c:v>
                </c:pt>
                <c:pt idx="8798">
                  <c:v>26.905899999999999</c:v>
                </c:pt>
                <c:pt idx="8799">
                  <c:v>25.0593</c:v>
                </c:pt>
                <c:pt idx="8800">
                  <c:v>25.409199999999998</c:v>
                </c:pt>
                <c:pt idx="8801">
                  <c:v>25.502800000000001</c:v>
                </c:pt>
                <c:pt idx="8802">
                  <c:v>26.246500000000001</c:v>
                </c:pt>
                <c:pt idx="8803">
                  <c:v>26.796500000000002</c:v>
                </c:pt>
                <c:pt idx="8804">
                  <c:v>27.2866</c:v>
                </c:pt>
                <c:pt idx="8805">
                  <c:v>27.008600000000001</c:v>
                </c:pt>
                <c:pt idx="8806">
                  <c:v>26.9758</c:v>
                </c:pt>
                <c:pt idx="8807">
                  <c:v>26.9514</c:v>
                </c:pt>
                <c:pt idx="8808">
                  <c:v>26.9221</c:v>
                </c:pt>
                <c:pt idx="8809">
                  <c:v>26.905899999999999</c:v>
                </c:pt>
                <c:pt idx="8810">
                  <c:v>25.0593</c:v>
                </c:pt>
                <c:pt idx="8811">
                  <c:v>25.409199999999998</c:v>
                </c:pt>
                <c:pt idx="8812">
                  <c:v>25.502800000000001</c:v>
                </c:pt>
                <c:pt idx="8813">
                  <c:v>26.246500000000001</c:v>
                </c:pt>
                <c:pt idx="8814">
                  <c:v>26.796500000000002</c:v>
                </c:pt>
                <c:pt idx="8815">
                  <c:v>27.2866</c:v>
                </c:pt>
                <c:pt idx="8816">
                  <c:v>27.008600000000001</c:v>
                </c:pt>
                <c:pt idx="8817">
                  <c:v>26.9758</c:v>
                </c:pt>
                <c:pt idx="8818">
                  <c:v>26.9514</c:v>
                </c:pt>
                <c:pt idx="8819">
                  <c:v>26.9221</c:v>
                </c:pt>
                <c:pt idx="8820">
                  <c:v>26.905899999999999</c:v>
                </c:pt>
                <c:pt idx="8821">
                  <c:v>25.0593</c:v>
                </c:pt>
                <c:pt idx="8822">
                  <c:v>25.409199999999998</c:v>
                </c:pt>
                <c:pt idx="8823">
                  <c:v>25.502800000000001</c:v>
                </c:pt>
                <c:pt idx="8824">
                  <c:v>26.246500000000001</c:v>
                </c:pt>
                <c:pt idx="8825">
                  <c:v>26.796500000000002</c:v>
                </c:pt>
                <c:pt idx="8826">
                  <c:v>27.2866</c:v>
                </c:pt>
                <c:pt idx="8827">
                  <c:v>27.008600000000001</c:v>
                </c:pt>
                <c:pt idx="8828">
                  <c:v>26.9758</c:v>
                </c:pt>
                <c:pt idx="8829">
                  <c:v>26.9514</c:v>
                </c:pt>
                <c:pt idx="8830">
                  <c:v>26.9221</c:v>
                </c:pt>
                <c:pt idx="8831">
                  <c:v>26.905899999999999</c:v>
                </c:pt>
                <c:pt idx="8832">
                  <c:v>25.0593</c:v>
                </c:pt>
                <c:pt idx="8833">
                  <c:v>25.409199999999998</c:v>
                </c:pt>
                <c:pt idx="8834">
                  <c:v>25.502800000000001</c:v>
                </c:pt>
                <c:pt idx="8835">
                  <c:v>26.246500000000001</c:v>
                </c:pt>
                <c:pt idx="8836">
                  <c:v>26.796500000000002</c:v>
                </c:pt>
                <c:pt idx="8837">
                  <c:v>27.2866</c:v>
                </c:pt>
                <c:pt idx="8838">
                  <c:v>27.008600000000001</c:v>
                </c:pt>
                <c:pt idx="8839">
                  <c:v>26.9758</c:v>
                </c:pt>
                <c:pt idx="8840">
                  <c:v>26.9514</c:v>
                </c:pt>
                <c:pt idx="8841">
                  <c:v>26.9221</c:v>
                </c:pt>
                <c:pt idx="8842">
                  <c:v>26.905899999999999</c:v>
                </c:pt>
                <c:pt idx="8843">
                  <c:v>41.432000000000002</c:v>
                </c:pt>
                <c:pt idx="8844">
                  <c:v>48.907899999999998</c:v>
                </c:pt>
                <c:pt idx="8845">
                  <c:v>56.723300000000002</c:v>
                </c:pt>
                <c:pt idx="8846">
                  <c:v>66.216999999999999</c:v>
                </c:pt>
                <c:pt idx="8847">
                  <c:v>69.029799999999994</c:v>
                </c:pt>
                <c:pt idx="8848">
                  <c:v>72.378100000000003</c:v>
                </c:pt>
                <c:pt idx="8849">
                  <c:v>75.505099999999999</c:v>
                </c:pt>
                <c:pt idx="8850">
                  <c:v>76.247</c:v>
                </c:pt>
                <c:pt idx="8851">
                  <c:v>79.219300000000004</c:v>
                </c:pt>
                <c:pt idx="8852">
                  <c:v>86.103999999999999</c:v>
                </c:pt>
                <c:pt idx="8853">
                  <c:v>90.318200000000004</c:v>
                </c:pt>
                <c:pt idx="8854">
                  <c:v>17.952100000000002</c:v>
                </c:pt>
                <c:pt idx="8855">
                  <c:v>21.626799999999999</c:v>
                </c:pt>
                <c:pt idx="8856">
                  <c:v>18.8735</c:v>
                </c:pt>
                <c:pt idx="8857">
                  <c:v>19.203600000000002</c:v>
                </c:pt>
                <c:pt idx="8858">
                  <c:v>25.968900000000001</c:v>
                </c:pt>
                <c:pt idx="8859">
                  <c:v>24.919499999999999</c:v>
                </c:pt>
                <c:pt idx="8860">
                  <c:v>19.380099999999999</c:v>
                </c:pt>
                <c:pt idx="8861">
                  <c:v>18.166899999999998</c:v>
                </c:pt>
                <c:pt idx="8862">
                  <c:v>18.443200000000001</c:v>
                </c:pt>
                <c:pt idx="8863">
                  <c:v>18.107399999999998</c:v>
                </c:pt>
                <c:pt idx="8864">
                  <c:v>19.001899999999999</c:v>
                </c:pt>
                <c:pt idx="8865">
                  <c:v>25.0593</c:v>
                </c:pt>
                <c:pt idx="8866">
                  <c:v>24.986499999999999</c:v>
                </c:pt>
                <c:pt idx="8867">
                  <c:v>25.502800000000001</c:v>
                </c:pt>
                <c:pt idx="8868">
                  <c:v>26.246500000000001</c:v>
                </c:pt>
                <c:pt idx="8869">
                  <c:v>26.796500000000002</c:v>
                </c:pt>
                <c:pt idx="8870">
                  <c:v>27.2866</c:v>
                </c:pt>
                <c:pt idx="8871">
                  <c:v>25.9405</c:v>
                </c:pt>
                <c:pt idx="8872">
                  <c:v>25.389199999999999</c:v>
                </c:pt>
                <c:pt idx="8873">
                  <c:v>25.649100000000001</c:v>
                </c:pt>
                <c:pt idx="8874">
                  <c:v>25.881499999999999</c:v>
                </c:pt>
                <c:pt idx="8875">
                  <c:v>26.045999999999999</c:v>
                </c:pt>
                <c:pt idx="8876">
                  <c:v>25.0593</c:v>
                </c:pt>
                <c:pt idx="8877">
                  <c:v>25.409199999999998</c:v>
                </c:pt>
                <c:pt idx="8878">
                  <c:v>25.502800000000001</c:v>
                </c:pt>
                <c:pt idx="8879">
                  <c:v>26.246500000000001</c:v>
                </c:pt>
                <c:pt idx="8880">
                  <c:v>26.796500000000002</c:v>
                </c:pt>
                <c:pt idx="8881">
                  <c:v>27.2866</c:v>
                </c:pt>
                <c:pt idx="8882">
                  <c:v>27.008600000000001</c:v>
                </c:pt>
                <c:pt idx="8883">
                  <c:v>26.9758</c:v>
                </c:pt>
                <c:pt idx="8884">
                  <c:v>26.9514</c:v>
                </c:pt>
                <c:pt idx="8885">
                  <c:v>26.9221</c:v>
                </c:pt>
                <c:pt idx="8886">
                  <c:v>26.905899999999999</c:v>
                </c:pt>
                <c:pt idx="8887">
                  <c:v>25.0593</c:v>
                </c:pt>
                <c:pt idx="8888">
                  <c:v>25.409199999999998</c:v>
                </c:pt>
                <c:pt idx="8889">
                  <c:v>25.502800000000001</c:v>
                </c:pt>
                <c:pt idx="8890">
                  <c:v>26.246500000000001</c:v>
                </c:pt>
                <c:pt idx="8891">
                  <c:v>26.796500000000002</c:v>
                </c:pt>
                <c:pt idx="8892">
                  <c:v>27.2866</c:v>
                </c:pt>
                <c:pt idx="8893">
                  <c:v>27.008600000000001</c:v>
                </c:pt>
                <c:pt idx="8894">
                  <c:v>26.9758</c:v>
                </c:pt>
                <c:pt idx="8895">
                  <c:v>26.9514</c:v>
                </c:pt>
                <c:pt idx="8896">
                  <c:v>26.9221</c:v>
                </c:pt>
                <c:pt idx="8897">
                  <c:v>26.905899999999999</c:v>
                </c:pt>
                <c:pt idx="8898">
                  <c:v>25.0593</c:v>
                </c:pt>
                <c:pt idx="8899">
                  <c:v>25.409199999999998</c:v>
                </c:pt>
                <c:pt idx="8900">
                  <c:v>25.502800000000001</c:v>
                </c:pt>
                <c:pt idx="8901">
                  <c:v>26.246500000000001</c:v>
                </c:pt>
                <c:pt idx="8902">
                  <c:v>26.796500000000002</c:v>
                </c:pt>
                <c:pt idx="8903">
                  <c:v>27.2866</c:v>
                </c:pt>
                <c:pt idx="8904">
                  <c:v>27.008600000000001</c:v>
                </c:pt>
                <c:pt idx="8905">
                  <c:v>26.9758</c:v>
                </c:pt>
                <c:pt idx="8906">
                  <c:v>26.9514</c:v>
                </c:pt>
                <c:pt idx="8907">
                  <c:v>26.9221</c:v>
                </c:pt>
                <c:pt idx="8908">
                  <c:v>26.905899999999999</c:v>
                </c:pt>
                <c:pt idx="8909">
                  <c:v>25.0593</c:v>
                </c:pt>
                <c:pt idx="8910">
                  <c:v>25.409199999999998</c:v>
                </c:pt>
                <c:pt idx="8911">
                  <c:v>25.502800000000001</c:v>
                </c:pt>
                <c:pt idx="8912">
                  <c:v>26.246500000000001</c:v>
                </c:pt>
                <c:pt idx="8913">
                  <c:v>26.796500000000002</c:v>
                </c:pt>
                <c:pt idx="8914">
                  <c:v>27.2866</c:v>
                </c:pt>
                <c:pt idx="8915">
                  <c:v>27.008600000000001</c:v>
                </c:pt>
                <c:pt idx="8916">
                  <c:v>26.9758</c:v>
                </c:pt>
                <c:pt idx="8917">
                  <c:v>26.9514</c:v>
                </c:pt>
                <c:pt idx="8918">
                  <c:v>26.9221</c:v>
                </c:pt>
                <c:pt idx="8919">
                  <c:v>26.905899999999999</c:v>
                </c:pt>
                <c:pt idx="8920">
                  <c:v>25.0593</c:v>
                </c:pt>
                <c:pt idx="8921">
                  <c:v>25.409199999999998</c:v>
                </c:pt>
                <c:pt idx="8922">
                  <c:v>25.502800000000001</c:v>
                </c:pt>
                <c:pt idx="8923">
                  <c:v>26.246500000000001</c:v>
                </c:pt>
                <c:pt idx="8924">
                  <c:v>26.796500000000002</c:v>
                </c:pt>
                <c:pt idx="8925">
                  <c:v>27.2866</c:v>
                </c:pt>
                <c:pt idx="8926">
                  <c:v>27.008600000000001</c:v>
                </c:pt>
                <c:pt idx="8927">
                  <c:v>26.9758</c:v>
                </c:pt>
                <c:pt idx="8928">
                  <c:v>26.9514</c:v>
                </c:pt>
                <c:pt idx="8929">
                  <c:v>26.9221</c:v>
                </c:pt>
                <c:pt idx="8930">
                  <c:v>26.905899999999999</c:v>
                </c:pt>
                <c:pt idx="8931">
                  <c:v>25.0593</c:v>
                </c:pt>
                <c:pt idx="8932">
                  <c:v>25.409199999999998</c:v>
                </c:pt>
                <c:pt idx="8933">
                  <c:v>25.502800000000001</c:v>
                </c:pt>
                <c:pt idx="8934">
                  <c:v>26.246500000000001</c:v>
                </c:pt>
                <c:pt idx="8935">
                  <c:v>26.796500000000002</c:v>
                </c:pt>
                <c:pt idx="8936">
                  <c:v>27.2866</c:v>
                </c:pt>
                <c:pt idx="8937">
                  <c:v>27.008600000000001</c:v>
                </c:pt>
                <c:pt idx="8938">
                  <c:v>26.9758</c:v>
                </c:pt>
                <c:pt idx="8939">
                  <c:v>26.9514</c:v>
                </c:pt>
                <c:pt idx="8940">
                  <c:v>26.9221</c:v>
                </c:pt>
                <c:pt idx="8941">
                  <c:v>26.905899999999999</c:v>
                </c:pt>
                <c:pt idx="8942">
                  <c:v>25.0593</c:v>
                </c:pt>
                <c:pt idx="8943">
                  <c:v>25.409199999999998</c:v>
                </c:pt>
                <c:pt idx="8944">
                  <c:v>25.502800000000001</c:v>
                </c:pt>
                <c:pt idx="8945">
                  <c:v>26.246500000000001</c:v>
                </c:pt>
                <c:pt idx="8946">
                  <c:v>26.796500000000002</c:v>
                </c:pt>
                <c:pt idx="8947">
                  <c:v>27.2866</c:v>
                </c:pt>
                <c:pt idx="8948">
                  <c:v>27.008600000000001</c:v>
                </c:pt>
                <c:pt idx="8949">
                  <c:v>26.9758</c:v>
                </c:pt>
                <c:pt idx="8950">
                  <c:v>26.9514</c:v>
                </c:pt>
                <c:pt idx="8951">
                  <c:v>26.9221</c:v>
                </c:pt>
                <c:pt idx="8952">
                  <c:v>26.905899999999999</c:v>
                </c:pt>
                <c:pt idx="8953">
                  <c:v>25.0593</c:v>
                </c:pt>
                <c:pt idx="8954">
                  <c:v>25.409199999999998</c:v>
                </c:pt>
                <c:pt idx="8955">
                  <c:v>25.502800000000001</c:v>
                </c:pt>
                <c:pt idx="8956">
                  <c:v>26.246500000000001</c:v>
                </c:pt>
                <c:pt idx="8957">
                  <c:v>26.796500000000002</c:v>
                </c:pt>
                <c:pt idx="8958">
                  <c:v>27.2866</c:v>
                </c:pt>
                <c:pt idx="8959">
                  <c:v>27.008600000000001</c:v>
                </c:pt>
                <c:pt idx="8960">
                  <c:v>26.9758</c:v>
                </c:pt>
                <c:pt idx="8961">
                  <c:v>26.9514</c:v>
                </c:pt>
                <c:pt idx="8962">
                  <c:v>26.9221</c:v>
                </c:pt>
                <c:pt idx="8963">
                  <c:v>26.905899999999999</c:v>
                </c:pt>
                <c:pt idx="8964">
                  <c:v>25.0593</c:v>
                </c:pt>
                <c:pt idx="8965">
                  <c:v>25.409199999999998</c:v>
                </c:pt>
                <c:pt idx="8966">
                  <c:v>25.502800000000001</c:v>
                </c:pt>
                <c:pt idx="8967">
                  <c:v>26.246500000000001</c:v>
                </c:pt>
                <c:pt idx="8968">
                  <c:v>26.796500000000002</c:v>
                </c:pt>
                <c:pt idx="8969">
                  <c:v>27.2866</c:v>
                </c:pt>
                <c:pt idx="8970">
                  <c:v>27.008600000000001</c:v>
                </c:pt>
                <c:pt idx="8971">
                  <c:v>26.9758</c:v>
                </c:pt>
                <c:pt idx="8972">
                  <c:v>26.9514</c:v>
                </c:pt>
                <c:pt idx="8973">
                  <c:v>26.9221</c:v>
                </c:pt>
                <c:pt idx="8974">
                  <c:v>26.905899999999999</c:v>
                </c:pt>
                <c:pt idx="8975">
                  <c:v>41.432000000000002</c:v>
                </c:pt>
                <c:pt idx="8976">
                  <c:v>48.907899999999998</c:v>
                </c:pt>
                <c:pt idx="8977">
                  <c:v>56.723300000000002</c:v>
                </c:pt>
                <c:pt idx="8978">
                  <c:v>66.216999999999999</c:v>
                </c:pt>
                <c:pt idx="8979">
                  <c:v>69.029799999999994</c:v>
                </c:pt>
                <c:pt idx="8980">
                  <c:v>72.378100000000003</c:v>
                </c:pt>
                <c:pt idx="8981">
                  <c:v>75.505099999999999</c:v>
                </c:pt>
                <c:pt idx="8982">
                  <c:v>76.247</c:v>
                </c:pt>
                <c:pt idx="8983">
                  <c:v>77.636600000000001</c:v>
                </c:pt>
                <c:pt idx="8984">
                  <c:v>82.630600000000001</c:v>
                </c:pt>
                <c:pt idx="8985">
                  <c:v>87.260900000000007</c:v>
                </c:pt>
                <c:pt idx="8986">
                  <c:v>17.952100000000002</c:v>
                </c:pt>
                <c:pt idx="8987">
                  <c:v>21.626799999999999</c:v>
                </c:pt>
                <c:pt idx="8988">
                  <c:v>18.8735</c:v>
                </c:pt>
                <c:pt idx="8989">
                  <c:v>19.203600000000002</c:v>
                </c:pt>
                <c:pt idx="8990">
                  <c:v>25.968900000000001</c:v>
                </c:pt>
                <c:pt idx="8991">
                  <c:v>24.919499999999999</c:v>
                </c:pt>
                <c:pt idx="8992">
                  <c:v>19.380099999999999</c:v>
                </c:pt>
                <c:pt idx="8993">
                  <c:v>18.166899999999998</c:v>
                </c:pt>
                <c:pt idx="8994">
                  <c:v>18.443200000000001</c:v>
                </c:pt>
                <c:pt idx="8995">
                  <c:v>18.107399999999998</c:v>
                </c:pt>
                <c:pt idx="8996">
                  <c:v>17.493200000000002</c:v>
                </c:pt>
                <c:pt idx="8997">
                  <c:v>25.0593</c:v>
                </c:pt>
                <c:pt idx="8998">
                  <c:v>24.986499999999999</c:v>
                </c:pt>
                <c:pt idx="8999">
                  <c:v>25.502800000000001</c:v>
                </c:pt>
                <c:pt idx="9000">
                  <c:v>26.246500000000001</c:v>
                </c:pt>
                <c:pt idx="9001">
                  <c:v>26.796500000000002</c:v>
                </c:pt>
                <c:pt idx="9002">
                  <c:v>27.2866</c:v>
                </c:pt>
                <c:pt idx="9003">
                  <c:v>25.9405</c:v>
                </c:pt>
                <c:pt idx="9004">
                  <c:v>25.389199999999999</c:v>
                </c:pt>
                <c:pt idx="9005">
                  <c:v>25.649100000000001</c:v>
                </c:pt>
                <c:pt idx="9006">
                  <c:v>25.881499999999999</c:v>
                </c:pt>
                <c:pt idx="9007">
                  <c:v>26.045999999999999</c:v>
                </c:pt>
                <c:pt idx="9008">
                  <c:v>25.0593</c:v>
                </c:pt>
                <c:pt idx="9009">
                  <c:v>25.409199999999998</c:v>
                </c:pt>
                <c:pt idx="9010">
                  <c:v>25.502800000000001</c:v>
                </c:pt>
                <c:pt idx="9011">
                  <c:v>26.246500000000001</c:v>
                </c:pt>
                <c:pt idx="9012">
                  <c:v>26.796500000000002</c:v>
                </c:pt>
                <c:pt idx="9013">
                  <c:v>27.2866</c:v>
                </c:pt>
                <c:pt idx="9014">
                  <c:v>27.008600000000001</c:v>
                </c:pt>
                <c:pt idx="9015">
                  <c:v>26.9758</c:v>
                </c:pt>
                <c:pt idx="9016">
                  <c:v>26.9514</c:v>
                </c:pt>
                <c:pt idx="9017">
                  <c:v>26.9221</c:v>
                </c:pt>
                <c:pt idx="9018">
                  <c:v>26.905899999999999</c:v>
                </c:pt>
                <c:pt idx="9019">
                  <c:v>25.0593</c:v>
                </c:pt>
                <c:pt idx="9020">
                  <c:v>25.409199999999998</c:v>
                </c:pt>
                <c:pt idx="9021">
                  <c:v>25.502800000000001</c:v>
                </c:pt>
                <c:pt idx="9022">
                  <c:v>26.246500000000001</c:v>
                </c:pt>
                <c:pt idx="9023">
                  <c:v>26.796500000000002</c:v>
                </c:pt>
                <c:pt idx="9024">
                  <c:v>27.2866</c:v>
                </c:pt>
                <c:pt idx="9025">
                  <c:v>27.008600000000001</c:v>
                </c:pt>
                <c:pt idx="9026">
                  <c:v>26.9758</c:v>
                </c:pt>
                <c:pt idx="9027">
                  <c:v>26.9514</c:v>
                </c:pt>
                <c:pt idx="9028">
                  <c:v>26.9221</c:v>
                </c:pt>
                <c:pt idx="9029">
                  <c:v>26.905899999999999</c:v>
                </c:pt>
                <c:pt idx="9030">
                  <c:v>25.0593</c:v>
                </c:pt>
                <c:pt idx="9031">
                  <c:v>25.409199999999998</c:v>
                </c:pt>
                <c:pt idx="9032">
                  <c:v>25.502800000000001</c:v>
                </c:pt>
                <c:pt idx="9033">
                  <c:v>26.246500000000001</c:v>
                </c:pt>
                <c:pt idx="9034">
                  <c:v>26.796500000000002</c:v>
                </c:pt>
                <c:pt idx="9035">
                  <c:v>27.2866</c:v>
                </c:pt>
                <c:pt idx="9036">
                  <c:v>27.008600000000001</c:v>
                </c:pt>
                <c:pt idx="9037">
                  <c:v>26.9758</c:v>
                </c:pt>
                <c:pt idx="9038">
                  <c:v>26.9514</c:v>
                </c:pt>
                <c:pt idx="9039">
                  <c:v>26.9221</c:v>
                </c:pt>
                <c:pt idx="9040">
                  <c:v>26.905899999999999</c:v>
                </c:pt>
                <c:pt idx="9041">
                  <c:v>25.0593</c:v>
                </c:pt>
                <c:pt idx="9042">
                  <c:v>25.409199999999998</c:v>
                </c:pt>
                <c:pt idx="9043">
                  <c:v>25.502800000000001</c:v>
                </c:pt>
                <c:pt idx="9044">
                  <c:v>26.246500000000001</c:v>
                </c:pt>
                <c:pt idx="9045">
                  <c:v>26.796500000000002</c:v>
                </c:pt>
                <c:pt idx="9046">
                  <c:v>27.2866</c:v>
                </c:pt>
                <c:pt idx="9047">
                  <c:v>27.008600000000001</c:v>
                </c:pt>
                <c:pt idx="9048">
                  <c:v>26.9758</c:v>
                </c:pt>
                <c:pt idx="9049">
                  <c:v>26.9514</c:v>
                </c:pt>
                <c:pt idx="9050">
                  <c:v>26.9221</c:v>
                </c:pt>
                <c:pt idx="9051">
                  <c:v>26.905899999999999</c:v>
                </c:pt>
                <c:pt idx="9052">
                  <c:v>25.0593</c:v>
                </c:pt>
                <c:pt idx="9053">
                  <c:v>25.409199999999998</c:v>
                </c:pt>
                <c:pt idx="9054">
                  <c:v>25.502800000000001</c:v>
                </c:pt>
                <c:pt idx="9055">
                  <c:v>26.246500000000001</c:v>
                </c:pt>
                <c:pt idx="9056">
                  <c:v>26.796500000000002</c:v>
                </c:pt>
                <c:pt idx="9057">
                  <c:v>27.2866</c:v>
                </c:pt>
                <c:pt idx="9058">
                  <c:v>27.008600000000001</c:v>
                </c:pt>
                <c:pt idx="9059">
                  <c:v>26.9758</c:v>
                </c:pt>
                <c:pt idx="9060">
                  <c:v>26.9514</c:v>
                </c:pt>
                <c:pt idx="9061">
                  <c:v>26.9221</c:v>
                </c:pt>
                <c:pt idx="9062">
                  <c:v>26.905899999999999</c:v>
                </c:pt>
                <c:pt idx="9063">
                  <c:v>25.0593</c:v>
                </c:pt>
                <c:pt idx="9064">
                  <c:v>25.409199999999998</c:v>
                </c:pt>
                <c:pt idx="9065">
                  <c:v>25.502800000000001</c:v>
                </c:pt>
                <c:pt idx="9066">
                  <c:v>26.246500000000001</c:v>
                </c:pt>
                <c:pt idx="9067">
                  <c:v>26.796500000000002</c:v>
                </c:pt>
                <c:pt idx="9068">
                  <c:v>27.2866</c:v>
                </c:pt>
                <c:pt idx="9069">
                  <c:v>27.008600000000001</c:v>
                </c:pt>
                <c:pt idx="9070">
                  <c:v>26.9758</c:v>
                </c:pt>
                <c:pt idx="9071">
                  <c:v>26.9514</c:v>
                </c:pt>
                <c:pt idx="9072">
                  <c:v>26.9221</c:v>
                </c:pt>
                <c:pt idx="9073">
                  <c:v>26.905899999999999</c:v>
                </c:pt>
                <c:pt idx="9074">
                  <c:v>25.0593</c:v>
                </c:pt>
                <c:pt idx="9075">
                  <c:v>25.409199999999998</c:v>
                </c:pt>
                <c:pt idx="9076">
                  <c:v>25.502800000000001</c:v>
                </c:pt>
                <c:pt idx="9077">
                  <c:v>26.246500000000001</c:v>
                </c:pt>
                <c:pt idx="9078">
                  <c:v>26.796500000000002</c:v>
                </c:pt>
                <c:pt idx="9079">
                  <c:v>27.2866</c:v>
                </c:pt>
                <c:pt idx="9080">
                  <c:v>27.008600000000001</c:v>
                </c:pt>
                <c:pt idx="9081">
                  <c:v>26.9758</c:v>
                </c:pt>
                <c:pt idx="9082">
                  <c:v>26.9514</c:v>
                </c:pt>
                <c:pt idx="9083">
                  <c:v>26.9221</c:v>
                </c:pt>
                <c:pt idx="9084">
                  <c:v>26.905899999999999</c:v>
                </c:pt>
                <c:pt idx="9085">
                  <c:v>25.0593</c:v>
                </c:pt>
                <c:pt idx="9086">
                  <c:v>25.409199999999998</c:v>
                </c:pt>
                <c:pt idx="9087">
                  <c:v>25.502800000000001</c:v>
                </c:pt>
                <c:pt idx="9088">
                  <c:v>26.246500000000001</c:v>
                </c:pt>
                <c:pt idx="9089">
                  <c:v>26.796500000000002</c:v>
                </c:pt>
                <c:pt idx="9090">
                  <c:v>27.2866</c:v>
                </c:pt>
                <c:pt idx="9091">
                  <c:v>27.008600000000001</c:v>
                </c:pt>
                <c:pt idx="9092">
                  <c:v>26.9758</c:v>
                </c:pt>
                <c:pt idx="9093">
                  <c:v>26.9514</c:v>
                </c:pt>
                <c:pt idx="9094">
                  <c:v>26.9221</c:v>
                </c:pt>
                <c:pt idx="9095">
                  <c:v>26.905899999999999</c:v>
                </c:pt>
                <c:pt idx="9096">
                  <c:v>25.0593</c:v>
                </c:pt>
                <c:pt idx="9097">
                  <c:v>25.409199999999998</c:v>
                </c:pt>
                <c:pt idx="9098">
                  <c:v>25.502800000000001</c:v>
                </c:pt>
                <c:pt idx="9099">
                  <c:v>26.246500000000001</c:v>
                </c:pt>
                <c:pt idx="9100">
                  <c:v>26.796500000000002</c:v>
                </c:pt>
                <c:pt idx="9101">
                  <c:v>27.2866</c:v>
                </c:pt>
                <c:pt idx="9102">
                  <c:v>27.008600000000001</c:v>
                </c:pt>
                <c:pt idx="9103">
                  <c:v>26.9758</c:v>
                </c:pt>
                <c:pt idx="9104">
                  <c:v>26.9514</c:v>
                </c:pt>
                <c:pt idx="9105">
                  <c:v>26.9221</c:v>
                </c:pt>
                <c:pt idx="9106">
                  <c:v>26.905899999999999</c:v>
                </c:pt>
                <c:pt idx="9107">
                  <c:v>41.432000000000002</c:v>
                </c:pt>
                <c:pt idx="9108">
                  <c:v>48.907899999999998</c:v>
                </c:pt>
                <c:pt idx="9109">
                  <c:v>56.723300000000002</c:v>
                </c:pt>
                <c:pt idx="9110">
                  <c:v>66.216999999999999</c:v>
                </c:pt>
                <c:pt idx="9111">
                  <c:v>69.029799999999994</c:v>
                </c:pt>
                <c:pt idx="9112">
                  <c:v>72.378100000000003</c:v>
                </c:pt>
                <c:pt idx="9113">
                  <c:v>75.505099999999999</c:v>
                </c:pt>
                <c:pt idx="9114">
                  <c:v>76.247</c:v>
                </c:pt>
                <c:pt idx="9115">
                  <c:v>77.636600000000001</c:v>
                </c:pt>
                <c:pt idx="9116">
                  <c:v>81.774100000000004</c:v>
                </c:pt>
                <c:pt idx="9117">
                  <c:v>84.033799999999999</c:v>
                </c:pt>
                <c:pt idx="9118">
                  <c:v>17.952100000000002</c:v>
                </c:pt>
                <c:pt idx="9119">
                  <c:v>21.626799999999999</c:v>
                </c:pt>
                <c:pt idx="9120">
                  <c:v>18.8735</c:v>
                </c:pt>
                <c:pt idx="9121">
                  <c:v>19.203600000000002</c:v>
                </c:pt>
                <c:pt idx="9122">
                  <c:v>25.968900000000001</c:v>
                </c:pt>
                <c:pt idx="9123">
                  <c:v>24.919499999999999</c:v>
                </c:pt>
                <c:pt idx="9124">
                  <c:v>19.380099999999999</c:v>
                </c:pt>
                <c:pt idx="9125">
                  <c:v>18.166899999999998</c:v>
                </c:pt>
                <c:pt idx="9126">
                  <c:v>18.443200000000001</c:v>
                </c:pt>
                <c:pt idx="9127">
                  <c:v>18.107399999999998</c:v>
                </c:pt>
                <c:pt idx="9128">
                  <c:v>17.493200000000002</c:v>
                </c:pt>
                <c:pt idx="9129">
                  <c:v>25.0593</c:v>
                </c:pt>
                <c:pt idx="9130">
                  <c:v>24.986499999999999</c:v>
                </c:pt>
                <c:pt idx="9131">
                  <c:v>25.502800000000001</c:v>
                </c:pt>
                <c:pt idx="9132">
                  <c:v>26.246500000000001</c:v>
                </c:pt>
                <c:pt idx="9133">
                  <c:v>26.796500000000002</c:v>
                </c:pt>
                <c:pt idx="9134">
                  <c:v>27.2866</c:v>
                </c:pt>
                <c:pt idx="9135">
                  <c:v>25.9405</c:v>
                </c:pt>
                <c:pt idx="9136">
                  <c:v>25.389199999999999</c:v>
                </c:pt>
                <c:pt idx="9137">
                  <c:v>25.649100000000001</c:v>
                </c:pt>
                <c:pt idx="9138">
                  <c:v>25.881499999999999</c:v>
                </c:pt>
                <c:pt idx="9139">
                  <c:v>26.045999999999999</c:v>
                </c:pt>
                <c:pt idx="9140">
                  <c:v>25.0593</c:v>
                </c:pt>
                <c:pt idx="9141">
                  <c:v>25.409199999999998</c:v>
                </c:pt>
                <c:pt idx="9142">
                  <c:v>25.502800000000001</c:v>
                </c:pt>
                <c:pt idx="9143">
                  <c:v>26.246500000000001</c:v>
                </c:pt>
                <c:pt idx="9144">
                  <c:v>26.796500000000002</c:v>
                </c:pt>
                <c:pt idx="9145">
                  <c:v>27.2866</c:v>
                </c:pt>
                <c:pt idx="9146">
                  <c:v>27.008600000000001</c:v>
                </c:pt>
                <c:pt idx="9147">
                  <c:v>26.9758</c:v>
                </c:pt>
                <c:pt idx="9148">
                  <c:v>26.9514</c:v>
                </c:pt>
                <c:pt idx="9149">
                  <c:v>26.9221</c:v>
                </c:pt>
                <c:pt idx="9150">
                  <c:v>26.905899999999999</c:v>
                </c:pt>
                <c:pt idx="9151">
                  <c:v>25.0593</c:v>
                </c:pt>
                <c:pt idx="9152">
                  <c:v>25.409199999999998</c:v>
                </c:pt>
                <c:pt idx="9153">
                  <c:v>25.502800000000001</c:v>
                </c:pt>
                <c:pt idx="9154">
                  <c:v>26.246500000000001</c:v>
                </c:pt>
                <c:pt idx="9155">
                  <c:v>26.796500000000002</c:v>
                </c:pt>
                <c:pt idx="9156">
                  <c:v>27.2866</c:v>
                </c:pt>
                <c:pt idx="9157">
                  <c:v>27.008600000000001</c:v>
                </c:pt>
                <c:pt idx="9158">
                  <c:v>26.9758</c:v>
                </c:pt>
                <c:pt idx="9159">
                  <c:v>26.9514</c:v>
                </c:pt>
                <c:pt idx="9160">
                  <c:v>26.9221</c:v>
                </c:pt>
                <c:pt idx="9161">
                  <c:v>26.905899999999999</c:v>
                </c:pt>
                <c:pt idx="9162">
                  <c:v>25.0593</c:v>
                </c:pt>
                <c:pt idx="9163">
                  <c:v>25.409199999999998</c:v>
                </c:pt>
                <c:pt idx="9164">
                  <c:v>25.502800000000001</c:v>
                </c:pt>
                <c:pt idx="9165">
                  <c:v>26.246500000000001</c:v>
                </c:pt>
                <c:pt idx="9166">
                  <c:v>26.796500000000002</c:v>
                </c:pt>
                <c:pt idx="9167">
                  <c:v>27.2866</c:v>
                </c:pt>
                <c:pt idx="9168">
                  <c:v>27.008600000000001</c:v>
                </c:pt>
                <c:pt idx="9169">
                  <c:v>26.9758</c:v>
                </c:pt>
                <c:pt idx="9170">
                  <c:v>26.9514</c:v>
                </c:pt>
                <c:pt idx="9171">
                  <c:v>26.9221</c:v>
                </c:pt>
                <c:pt idx="9172">
                  <c:v>26.905899999999999</c:v>
                </c:pt>
                <c:pt idx="9173">
                  <c:v>25.0593</c:v>
                </c:pt>
                <c:pt idx="9174">
                  <c:v>25.409199999999998</c:v>
                </c:pt>
                <c:pt idx="9175">
                  <c:v>25.502800000000001</c:v>
                </c:pt>
                <c:pt idx="9176">
                  <c:v>26.246500000000001</c:v>
                </c:pt>
                <c:pt idx="9177">
                  <c:v>26.796500000000002</c:v>
                </c:pt>
                <c:pt idx="9178">
                  <c:v>27.2866</c:v>
                </c:pt>
                <c:pt idx="9179">
                  <c:v>27.008600000000001</c:v>
                </c:pt>
                <c:pt idx="9180">
                  <c:v>26.9758</c:v>
                </c:pt>
                <c:pt idx="9181">
                  <c:v>26.9514</c:v>
                </c:pt>
                <c:pt idx="9182">
                  <c:v>26.9221</c:v>
                </c:pt>
                <c:pt idx="9183">
                  <c:v>26.905899999999999</c:v>
                </c:pt>
                <c:pt idx="9184">
                  <c:v>25.0593</c:v>
                </c:pt>
                <c:pt idx="9185">
                  <c:v>25.409199999999998</c:v>
                </c:pt>
                <c:pt idx="9186">
                  <c:v>25.502800000000001</c:v>
                </c:pt>
                <c:pt idx="9187">
                  <c:v>26.246500000000001</c:v>
                </c:pt>
                <c:pt idx="9188">
                  <c:v>26.796500000000002</c:v>
                </c:pt>
                <c:pt idx="9189">
                  <c:v>27.2866</c:v>
                </c:pt>
                <c:pt idx="9190">
                  <c:v>27.008600000000001</c:v>
                </c:pt>
                <c:pt idx="9191">
                  <c:v>26.9758</c:v>
                </c:pt>
                <c:pt idx="9192">
                  <c:v>26.9514</c:v>
                </c:pt>
                <c:pt idx="9193">
                  <c:v>26.9221</c:v>
                </c:pt>
                <c:pt idx="9194">
                  <c:v>26.905899999999999</c:v>
                </c:pt>
                <c:pt idx="9195">
                  <c:v>25.0593</c:v>
                </c:pt>
                <c:pt idx="9196">
                  <c:v>25.409199999999998</c:v>
                </c:pt>
                <c:pt idx="9197">
                  <c:v>25.502800000000001</c:v>
                </c:pt>
                <c:pt idx="9198">
                  <c:v>26.246500000000001</c:v>
                </c:pt>
                <c:pt idx="9199">
                  <c:v>26.796500000000002</c:v>
                </c:pt>
                <c:pt idx="9200">
                  <c:v>27.2866</c:v>
                </c:pt>
                <c:pt idx="9201">
                  <c:v>27.008600000000001</c:v>
                </c:pt>
                <c:pt idx="9202">
                  <c:v>26.9758</c:v>
                </c:pt>
                <c:pt idx="9203">
                  <c:v>26.9514</c:v>
                </c:pt>
                <c:pt idx="9204">
                  <c:v>26.9221</c:v>
                </c:pt>
                <c:pt idx="9205">
                  <c:v>26.905899999999999</c:v>
                </c:pt>
                <c:pt idx="9206">
                  <c:v>25.0593</c:v>
                </c:pt>
                <c:pt idx="9207">
                  <c:v>25.409199999999998</c:v>
                </c:pt>
                <c:pt idx="9208">
                  <c:v>25.502800000000001</c:v>
                </c:pt>
                <c:pt idx="9209">
                  <c:v>26.246500000000001</c:v>
                </c:pt>
                <c:pt idx="9210">
                  <c:v>26.796500000000002</c:v>
                </c:pt>
                <c:pt idx="9211">
                  <c:v>27.2866</c:v>
                </c:pt>
                <c:pt idx="9212">
                  <c:v>27.008600000000001</c:v>
                </c:pt>
                <c:pt idx="9213">
                  <c:v>26.9758</c:v>
                </c:pt>
                <c:pt idx="9214">
                  <c:v>26.9514</c:v>
                </c:pt>
                <c:pt idx="9215">
                  <c:v>26.9221</c:v>
                </c:pt>
                <c:pt idx="9216">
                  <c:v>26.905899999999999</c:v>
                </c:pt>
                <c:pt idx="9217">
                  <c:v>25.0593</c:v>
                </c:pt>
                <c:pt idx="9218">
                  <c:v>25.409199999999998</c:v>
                </c:pt>
                <c:pt idx="9219">
                  <c:v>25.502800000000001</c:v>
                </c:pt>
                <c:pt idx="9220">
                  <c:v>26.246500000000001</c:v>
                </c:pt>
                <c:pt idx="9221">
                  <c:v>26.796500000000002</c:v>
                </c:pt>
                <c:pt idx="9222">
                  <c:v>27.2866</c:v>
                </c:pt>
                <c:pt idx="9223">
                  <c:v>27.008600000000001</c:v>
                </c:pt>
                <c:pt idx="9224">
                  <c:v>26.9758</c:v>
                </c:pt>
                <c:pt idx="9225">
                  <c:v>26.9514</c:v>
                </c:pt>
                <c:pt idx="9226">
                  <c:v>26.9221</c:v>
                </c:pt>
                <c:pt idx="9227">
                  <c:v>26.905899999999999</c:v>
                </c:pt>
                <c:pt idx="9228">
                  <c:v>25.0593</c:v>
                </c:pt>
                <c:pt idx="9229">
                  <c:v>25.409199999999998</c:v>
                </c:pt>
                <c:pt idx="9230">
                  <c:v>25.502800000000001</c:v>
                </c:pt>
                <c:pt idx="9231">
                  <c:v>26.246500000000001</c:v>
                </c:pt>
                <c:pt idx="9232">
                  <c:v>26.796500000000002</c:v>
                </c:pt>
                <c:pt idx="9233">
                  <c:v>27.2866</c:v>
                </c:pt>
                <c:pt idx="9234">
                  <c:v>27.008600000000001</c:v>
                </c:pt>
                <c:pt idx="9235">
                  <c:v>26.9758</c:v>
                </c:pt>
                <c:pt idx="9236">
                  <c:v>26.9514</c:v>
                </c:pt>
                <c:pt idx="9237">
                  <c:v>26.9221</c:v>
                </c:pt>
                <c:pt idx="9238">
                  <c:v>26.905899999999999</c:v>
                </c:pt>
                <c:pt idx="9239">
                  <c:v>41.432000000000002</c:v>
                </c:pt>
                <c:pt idx="9240">
                  <c:v>48.907899999999998</c:v>
                </c:pt>
                <c:pt idx="9241">
                  <c:v>56.723300000000002</c:v>
                </c:pt>
                <c:pt idx="9242">
                  <c:v>66.216999999999999</c:v>
                </c:pt>
                <c:pt idx="9243">
                  <c:v>69.029799999999994</c:v>
                </c:pt>
                <c:pt idx="9244">
                  <c:v>72.378100000000003</c:v>
                </c:pt>
                <c:pt idx="9245">
                  <c:v>75.505099999999999</c:v>
                </c:pt>
                <c:pt idx="9246">
                  <c:v>76.247</c:v>
                </c:pt>
                <c:pt idx="9247">
                  <c:v>77.636600000000001</c:v>
                </c:pt>
                <c:pt idx="9248">
                  <c:v>81.774100000000004</c:v>
                </c:pt>
                <c:pt idx="9249">
                  <c:v>84.033799999999999</c:v>
                </c:pt>
                <c:pt idx="9250">
                  <c:v>17.952100000000002</c:v>
                </c:pt>
                <c:pt idx="9251">
                  <c:v>21.626799999999999</c:v>
                </c:pt>
                <c:pt idx="9252">
                  <c:v>18.8735</c:v>
                </c:pt>
                <c:pt idx="9253">
                  <c:v>19.203600000000002</c:v>
                </c:pt>
                <c:pt idx="9254">
                  <c:v>25.968900000000001</c:v>
                </c:pt>
                <c:pt idx="9255">
                  <c:v>24.919499999999999</c:v>
                </c:pt>
                <c:pt idx="9256">
                  <c:v>19.380099999999999</c:v>
                </c:pt>
                <c:pt idx="9257">
                  <c:v>18.166899999999998</c:v>
                </c:pt>
                <c:pt idx="9258">
                  <c:v>18.443200000000001</c:v>
                </c:pt>
                <c:pt idx="9259">
                  <c:v>18.107399999999998</c:v>
                </c:pt>
                <c:pt idx="9260">
                  <c:v>17.493200000000002</c:v>
                </c:pt>
                <c:pt idx="9261">
                  <c:v>25.0593</c:v>
                </c:pt>
                <c:pt idx="9262">
                  <c:v>24.986499999999999</c:v>
                </c:pt>
                <c:pt idx="9263">
                  <c:v>25.502800000000001</c:v>
                </c:pt>
                <c:pt idx="9264">
                  <c:v>26.246500000000001</c:v>
                </c:pt>
                <c:pt idx="9265">
                  <c:v>26.796500000000002</c:v>
                </c:pt>
                <c:pt idx="9266">
                  <c:v>27.2866</c:v>
                </c:pt>
                <c:pt idx="9267">
                  <c:v>25.9405</c:v>
                </c:pt>
                <c:pt idx="9268">
                  <c:v>25.389199999999999</c:v>
                </c:pt>
                <c:pt idx="9269">
                  <c:v>25.649100000000001</c:v>
                </c:pt>
                <c:pt idx="9270">
                  <c:v>25.881499999999999</c:v>
                </c:pt>
                <c:pt idx="9271">
                  <c:v>26.045999999999999</c:v>
                </c:pt>
                <c:pt idx="9272">
                  <c:v>25.0593</c:v>
                </c:pt>
                <c:pt idx="9273">
                  <c:v>25.409199999999998</c:v>
                </c:pt>
                <c:pt idx="9274">
                  <c:v>25.502800000000001</c:v>
                </c:pt>
                <c:pt idx="9275">
                  <c:v>26.246500000000001</c:v>
                </c:pt>
                <c:pt idx="9276">
                  <c:v>26.796500000000002</c:v>
                </c:pt>
                <c:pt idx="9277">
                  <c:v>27.2866</c:v>
                </c:pt>
                <c:pt idx="9278">
                  <c:v>27.008600000000001</c:v>
                </c:pt>
                <c:pt idx="9279">
                  <c:v>26.9758</c:v>
                </c:pt>
                <c:pt idx="9280">
                  <c:v>26.9514</c:v>
                </c:pt>
                <c:pt idx="9281">
                  <c:v>26.9221</c:v>
                </c:pt>
                <c:pt idx="9282">
                  <c:v>26.905899999999999</c:v>
                </c:pt>
                <c:pt idx="9283">
                  <c:v>25.0593</c:v>
                </c:pt>
                <c:pt idx="9284">
                  <c:v>25.409199999999998</c:v>
                </c:pt>
                <c:pt idx="9285">
                  <c:v>25.502800000000001</c:v>
                </c:pt>
                <c:pt idx="9286">
                  <c:v>26.246500000000001</c:v>
                </c:pt>
                <c:pt idx="9287">
                  <c:v>26.796500000000002</c:v>
                </c:pt>
                <c:pt idx="9288">
                  <c:v>27.2866</c:v>
                </c:pt>
                <c:pt idx="9289">
                  <c:v>27.008600000000001</c:v>
                </c:pt>
                <c:pt idx="9290">
                  <c:v>26.9758</c:v>
                </c:pt>
                <c:pt idx="9291">
                  <c:v>26.9514</c:v>
                </c:pt>
                <c:pt idx="9292">
                  <c:v>26.9221</c:v>
                </c:pt>
                <c:pt idx="9293">
                  <c:v>26.905899999999999</c:v>
                </c:pt>
                <c:pt idx="9294">
                  <c:v>25.0593</c:v>
                </c:pt>
                <c:pt idx="9295">
                  <c:v>25.409199999999998</c:v>
                </c:pt>
                <c:pt idx="9296">
                  <c:v>25.502800000000001</c:v>
                </c:pt>
                <c:pt idx="9297">
                  <c:v>26.246500000000001</c:v>
                </c:pt>
                <c:pt idx="9298">
                  <c:v>26.796500000000002</c:v>
                </c:pt>
                <c:pt idx="9299">
                  <c:v>27.2866</c:v>
                </c:pt>
                <c:pt idx="9300">
                  <c:v>27.008600000000001</c:v>
                </c:pt>
                <c:pt idx="9301">
                  <c:v>26.9758</c:v>
                </c:pt>
                <c:pt idx="9302">
                  <c:v>26.9514</c:v>
                </c:pt>
                <c:pt idx="9303">
                  <c:v>26.9221</c:v>
                </c:pt>
                <c:pt idx="9304">
                  <c:v>26.905899999999999</c:v>
                </c:pt>
                <c:pt idx="9305">
                  <c:v>25.0593</c:v>
                </c:pt>
                <c:pt idx="9306">
                  <c:v>25.409199999999998</c:v>
                </c:pt>
                <c:pt idx="9307">
                  <c:v>25.502800000000001</c:v>
                </c:pt>
                <c:pt idx="9308">
                  <c:v>26.246500000000001</c:v>
                </c:pt>
                <c:pt idx="9309">
                  <c:v>26.796500000000002</c:v>
                </c:pt>
                <c:pt idx="9310">
                  <c:v>27.2866</c:v>
                </c:pt>
                <c:pt idx="9311">
                  <c:v>27.008600000000001</c:v>
                </c:pt>
                <c:pt idx="9312">
                  <c:v>26.9758</c:v>
                </c:pt>
                <c:pt idx="9313">
                  <c:v>26.9514</c:v>
                </c:pt>
                <c:pt idx="9314">
                  <c:v>26.9221</c:v>
                </c:pt>
                <c:pt idx="9315">
                  <c:v>26.905899999999999</c:v>
                </c:pt>
                <c:pt idx="9316">
                  <c:v>25.0593</c:v>
                </c:pt>
                <c:pt idx="9317">
                  <c:v>25.409199999999998</c:v>
                </c:pt>
                <c:pt idx="9318">
                  <c:v>25.502800000000001</c:v>
                </c:pt>
                <c:pt idx="9319">
                  <c:v>26.246500000000001</c:v>
                </c:pt>
                <c:pt idx="9320">
                  <c:v>26.796500000000002</c:v>
                </c:pt>
                <c:pt idx="9321">
                  <c:v>27.2866</c:v>
                </c:pt>
                <c:pt idx="9322">
                  <c:v>27.008600000000001</c:v>
                </c:pt>
                <c:pt idx="9323">
                  <c:v>26.9758</c:v>
                </c:pt>
                <c:pt idx="9324">
                  <c:v>26.9514</c:v>
                </c:pt>
                <c:pt idx="9325">
                  <c:v>26.9221</c:v>
                </c:pt>
                <c:pt idx="9326">
                  <c:v>26.905899999999999</c:v>
                </c:pt>
                <c:pt idx="9327">
                  <c:v>25.0593</c:v>
                </c:pt>
                <c:pt idx="9328">
                  <c:v>25.409199999999998</c:v>
                </c:pt>
                <c:pt idx="9329">
                  <c:v>25.502800000000001</c:v>
                </c:pt>
                <c:pt idx="9330">
                  <c:v>26.246500000000001</c:v>
                </c:pt>
                <c:pt idx="9331">
                  <c:v>26.796500000000002</c:v>
                </c:pt>
                <c:pt idx="9332">
                  <c:v>27.2866</c:v>
                </c:pt>
                <c:pt idx="9333">
                  <c:v>27.008600000000001</c:v>
                </c:pt>
                <c:pt idx="9334">
                  <c:v>26.9758</c:v>
                </c:pt>
                <c:pt idx="9335">
                  <c:v>26.9514</c:v>
                </c:pt>
                <c:pt idx="9336">
                  <c:v>26.9221</c:v>
                </c:pt>
                <c:pt idx="9337">
                  <c:v>26.905899999999999</c:v>
                </c:pt>
                <c:pt idx="9338">
                  <c:v>25.0593</c:v>
                </c:pt>
                <c:pt idx="9339">
                  <c:v>25.409199999999998</c:v>
                </c:pt>
                <c:pt idx="9340">
                  <c:v>25.502800000000001</c:v>
                </c:pt>
                <c:pt idx="9341">
                  <c:v>26.246500000000001</c:v>
                </c:pt>
                <c:pt idx="9342">
                  <c:v>26.796500000000002</c:v>
                </c:pt>
                <c:pt idx="9343">
                  <c:v>27.2866</c:v>
                </c:pt>
                <c:pt idx="9344">
                  <c:v>27.008600000000001</c:v>
                </c:pt>
                <c:pt idx="9345">
                  <c:v>26.9758</c:v>
                </c:pt>
                <c:pt idx="9346">
                  <c:v>26.9514</c:v>
                </c:pt>
                <c:pt idx="9347">
                  <c:v>26.9221</c:v>
                </c:pt>
                <c:pt idx="9348">
                  <c:v>26.905899999999999</c:v>
                </c:pt>
                <c:pt idx="9349">
                  <c:v>25.0593</c:v>
                </c:pt>
                <c:pt idx="9350">
                  <c:v>25.409199999999998</c:v>
                </c:pt>
                <c:pt idx="9351">
                  <c:v>25.502800000000001</c:v>
                </c:pt>
                <c:pt idx="9352">
                  <c:v>26.246500000000001</c:v>
                </c:pt>
                <c:pt idx="9353">
                  <c:v>26.796500000000002</c:v>
                </c:pt>
                <c:pt idx="9354">
                  <c:v>27.2866</c:v>
                </c:pt>
                <c:pt idx="9355">
                  <c:v>27.008600000000001</c:v>
                </c:pt>
                <c:pt idx="9356">
                  <c:v>26.9758</c:v>
                </c:pt>
                <c:pt idx="9357">
                  <c:v>26.9514</c:v>
                </c:pt>
                <c:pt idx="9358">
                  <c:v>26.9221</c:v>
                </c:pt>
                <c:pt idx="9359">
                  <c:v>26.905899999999999</c:v>
                </c:pt>
                <c:pt idx="9360">
                  <c:v>25.0593</c:v>
                </c:pt>
                <c:pt idx="9361">
                  <c:v>25.409199999999998</c:v>
                </c:pt>
                <c:pt idx="9362">
                  <c:v>25.502800000000001</c:v>
                </c:pt>
                <c:pt idx="9363">
                  <c:v>26.246500000000001</c:v>
                </c:pt>
                <c:pt idx="9364">
                  <c:v>26.796500000000002</c:v>
                </c:pt>
                <c:pt idx="9365">
                  <c:v>27.2866</c:v>
                </c:pt>
                <c:pt idx="9366">
                  <c:v>27.008600000000001</c:v>
                </c:pt>
                <c:pt idx="9367">
                  <c:v>26.9758</c:v>
                </c:pt>
                <c:pt idx="9368">
                  <c:v>26.9514</c:v>
                </c:pt>
                <c:pt idx="9369">
                  <c:v>26.9221</c:v>
                </c:pt>
                <c:pt idx="9370">
                  <c:v>26.905899999999999</c:v>
                </c:pt>
                <c:pt idx="9371">
                  <c:v>41.432000000000002</c:v>
                </c:pt>
                <c:pt idx="9372">
                  <c:v>48.907899999999998</c:v>
                </c:pt>
                <c:pt idx="9373">
                  <c:v>56.723300000000002</c:v>
                </c:pt>
                <c:pt idx="9374">
                  <c:v>66.216999999999999</c:v>
                </c:pt>
                <c:pt idx="9375">
                  <c:v>69.029799999999994</c:v>
                </c:pt>
                <c:pt idx="9376">
                  <c:v>72.378100000000003</c:v>
                </c:pt>
                <c:pt idx="9377">
                  <c:v>75.505099999999999</c:v>
                </c:pt>
                <c:pt idx="9378">
                  <c:v>76.247</c:v>
                </c:pt>
                <c:pt idx="9379">
                  <c:v>77.636600000000001</c:v>
                </c:pt>
                <c:pt idx="9380">
                  <c:v>81.774100000000004</c:v>
                </c:pt>
                <c:pt idx="9381">
                  <c:v>84.033799999999999</c:v>
                </c:pt>
                <c:pt idx="9382">
                  <c:v>17.952100000000002</c:v>
                </c:pt>
                <c:pt idx="9383">
                  <c:v>21.626799999999999</c:v>
                </c:pt>
                <c:pt idx="9384">
                  <c:v>18.8735</c:v>
                </c:pt>
                <c:pt idx="9385">
                  <c:v>19.203600000000002</c:v>
                </c:pt>
                <c:pt idx="9386">
                  <c:v>25.968900000000001</c:v>
                </c:pt>
                <c:pt idx="9387">
                  <c:v>24.919499999999999</c:v>
                </c:pt>
                <c:pt idx="9388">
                  <c:v>19.380099999999999</c:v>
                </c:pt>
                <c:pt idx="9389">
                  <c:v>18.166899999999998</c:v>
                </c:pt>
                <c:pt idx="9390">
                  <c:v>18.443200000000001</c:v>
                </c:pt>
                <c:pt idx="9391">
                  <c:v>18.107399999999998</c:v>
                </c:pt>
                <c:pt idx="9392">
                  <c:v>17.493200000000002</c:v>
                </c:pt>
                <c:pt idx="9393">
                  <c:v>25.0593</c:v>
                </c:pt>
                <c:pt idx="9394">
                  <c:v>24.986499999999999</c:v>
                </c:pt>
                <c:pt idx="9395">
                  <c:v>25.502800000000001</c:v>
                </c:pt>
                <c:pt idx="9396">
                  <c:v>26.246500000000001</c:v>
                </c:pt>
                <c:pt idx="9397">
                  <c:v>26.796500000000002</c:v>
                </c:pt>
                <c:pt idx="9398">
                  <c:v>27.2866</c:v>
                </c:pt>
                <c:pt idx="9399">
                  <c:v>25.9405</c:v>
                </c:pt>
                <c:pt idx="9400">
                  <c:v>25.389199999999999</c:v>
                </c:pt>
                <c:pt idx="9401">
                  <c:v>25.649100000000001</c:v>
                </c:pt>
                <c:pt idx="9402">
                  <c:v>25.881499999999999</c:v>
                </c:pt>
                <c:pt idx="9403">
                  <c:v>26.045999999999999</c:v>
                </c:pt>
                <c:pt idx="9404">
                  <c:v>25.0593</c:v>
                </c:pt>
                <c:pt idx="9405">
                  <c:v>25.409199999999998</c:v>
                </c:pt>
                <c:pt idx="9406">
                  <c:v>25.502800000000001</c:v>
                </c:pt>
                <c:pt idx="9407">
                  <c:v>26.246500000000001</c:v>
                </c:pt>
                <c:pt idx="9408">
                  <c:v>26.796500000000002</c:v>
                </c:pt>
                <c:pt idx="9409">
                  <c:v>27.2866</c:v>
                </c:pt>
                <c:pt idx="9410">
                  <c:v>27.008600000000001</c:v>
                </c:pt>
                <c:pt idx="9411">
                  <c:v>26.9758</c:v>
                </c:pt>
                <c:pt idx="9412">
                  <c:v>26.9514</c:v>
                </c:pt>
                <c:pt idx="9413">
                  <c:v>26.9221</c:v>
                </c:pt>
                <c:pt idx="9414">
                  <c:v>26.905899999999999</c:v>
                </c:pt>
                <c:pt idx="9415">
                  <c:v>25.0593</c:v>
                </c:pt>
                <c:pt idx="9416">
                  <c:v>25.409199999999998</c:v>
                </c:pt>
                <c:pt idx="9417">
                  <c:v>25.502800000000001</c:v>
                </c:pt>
                <c:pt idx="9418">
                  <c:v>26.246500000000001</c:v>
                </c:pt>
                <c:pt idx="9419">
                  <c:v>26.796500000000002</c:v>
                </c:pt>
                <c:pt idx="9420">
                  <c:v>27.2866</c:v>
                </c:pt>
                <c:pt idx="9421">
                  <c:v>27.008600000000001</c:v>
                </c:pt>
                <c:pt idx="9422">
                  <c:v>26.9758</c:v>
                </c:pt>
                <c:pt idx="9423">
                  <c:v>26.9514</c:v>
                </c:pt>
                <c:pt idx="9424">
                  <c:v>26.9221</c:v>
                </c:pt>
                <c:pt idx="9425">
                  <c:v>26.905899999999999</c:v>
                </c:pt>
                <c:pt idx="9426">
                  <c:v>25.0593</c:v>
                </c:pt>
                <c:pt idx="9427">
                  <c:v>25.409199999999998</c:v>
                </c:pt>
                <c:pt idx="9428">
                  <c:v>25.502800000000001</c:v>
                </c:pt>
                <c:pt idx="9429">
                  <c:v>26.246500000000001</c:v>
                </c:pt>
                <c:pt idx="9430">
                  <c:v>26.796500000000002</c:v>
                </c:pt>
                <c:pt idx="9431">
                  <c:v>27.2866</c:v>
                </c:pt>
                <c:pt idx="9432">
                  <c:v>27.008600000000001</c:v>
                </c:pt>
                <c:pt idx="9433">
                  <c:v>26.9758</c:v>
                </c:pt>
                <c:pt idx="9434">
                  <c:v>26.9514</c:v>
                </c:pt>
                <c:pt idx="9435">
                  <c:v>26.9221</c:v>
                </c:pt>
                <c:pt idx="9436">
                  <c:v>26.905899999999999</c:v>
                </c:pt>
                <c:pt idx="9437">
                  <c:v>25.0593</c:v>
                </c:pt>
                <c:pt idx="9438">
                  <c:v>25.409199999999998</c:v>
                </c:pt>
                <c:pt idx="9439">
                  <c:v>25.502800000000001</c:v>
                </c:pt>
                <c:pt idx="9440">
                  <c:v>26.246500000000001</c:v>
                </c:pt>
                <c:pt idx="9441">
                  <c:v>26.796500000000002</c:v>
                </c:pt>
                <c:pt idx="9442">
                  <c:v>27.2866</c:v>
                </c:pt>
                <c:pt idx="9443">
                  <c:v>27.008600000000001</c:v>
                </c:pt>
                <c:pt idx="9444">
                  <c:v>26.9758</c:v>
                </c:pt>
                <c:pt idx="9445">
                  <c:v>26.9514</c:v>
                </c:pt>
                <c:pt idx="9446">
                  <c:v>26.9221</c:v>
                </c:pt>
                <c:pt idx="9447">
                  <c:v>26.905899999999999</c:v>
                </c:pt>
                <c:pt idx="9448">
                  <c:v>25.0593</c:v>
                </c:pt>
                <c:pt idx="9449">
                  <c:v>25.409199999999998</c:v>
                </c:pt>
                <c:pt idx="9450">
                  <c:v>25.502800000000001</c:v>
                </c:pt>
                <c:pt idx="9451">
                  <c:v>26.246500000000001</c:v>
                </c:pt>
                <c:pt idx="9452">
                  <c:v>26.796500000000002</c:v>
                </c:pt>
                <c:pt idx="9453">
                  <c:v>27.2866</c:v>
                </c:pt>
                <c:pt idx="9454">
                  <c:v>27.008600000000001</c:v>
                </c:pt>
                <c:pt idx="9455">
                  <c:v>26.9758</c:v>
                </c:pt>
                <c:pt idx="9456">
                  <c:v>26.9514</c:v>
                </c:pt>
                <c:pt idx="9457">
                  <c:v>26.9221</c:v>
                </c:pt>
                <c:pt idx="9458">
                  <c:v>26.905899999999999</c:v>
                </c:pt>
                <c:pt idx="9459">
                  <c:v>25.0593</c:v>
                </c:pt>
                <c:pt idx="9460">
                  <c:v>25.409199999999998</c:v>
                </c:pt>
                <c:pt idx="9461">
                  <c:v>25.502800000000001</c:v>
                </c:pt>
                <c:pt idx="9462">
                  <c:v>26.246500000000001</c:v>
                </c:pt>
                <c:pt idx="9463">
                  <c:v>26.796500000000002</c:v>
                </c:pt>
                <c:pt idx="9464">
                  <c:v>27.2866</c:v>
                </c:pt>
                <c:pt idx="9465">
                  <c:v>27.008600000000001</c:v>
                </c:pt>
                <c:pt idx="9466">
                  <c:v>26.9758</c:v>
                </c:pt>
                <c:pt idx="9467">
                  <c:v>26.9514</c:v>
                </c:pt>
                <c:pt idx="9468">
                  <c:v>26.9221</c:v>
                </c:pt>
                <c:pt idx="9469">
                  <c:v>26.905899999999999</c:v>
                </c:pt>
                <c:pt idx="9470">
                  <c:v>25.0593</c:v>
                </c:pt>
                <c:pt idx="9471">
                  <c:v>25.409199999999998</c:v>
                </c:pt>
                <c:pt idx="9472">
                  <c:v>25.502800000000001</c:v>
                </c:pt>
                <c:pt idx="9473">
                  <c:v>26.246500000000001</c:v>
                </c:pt>
                <c:pt idx="9474">
                  <c:v>26.796500000000002</c:v>
                </c:pt>
                <c:pt idx="9475">
                  <c:v>27.2866</c:v>
                </c:pt>
                <c:pt idx="9476">
                  <c:v>27.008600000000001</c:v>
                </c:pt>
                <c:pt idx="9477">
                  <c:v>26.9758</c:v>
                </c:pt>
                <c:pt idx="9478">
                  <c:v>26.9514</c:v>
                </c:pt>
                <c:pt idx="9479">
                  <c:v>26.9221</c:v>
                </c:pt>
                <c:pt idx="9480">
                  <c:v>26.905899999999999</c:v>
                </c:pt>
                <c:pt idx="9481">
                  <c:v>25.0593</c:v>
                </c:pt>
                <c:pt idx="9482">
                  <c:v>25.409199999999998</c:v>
                </c:pt>
                <c:pt idx="9483">
                  <c:v>25.502800000000001</c:v>
                </c:pt>
                <c:pt idx="9484">
                  <c:v>26.246500000000001</c:v>
                </c:pt>
                <c:pt idx="9485">
                  <c:v>26.796500000000002</c:v>
                </c:pt>
                <c:pt idx="9486">
                  <c:v>27.2866</c:v>
                </c:pt>
                <c:pt idx="9487">
                  <c:v>27.008600000000001</c:v>
                </c:pt>
                <c:pt idx="9488">
                  <c:v>26.9758</c:v>
                </c:pt>
                <c:pt idx="9489">
                  <c:v>26.9514</c:v>
                </c:pt>
                <c:pt idx="9490">
                  <c:v>26.9221</c:v>
                </c:pt>
                <c:pt idx="9491">
                  <c:v>26.905899999999999</c:v>
                </c:pt>
                <c:pt idx="9492">
                  <c:v>25.0593</c:v>
                </c:pt>
                <c:pt idx="9493">
                  <c:v>25.409199999999998</c:v>
                </c:pt>
                <c:pt idx="9494">
                  <c:v>25.502800000000001</c:v>
                </c:pt>
                <c:pt idx="9495">
                  <c:v>26.246500000000001</c:v>
                </c:pt>
                <c:pt idx="9496">
                  <c:v>26.796500000000002</c:v>
                </c:pt>
                <c:pt idx="9497">
                  <c:v>27.2866</c:v>
                </c:pt>
                <c:pt idx="9498">
                  <c:v>27.008600000000001</c:v>
                </c:pt>
                <c:pt idx="9499">
                  <c:v>26.9758</c:v>
                </c:pt>
                <c:pt idx="9500">
                  <c:v>26.9514</c:v>
                </c:pt>
                <c:pt idx="9501">
                  <c:v>26.9221</c:v>
                </c:pt>
                <c:pt idx="9502">
                  <c:v>26.905899999999999</c:v>
                </c:pt>
                <c:pt idx="9503">
                  <c:v>37.424100000000003</c:v>
                </c:pt>
                <c:pt idx="9504">
                  <c:v>46.879800000000003</c:v>
                </c:pt>
                <c:pt idx="9505">
                  <c:v>55.989699999999999</c:v>
                </c:pt>
                <c:pt idx="9506">
                  <c:v>64.628399999999999</c:v>
                </c:pt>
                <c:pt idx="9507">
                  <c:v>70.619600000000005</c:v>
                </c:pt>
                <c:pt idx="9508">
                  <c:v>74.711200000000005</c:v>
                </c:pt>
                <c:pt idx="9509">
                  <c:v>75.621399999999994</c:v>
                </c:pt>
                <c:pt idx="9510">
                  <c:v>76.8125</c:v>
                </c:pt>
                <c:pt idx="9511">
                  <c:v>78.921899999999994</c:v>
                </c:pt>
                <c:pt idx="9512">
                  <c:v>80.741</c:v>
                </c:pt>
                <c:pt idx="9513">
                  <c:v>82.501999999999995</c:v>
                </c:pt>
                <c:pt idx="9514">
                  <c:v>21.537299999999998</c:v>
                </c:pt>
                <c:pt idx="9515">
                  <c:v>23.681100000000001</c:v>
                </c:pt>
                <c:pt idx="9516">
                  <c:v>23.314900000000002</c:v>
                </c:pt>
                <c:pt idx="9517">
                  <c:v>34.7089</c:v>
                </c:pt>
                <c:pt idx="9518">
                  <c:v>33.927199999999999</c:v>
                </c:pt>
                <c:pt idx="9519">
                  <c:v>26.7746</c:v>
                </c:pt>
                <c:pt idx="9520">
                  <c:v>23.9085</c:v>
                </c:pt>
                <c:pt idx="9521">
                  <c:v>24.598500000000001</c:v>
                </c:pt>
                <c:pt idx="9522">
                  <c:v>25.174499999999998</c:v>
                </c:pt>
                <c:pt idx="9523">
                  <c:v>25.607199999999999</c:v>
                </c:pt>
                <c:pt idx="9524">
                  <c:v>35.855600000000003</c:v>
                </c:pt>
                <c:pt idx="9525">
                  <c:v>28.927499999999998</c:v>
                </c:pt>
                <c:pt idx="9526">
                  <c:v>23.514800000000001</c:v>
                </c:pt>
                <c:pt idx="9527">
                  <c:v>30.8367</c:v>
                </c:pt>
                <c:pt idx="9528">
                  <c:v>34.7089</c:v>
                </c:pt>
                <c:pt idx="9529">
                  <c:v>34.403599999999997</c:v>
                </c:pt>
                <c:pt idx="9530">
                  <c:v>33.310899999999997</c:v>
                </c:pt>
                <c:pt idx="9531">
                  <c:v>32.041699999999999</c:v>
                </c:pt>
                <c:pt idx="9532">
                  <c:v>32.408900000000003</c:v>
                </c:pt>
                <c:pt idx="9533">
                  <c:v>32.668500000000002</c:v>
                </c:pt>
                <c:pt idx="9534">
                  <c:v>32.835799999999999</c:v>
                </c:pt>
                <c:pt idx="9535">
                  <c:v>37.009399999999999</c:v>
                </c:pt>
                <c:pt idx="9536">
                  <c:v>28.927499999999998</c:v>
                </c:pt>
                <c:pt idx="9537">
                  <c:v>23.514800000000001</c:v>
                </c:pt>
                <c:pt idx="9538">
                  <c:v>30.8367</c:v>
                </c:pt>
                <c:pt idx="9539">
                  <c:v>34.7089</c:v>
                </c:pt>
                <c:pt idx="9540">
                  <c:v>34.403599999999997</c:v>
                </c:pt>
                <c:pt idx="9541">
                  <c:v>33.310899999999997</c:v>
                </c:pt>
                <c:pt idx="9542">
                  <c:v>32.041699999999999</c:v>
                </c:pt>
                <c:pt idx="9543">
                  <c:v>32.408900000000003</c:v>
                </c:pt>
                <c:pt idx="9544">
                  <c:v>32.668500000000002</c:v>
                </c:pt>
                <c:pt idx="9545">
                  <c:v>32.835799999999999</c:v>
                </c:pt>
                <c:pt idx="9546">
                  <c:v>37.009399999999999</c:v>
                </c:pt>
                <c:pt idx="9547">
                  <c:v>28.927499999999998</c:v>
                </c:pt>
                <c:pt idx="9548">
                  <c:v>23.514800000000001</c:v>
                </c:pt>
                <c:pt idx="9549">
                  <c:v>30.8367</c:v>
                </c:pt>
                <c:pt idx="9550">
                  <c:v>34.7089</c:v>
                </c:pt>
                <c:pt idx="9551">
                  <c:v>34.403599999999997</c:v>
                </c:pt>
                <c:pt idx="9552">
                  <c:v>33.310899999999997</c:v>
                </c:pt>
                <c:pt idx="9553">
                  <c:v>32.041699999999999</c:v>
                </c:pt>
                <c:pt idx="9554">
                  <c:v>32.408900000000003</c:v>
                </c:pt>
                <c:pt idx="9555">
                  <c:v>32.668500000000002</c:v>
                </c:pt>
                <c:pt idx="9556">
                  <c:v>32.835799999999999</c:v>
                </c:pt>
                <c:pt idx="9557">
                  <c:v>37.009399999999999</c:v>
                </c:pt>
                <c:pt idx="9558">
                  <c:v>28.927499999999998</c:v>
                </c:pt>
                <c:pt idx="9559">
                  <c:v>23.514800000000001</c:v>
                </c:pt>
                <c:pt idx="9560">
                  <c:v>30.8367</c:v>
                </c:pt>
                <c:pt idx="9561">
                  <c:v>34.7089</c:v>
                </c:pt>
                <c:pt idx="9562">
                  <c:v>34.403599999999997</c:v>
                </c:pt>
                <c:pt idx="9563">
                  <c:v>33.310899999999997</c:v>
                </c:pt>
                <c:pt idx="9564">
                  <c:v>32.041699999999999</c:v>
                </c:pt>
                <c:pt idx="9565">
                  <c:v>32.408900000000003</c:v>
                </c:pt>
                <c:pt idx="9566">
                  <c:v>32.668500000000002</c:v>
                </c:pt>
                <c:pt idx="9567">
                  <c:v>32.835799999999999</c:v>
                </c:pt>
                <c:pt idx="9568">
                  <c:v>37.009399999999999</c:v>
                </c:pt>
                <c:pt idx="9569">
                  <c:v>28.927499999999998</c:v>
                </c:pt>
                <c:pt idx="9570">
                  <c:v>23.514800000000001</c:v>
                </c:pt>
                <c:pt idx="9571">
                  <c:v>30.8367</c:v>
                </c:pt>
                <c:pt idx="9572">
                  <c:v>34.7089</c:v>
                </c:pt>
                <c:pt idx="9573">
                  <c:v>34.403599999999997</c:v>
                </c:pt>
                <c:pt idx="9574">
                  <c:v>33.310899999999997</c:v>
                </c:pt>
                <c:pt idx="9575">
                  <c:v>32.041699999999999</c:v>
                </c:pt>
                <c:pt idx="9576">
                  <c:v>32.408900000000003</c:v>
                </c:pt>
                <c:pt idx="9577">
                  <c:v>32.668500000000002</c:v>
                </c:pt>
                <c:pt idx="9578">
                  <c:v>32.835799999999999</c:v>
                </c:pt>
                <c:pt idx="9579">
                  <c:v>37.009399999999999</c:v>
                </c:pt>
                <c:pt idx="9580">
                  <c:v>28.927499999999998</c:v>
                </c:pt>
                <c:pt idx="9581">
                  <c:v>23.514800000000001</c:v>
                </c:pt>
                <c:pt idx="9582">
                  <c:v>30.8367</c:v>
                </c:pt>
                <c:pt idx="9583">
                  <c:v>34.7089</c:v>
                </c:pt>
                <c:pt idx="9584">
                  <c:v>34.403599999999997</c:v>
                </c:pt>
                <c:pt idx="9585">
                  <c:v>33.310899999999997</c:v>
                </c:pt>
                <c:pt idx="9586">
                  <c:v>32.041699999999999</c:v>
                </c:pt>
                <c:pt idx="9587">
                  <c:v>32.408900000000003</c:v>
                </c:pt>
                <c:pt idx="9588">
                  <c:v>32.668500000000002</c:v>
                </c:pt>
                <c:pt idx="9589">
                  <c:v>32.835799999999999</c:v>
                </c:pt>
                <c:pt idx="9590">
                  <c:v>37.009399999999999</c:v>
                </c:pt>
                <c:pt idx="9591">
                  <c:v>28.927499999999998</c:v>
                </c:pt>
                <c:pt idx="9592">
                  <c:v>23.514800000000001</c:v>
                </c:pt>
                <c:pt idx="9593">
                  <c:v>30.8367</c:v>
                </c:pt>
                <c:pt idx="9594">
                  <c:v>34.7089</c:v>
                </c:pt>
                <c:pt idx="9595">
                  <c:v>34.403599999999997</c:v>
                </c:pt>
                <c:pt idx="9596">
                  <c:v>33.310899999999997</c:v>
                </c:pt>
                <c:pt idx="9597">
                  <c:v>32.041699999999999</c:v>
                </c:pt>
                <c:pt idx="9598">
                  <c:v>32.408900000000003</c:v>
                </c:pt>
                <c:pt idx="9599">
                  <c:v>32.668500000000002</c:v>
                </c:pt>
                <c:pt idx="9600">
                  <c:v>32.835799999999999</c:v>
                </c:pt>
                <c:pt idx="9601">
                  <c:v>37.009399999999999</c:v>
                </c:pt>
                <c:pt idx="9602">
                  <c:v>28.927499999999998</c:v>
                </c:pt>
                <c:pt idx="9603">
                  <c:v>23.514800000000001</c:v>
                </c:pt>
                <c:pt idx="9604">
                  <c:v>30.8367</c:v>
                </c:pt>
                <c:pt idx="9605">
                  <c:v>34.7089</c:v>
                </c:pt>
                <c:pt idx="9606">
                  <c:v>34.403599999999997</c:v>
                </c:pt>
                <c:pt idx="9607">
                  <c:v>33.310899999999997</c:v>
                </c:pt>
                <c:pt idx="9608">
                  <c:v>32.041699999999999</c:v>
                </c:pt>
                <c:pt idx="9609">
                  <c:v>32.408900000000003</c:v>
                </c:pt>
                <c:pt idx="9610">
                  <c:v>32.668500000000002</c:v>
                </c:pt>
                <c:pt idx="9611">
                  <c:v>32.835799999999999</c:v>
                </c:pt>
                <c:pt idx="9612">
                  <c:v>37.009399999999999</c:v>
                </c:pt>
                <c:pt idx="9613">
                  <c:v>28.927499999999998</c:v>
                </c:pt>
                <c:pt idx="9614">
                  <c:v>23.514800000000001</c:v>
                </c:pt>
                <c:pt idx="9615">
                  <c:v>30.8367</c:v>
                </c:pt>
                <c:pt idx="9616">
                  <c:v>34.7089</c:v>
                </c:pt>
                <c:pt idx="9617">
                  <c:v>34.403599999999997</c:v>
                </c:pt>
                <c:pt idx="9618">
                  <c:v>33.310899999999997</c:v>
                </c:pt>
                <c:pt idx="9619">
                  <c:v>32.041699999999999</c:v>
                </c:pt>
                <c:pt idx="9620">
                  <c:v>32.408900000000003</c:v>
                </c:pt>
                <c:pt idx="9621">
                  <c:v>32.668500000000002</c:v>
                </c:pt>
                <c:pt idx="9622">
                  <c:v>32.835799999999999</c:v>
                </c:pt>
                <c:pt idx="9623">
                  <c:v>37.009399999999999</c:v>
                </c:pt>
                <c:pt idx="9624">
                  <c:v>28.927499999999998</c:v>
                </c:pt>
                <c:pt idx="9625">
                  <c:v>23.514800000000001</c:v>
                </c:pt>
                <c:pt idx="9626">
                  <c:v>30.8367</c:v>
                </c:pt>
                <c:pt idx="9627">
                  <c:v>34.7089</c:v>
                </c:pt>
                <c:pt idx="9628">
                  <c:v>34.403599999999997</c:v>
                </c:pt>
                <c:pt idx="9629">
                  <c:v>33.310899999999997</c:v>
                </c:pt>
                <c:pt idx="9630">
                  <c:v>32.041699999999999</c:v>
                </c:pt>
                <c:pt idx="9631">
                  <c:v>32.408900000000003</c:v>
                </c:pt>
                <c:pt idx="9632">
                  <c:v>32.668500000000002</c:v>
                </c:pt>
                <c:pt idx="9633">
                  <c:v>32.835799999999999</c:v>
                </c:pt>
                <c:pt idx="9634">
                  <c:v>37.009399999999999</c:v>
                </c:pt>
                <c:pt idx="9635">
                  <c:v>37.424100000000003</c:v>
                </c:pt>
                <c:pt idx="9636">
                  <c:v>45.903599999999997</c:v>
                </c:pt>
                <c:pt idx="9637">
                  <c:v>53.157600000000002</c:v>
                </c:pt>
                <c:pt idx="9638">
                  <c:v>63.452500000000001</c:v>
                </c:pt>
                <c:pt idx="9639">
                  <c:v>70.793800000000005</c:v>
                </c:pt>
                <c:pt idx="9640">
                  <c:v>74.387699999999995</c:v>
                </c:pt>
                <c:pt idx="9641">
                  <c:v>77.186999999999998</c:v>
                </c:pt>
                <c:pt idx="9642">
                  <c:v>78.756100000000004</c:v>
                </c:pt>
                <c:pt idx="9643">
                  <c:v>81.221299999999999</c:v>
                </c:pt>
                <c:pt idx="9644">
                  <c:v>84.308999999999997</c:v>
                </c:pt>
                <c:pt idx="9645">
                  <c:v>85.740700000000004</c:v>
                </c:pt>
                <c:pt idx="9646">
                  <c:v>21.537299999999998</c:v>
                </c:pt>
                <c:pt idx="9647">
                  <c:v>23.681100000000001</c:v>
                </c:pt>
                <c:pt idx="9648">
                  <c:v>23.314900000000002</c:v>
                </c:pt>
                <c:pt idx="9649">
                  <c:v>34.7089</c:v>
                </c:pt>
                <c:pt idx="9650">
                  <c:v>33.927199999999999</c:v>
                </c:pt>
                <c:pt idx="9651">
                  <c:v>26.7746</c:v>
                </c:pt>
                <c:pt idx="9652">
                  <c:v>23.9085</c:v>
                </c:pt>
                <c:pt idx="9653">
                  <c:v>24.598500000000001</c:v>
                </c:pt>
                <c:pt idx="9654">
                  <c:v>25.174499999999998</c:v>
                </c:pt>
                <c:pt idx="9655">
                  <c:v>25.607199999999999</c:v>
                </c:pt>
                <c:pt idx="9656">
                  <c:v>35.855600000000003</c:v>
                </c:pt>
                <c:pt idx="9657">
                  <c:v>28.927499999999998</c:v>
                </c:pt>
                <c:pt idx="9658">
                  <c:v>23.514800000000001</c:v>
                </c:pt>
                <c:pt idx="9659">
                  <c:v>30.8367</c:v>
                </c:pt>
                <c:pt idx="9660">
                  <c:v>34.7089</c:v>
                </c:pt>
                <c:pt idx="9661">
                  <c:v>34.403599999999997</c:v>
                </c:pt>
                <c:pt idx="9662">
                  <c:v>33.310899999999997</c:v>
                </c:pt>
                <c:pt idx="9663">
                  <c:v>32.041699999999999</c:v>
                </c:pt>
                <c:pt idx="9664">
                  <c:v>32.408900000000003</c:v>
                </c:pt>
                <c:pt idx="9665">
                  <c:v>32.668500000000002</c:v>
                </c:pt>
                <c:pt idx="9666">
                  <c:v>32.835799999999999</c:v>
                </c:pt>
                <c:pt idx="9667">
                  <c:v>37.009399999999999</c:v>
                </c:pt>
                <c:pt idx="9668">
                  <c:v>28.927499999999998</c:v>
                </c:pt>
                <c:pt idx="9669">
                  <c:v>23.514800000000001</c:v>
                </c:pt>
                <c:pt idx="9670">
                  <c:v>30.8367</c:v>
                </c:pt>
                <c:pt idx="9671">
                  <c:v>34.7089</c:v>
                </c:pt>
                <c:pt idx="9672">
                  <c:v>34.403599999999997</c:v>
                </c:pt>
                <c:pt idx="9673">
                  <c:v>33.310899999999997</c:v>
                </c:pt>
                <c:pt idx="9674">
                  <c:v>32.041699999999999</c:v>
                </c:pt>
                <c:pt idx="9675">
                  <c:v>32.408900000000003</c:v>
                </c:pt>
                <c:pt idx="9676">
                  <c:v>32.668500000000002</c:v>
                </c:pt>
                <c:pt idx="9677">
                  <c:v>32.835799999999999</c:v>
                </c:pt>
                <c:pt idx="9678">
                  <c:v>37.009399999999999</c:v>
                </c:pt>
                <c:pt idx="9679">
                  <c:v>28.927499999999998</c:v>
                </c:pt>
                <c:pt idx="9680">
                  <c:v>23.514800000000001</c:v>
                </c:pt>
                <c:pt idx="9681">
                  <c:v>30.8367</c:v>
                </c:pt>
                <c:pt idx="9682">
                  <c:v>34.7089</c:v>
                </c:pt>
                <c:pt idx="9683">
                  <c:v>34.403599999999997</c:v>
                </c:pt>
                <c:pt idx="9684">
                  <c:v>33.310899999999997</c:v>
                </c:pt>
                <c:pt idx="9685">
                  <c:v>32.041699999999999</c:v>
                </c:pt>
                <c:pt idx="9686">
                  <c:v>32.408900000000003</c:v>
                </c:pt>
                <c:pt idx="9687">
                  <c:v>32.668500000000002</c:v>
                </c:pt>
                <c:pt idx="9688">
                  <c:v>32.835799999999999</c:v>
                </c:pt>
                <c:pt idx="9689">
                  <c:v>37.009399999999999</c:v>
                </c:pt>
                <c:pt idx="9690">
                  <c:v>28.927499999999998</c:v>
                </c:pt>
                <c:pt idx="9691">
                  <c:v>23.514800000000001</c:v>
                </c:pt>
                <c:pt idx="9692">
                  <c:v>30.8367</c:v>
                </c:pt>
                <c:pt idx="9693">
                  <c:v>34.7089</c:v>
                </c:pt>
                <c:pt idx="9694">
                  <c:v>34.403599999999997</c:v>
                </c:pt>
                <c:pt idx="9695">
                  <c:v>33.310899999999997</c:v>
                </c:pt>
                <c:pt idx="9696">
                  <c:v>32.041699999999999</c:v>
                </c:pt>
                <c:pt idx="9697">
                  <c:v>32.408900000000003</c:v>
                </c:pt>
                <c:pt idx="9698">
                  <c:v>32.668500000000002</c:v>
                </c:pt>
                <c:pt idx="9699">
                  <c:v>32.835799999999999</c:v>
                </c:pt>
                <c:pt idx="9700">
                  <c:v>37.009399999999999</c:v>
                </c:pt>
                <c:pt idx="9701">
                  <c:v>28.927499999999998</c:v>
                </c:pt>
                <c:pt idx="9702">
                  <c:v>23.514800000000001</c:v>
                </c:pt>
                <c:pt idx="9703">
                  <c:v>30.8367</c:v>
                </c:pt>
                <c:pt idx="9704">
                  <c:v>34.7089</c:v>
                </c:pt>
                <c:pt idx="9705">
                  <c:v>34.403599999999997</c:v>
                </c:pt>
                <c:pt idx="9706">
                  <c:v>33.310899999999997</c:v>
                </c:pt>
                <c:pt idx="9707">
                  <c:v>32.041699999999999</c:v>
                </c:pt>
                <c:pt idx="9708">
                  <c:v>32.408900000000003</c:v>
                </c:pt>
                <c:pt idx="9709">
                  <c:v>32.668500000000002</c:v>
                </c:pt>
                <c:pt idx="9710">
                  <c:v>32.835799999999999</c:v>
                </c:pt>
                <c:pt idx="9711">
                  <c:v>37.009399999999999</c:v>
                </c:pt>
                <c:pt idx="9712">
                  <c:v>28.927499999999998</c:v>
                </c:pt>
                <c:pt idx="9713">
                  <c:v>23.514800000000001</c:v>
                </c:pt>
                <c:pt idx="9714">
                  <c:v>30.8367</c:v>
                </c:pt>
                <c:pt idx="9715">
                  <c:v>34.7089</c:v>
                </c:pt>
                <c:pt idx="9716">
                  <c:v>34.403599999999997</c:v>
                </c:pt>
                <c:pt idx="9717">
                  <c:v>33.310899999999997</c:v>
                </c:pt>
                <c:pt idx="9718">
                  <c:v>32.041699999999999</c:v>
                </c:pt>
                <c:pt idx="9719">
                  <c:v>32.408900000000003</c:v>
                </c:pt>
                <c:pt idx="9720">
                  <c:v>32.668500000000002</c:v>
                </c:pt>
                <c:pt idx="9721">
                  <c:v>32.835799999999999</c:v>
                </c:pt>
                <c:pt idx="9722">
                  <c:v>37.009399999999999</c:v>
                </c:pt>
                <c:pt idx="9723">
                  <c:v>28.927499999999998</c:v>
                </c:pt>
                <c:pt idx="9724">
                  <c:v>23.514800000000001</c:v>
                </c:pt>
                <c:pt idx="9725">
                  <c:v>30.8367</c:v>
                </c:pt>
                <c:pt idx="9726">
                  <c:v>34.7089</c:v>
                </c:pt>
                <c:pt idx="9727">
                  <c:v>34.403599999999997</c:v>
                </c:pt>
                <c:pt idx="9728">
                  <c:v>33.310899999999997</c:v>
                </c:pt>
                <c:pt idx="9729">
                  <c:v>32.041699999999999</c:v>
                </c:pt>
                <c:pt idx="9730">
                  <c:v>32.408900000000003</c:v>
                </c:pt>
                <c:pt idx="9731">
                  <c:v>32.668500000000002</c:v>
                </c:pt>
                <c:pt idx="9732">
                  <c:v>32.835799999999999</c:v>
                </c:pt>
                <c:pt idx="9733">
                  <c:v>37.009399999999999</c:v>
                </c:pt>
                <c:pt idx="9734">
                  <c:v>28.927499999999998</c:v>
                </c:pt>
                <c:pt idx="9735">
                  <c:v>23.514800000000001</c:v>
                </c:pt>
                <c:pt idx="9736">
                  <c:v>30.8367</c:v>
                </c:pt>
                <c:pt idx="9737">
                  <c:v>34.7089</c:v>
                </c:pt>
                <c:pt idx="9738">
                  <c:v>34.403599999999997</c:v>
                </c:pt>
                <c:pt idx="9739">
                  <c:v>33.310899999999997</c:v>
                </c:pt>
                <c:pt idx="9740">
                  <c:v>32.041699999999999</c:v>
                </c:pt>
                <c:pt idx="9741">
                  <c:v>32.408900000000003</c:v>
                </c:pt>
                <c:pt idx="9742">
                  <c:v>32.668500000000002</c:v>
                </c:pt>
                <c:pt idx="9743">
                  <c:v>32.835799999999999</c:v>
                </c:pt>
                <c:pt idx="9744">
                  <c:v>37.009399999999999</c:v>
                </c:pt>
                <c:pt idx="9745">
                  <c:v>28.927499999999998</c:v>
                </c:pt>
                <c:pt idx="9746">
                  <c:v>23.514800000000001</c:v>
                </c:pt>
                <c:pt idx="9747">
                  <c:v>30.8367</c:v>
                </c:pt>
                <c:pt idx="9748">
                  <c:v>34.7089</c:v>
                </c:pt>
                <c:pt idx="9749">
                  <c:v>34.403599999999997</c:v>
                </c:pt>
                <c:pt idx="9750">
                  <c:v>33.310899999999997</c:v>
                </c:pt>
                <c:pt idx="9751">
                  <c:v>32.041699999999999</c:v>
                </c:pt>
                <c:pt idx="9752">
                  <c:v>32.408900000000003</c:v>
                </c:pt>
                <c:pt idx="9753">
                  <c:v>32.668500000000002</c:v>
                </c:pt>
                <c:pt idx="9754">
                  <c:v>32.835799999999999</c:v>
                </c:pt>
                <c:pt idx="9755">
                  <c:v>37.009399999999999</c:v>
                </c:pt>
                <c:pt idx="9756">
                  <c:v>28.927499999999998</c:v>
                </c:pt>
                <c:pt idx="9757">
                  <c:v>23.514800000000001</c:v>
                </c:pt>
                <c:pt idx="9758">
                  <c:v>30.8367</c:v>
                </c:pt>
                <c:pt idx="9759">
                  <c:v>34.7089</c:v>
                </c:pt>
                <c:pt idx="9760">
                  <c:v>34.403599999999997</c:v>
                </c:pt>
                <c:pt idx="9761">
                  <c:v>33.310899999999997</c:v>
                </c:pt>
                <c:pt idx="9762">
                  <c:v>32.041699999999999</c:v>
                </c:pt>
                <c:pt idx="9763">
                  <c:v>32.408900000000003</c:v>
                </c:pt>
                <c:pt idx="9764">
                  <c:v>32.668500000000002</c:v>
                </c:pt>
                <c:pt idx="9765">
                  <c:v>32.835799999999999</c:v>
                </c:pt>
                <c:pt idx="9766">
                  <c:v>37.009399999999999</c:v>
                </c:pt>
                <c:pt idx="9767">
                  <c:v>37.424100000000003</c:v>
                </c:pt>
                <c:pt idx="9768">
                  <c:v>45.903599999999997</c:v>
                </c:pt>
                <c:pt idx="9769">
                  <c:v>52.076799999999999</c:v>
                </c:pt>
                <c:pt idx="9770">
                  <c:v>60.902099999999997</c:v>
                </c:pt>
                <c:pt idx="9771">
                  <c:v>66.706500000000005</c:v>
                </c:pt>
                <c:pt idx="9772">
                  <c:v>69.856999999999999</c:v>
                </c:pt>
                <c:pt idx="9773">
                  <c:v>79.8322</c:v>
                </c:pt>
                <c:pt idx="9774">
                  <c:v>77.204999999999998</c:v>
                </c:pt>
                <c:pt idx="9775">
                  <c:v>82.499600000000001</c:v>
                </c:pt>
                <c:pt idx="9776">
                  <c:v>85.088899999999995</c:v>
                </c:pt>
                <c:pt idx="9777">
                  <c:v>87.424899999999994</c:v>
                </c:pt>
                <c:pt idx="9778">
                  <c:v>21.537299999999998</c:v>
                </c:pt>
                <c:pt idx="9779">
                  <c:v>23.681100000000001</c:v>
                </c:pt>
                <c:pt idx="9780">
                  <c:v>23.314900000000002</c:v>
                </c:pt>
                <c:pt idx="9781">
                  <c:v>34.7089</c:v>
                </c:pt>
                <c:pt idx="9782">
                  <c:v>33.927199999999999</c:v>
                </c:pt>
                <c:pt idx="9783">
                  <c:v>26.7746</c:v>
                </c:pt>
                <c:pt idx="9784">
                  <c:v>23.9085</c:v>
                </c:pt>
                <c:pt idx="9785">
                  <c:v>24.598500000000001</c:v>
                </c:pt>
                <c:pt idx="9786">
                  <c:v>25.174499999999998</c:v>
                </c:pt>
                <c:pt idx="9787">
                  <c:v>25.607199999999999</c:v>
                </c:pt>
                <c:pt idx="9788">
                  <c:v>35.855600000000003</c:v>
                </c:pt>
                <c:pt idx="9789">
                  <c:v>28.927499999999998</c:v>
                </c:pt>
                <c:pt idx="9790">
                  <c:v>23.514800000000001</c:v>
                </c:pt>
                <c:pt idx="9791">
                  <c:v>30.8367</c:v>
                </c:pt>
                <c:pt idx="9792">
                  <c:v>34.7089</c:v>
                </c:pt>
                <c:pt idx="9793">
                  <c:v>34.403599999999997</c:v>
                </c:pt>
                <c:pt idx="9794">
                  <c:v>33.310899999999997</c:v>
                </c:pt>
                <c:pt idx="9795">
                  <c:v>32.041699999999999</c:v>
                </c:pt>
                <c:pt idx="9796">
                  <c:v>32.408900000000003</c:v>
                </c:pt>
                <c:pt idx="9797">
                  <c:v>32.668500000000002</c:v>
                </c:pt>
                <c:pt idx="9798">
                  <c:v>32.835799999999999</c:v>
                </c:pt>
                <c:pt idx="9799">
                  <c:v>37.009399999999999</c:v>
                </c:pt>
                <c:pt idx="9800">
                  <c:v>28.927499999999998</c:v>
                </c:pt>
                <c:pt idx="9801">
                  <c:v>23.514800000000001</c:v>
                </c:pt>
                <c:pt idx="9802">
                  <c:v>30.8367</c:v>
                </c:pt>
                <c:pt idx="9803">
                  <c:v>34.7089</c:v>
                </c:pt>
                <c:pt idx="9804">
                  <c:v>34.403599999999997</c:v>
                </c:pt>
                <c:pt idx="9805">
                  <c:v>33.310899999999997</c:v>
                </c:pt>
                <c:pt idx="9806">
                  <c:v>32.041699999999999</c:v>
                </c:pt>
                <c:pt idx="9807">
                  <c:v>32.408900000000003</c:v>
                </c:pt>
                <c:pt idx="9808">
                  <c:v>32.668500000000002</c:v>
                </c:pt>
                <c:pt idx="9809">
                  <c:v>32.835799999999999</c:v>
                </c:pt>
                <c:pt idx="9810">
                  <c:v>37.009399999999999</c:v>
                </c:pt>
                <c:pt idx="9811">
                  <c:v>28.927499999999998</c:v>
                </c:pt>
                <c:pt idx="9812">
                  <c:v>23.514800000000001</c:v>
                </c:pt>
                <c:pt idx="9813">
                  <c:v>30.8367</c:v>
                </c:pt>
                <c:pt idx="9814">
                  <c:v>34.7089</c:v>
                </c:pt>
                <c:pt idx="9815">
                  <c:v>34.403599999999997</c:v>
                </c:pt>
                <c:pt idx="9816">
                  <c:v>33.310899999999997</c:v>
                </c:pt>
                <c:pt idx="9817">
                  <c:v>32.041699999999999</c:v>
                </c:pt>
                <c:pt idx="9818">
                  <c:v>32.408900000000003</c:v>
                </c:pt>
                <c:pt idx="9819">
                  <c:v>32.668500000000002</c:v>
                </c:pt>
                <c:pt idx="9820">
                  <c:v>32.835799999999999</c:v>
                </c:pt>
                <c:pt idx="9821">
                  <c:v>37.009399999999999</c:v>
                </c:pt>
                <c:pt idx="9822">
                  <c:v>28.927499999999998</c:v>
                </c:pt>
                <c:pt idx="9823">
                  <c:v>23.514800000000001</c:v>
                </c:pt>
                <c:pt idx="9824">
                  <c:v>30.8367</c:v>
                </c:pt>
                <c:pt idx="9825">
                  <c:v>34.7089</c:v>
                </c:pt>
                <c:pt idx="9826">
                  <c:v>34.403599999999997</c:v>
                </c:pt>
                <c:pt idx="9827">
                  <c:v>33.310899999999997</c:v>
                </c:pt>
                <c:pt idx="9828">
                  <c:v>32.041699999999999</c:v>
                </c:pt>
                <c:pt idx="9829">
                  <c:v>32.408900000000003</c:v>
                </c:pt>
                <c:pt idx="9830">
                  <c:v>32.668500000000002</c:v>
                </c:pt>
                <c:pt idx="9831">
                  <c:v>32.835799999999999</c:v>
                </c:pt>
                <c:pt idx="9832">
                  <c:v>37.009399999999999</c:v>
                </c:pt>
                <c:pt idx="9833">
                  <c:v>28.927499999999998</c:v>
                </c:pt>
                <c:pt idx="9834">
                  <c:v>23.514800000000001</c:v>
                </c:pt>
                <c:pt idx="9835">
                  <c:v>30.8367</c:v>
                </c:pt>
                <c:pt idx="9836">
                  <c:v>34.7089</c:v>
                </c:pt>
                <c:pt idx="9837">
                  <c:v>34.403599999999997</c:v>
                </c:pt>
                <c:pt idx="9838">
                  <c:v>33.310899999999997</c:v>
                </c:pt>
                <c:pt idx="9839">
                  <c:v>32.041699999999999</c:v>
                </c:pt>
                <c:pt idx="9840">
                  <c:v>32.408900000000003</c:v>
                </c:pt>
                <c:pt idx="9841">
                  <c:v>32.668500000000002</c:v>
                </c:pt>
                <c:pt idx="9842">
                  <c:v>32.835799999999999</c:v>
                </c:pt>
                <c:pt idx="9843">
                  <c:v>37.009399999999999</c:v>
                </c:pt>
                <c:pt idx="9844">
                  <c:v>28.927499999999998</c:v>
                </c:pt>
                <c:pt idx="9845">
                  <c:v>23.514800000000001</c:v>
                </c:pt>
                <c:pt idx="9846">
                  <c:v>30.8367</c:v>
                </c:pt>
                <c:pt idx="9847">
                  <c:v>34.7089</c:v>
                </c:pt>
                <c:pt idx="9848">
                  <c:v>34.403599999999997</c:v>
                </c:pt>
                <c:pt idx="9849">
                  <c:v>33.310899999999997</c:v>
                </c:pt>
                <c:pt idx="9850">
                  <c:v>32.041699999999999</c:v>
                </c:pt>
                <c:pt idx="9851">
                  <c:v>32.408900000000003</c:v>
                </c:pt>
                <c:pt idx="9852">
                  <c:v>32.668500000000002</c:v>
                </c:pt>
                <c:pt idx="9853">
                  <c:v>32.835799999999999</c:v>
                </c:pt>
                <c:pt idx="9854">
                  <c:v>37.009399999999999</c:v>
                </c:pt>
                <c:pt idx="9855">
                  <c:v>28.927499999999998</c:v>
                </c:pt>
                <c:pt idx="9856">
                  <c:v>23.514800000000001</c:v>
                </c:pt>
                <c:pt idx="9857">
                  <c:v>30.8367</c:v>
                </c:pt>
                <c:pt idx="9858">
                  <c:v>34.7089</c:v>
                </c:pt>
                <c:pt idx="9859">
                  <c:v>34.403599999999997</c:v>
                </c:pt>
                <c:pt idx="9860">
                  <c:v>33.310899999999997</c:v>
                </c:pt>
                <c:pt idx="9861">
                  <c:v>32.041699999999999</c:v>
                </c:pt>
                <c:pt idx="9862">
                  <c:v>32.408900000000003</c:v>
                </c:pt>
                <c:pt idx="9863">
                  <c:v>32.668500000000002</c:v>
                </c:pt>
                <c:pt idx="9864">
                  <c:v>32.835799999999999</c:v>
                </c:pt>
                <c:pt idx="9865">
                  <c:v>37.009399999999999</c:v>
                </c:pt>
                <c:pt idx="9866">
                  <c:v>28.927499999999998</c:v>
                </c:pt>
                <c:pt idx="9867">
                  <c:v>23.514800000000001</c:v>
                </c:pt>
                <c:pt idx="9868">
                  <c:v>30.8367</c:v>
                </c:pt>
                <c:pt idx="9869">
                  <c:v>34.7089</c:v>
                </c:pt>
                <c:pt idx="9870">
                  <c:v>34.403599999999997</c:v>
                </c:pt>
                <c:pt idx="9871">
                  <c:v>33.310899999999997</c:v>
                </c:pt>
                <c:pt idx="9872">
                  <c:v>32.041699999999999</c:v>
                </c:pt>
                <c:pt idx="9873">
                  <c:v>32.408900000000003</c:v>
                </c:pt>
                <c:pt idx="9874">
                  <c:v>32.668500000000002</c:v>
                </c:pt>
                <c:pt idx="9875">
                  <c:v>32.835799999999999</c:v>
                </c:pt>
                <c:pt idx="9876">
                  <c:v>37.009399999999999</c:v>
                </c:pt>
                <c:pt idx="9877">
                  <c:v>28.927499999999998</c:v>
                </c:pt>
                <c:pt idx="9878">
                  <c:v>23.514800000000001</c:v>
                </c:pt>
                <c:pt idx="9879">
                  <c:v>30.8367</c:v>
                </c:pt>
                <c:pt idx="9880">
                  <c:v>34.7089</c:v>
                </c:pt>
                <c:pt idx="9881">
                  <c:v>34.403599999999997</c:v>
                </c:pt>
                <c:pt idx="9882">
                  <c:v>33.310899999999997</c:v>
                </c:pt>
                <c:pt idx="9883">
                  <c:v>32.041699999999999</c:v>
                </c:pt>
                <c:pt idx="9884">
                  <c:v>32.408900000000003</c:v>
                </c:pt>
                <c:pt idx="9885">
                  <c:v>32.668500000000002</c:v>
                </c:pt>
                <c:pt idx="9886">
                  <c:v>32.835799999999999</c:v>
                </c:pt>
                <c:pt idx="9887">
                  <c:v>37.009399999999999</c:v>
                </c:pt>
                <c:pt idx="9888">
                  <c:v>28.927499999999998</c:v>
                </c:pt>
                <c:pt idx="9889">
                  <c:v>23.514800000000001</c:v>
                </c:pt>
                <c:pt idx="9890">
                  <c:v>30.8367</c:v>
                </c:pt>
                <c:pt idx="9891">
                  <c:v>34.7089</c:v>
                </c:pt>
                <c:pt idx="9892">
                  <c:v>34.403599999999997</c:v>
                </c:pt>
                <c:pt idx="9893">
                  <c:v>33.310899999999997</c:v>
                </c:pt>
                <c:pt idx="9894">
                  <c:v>32.041699999999999</c:v>
                </c:pt>
                <c:pt idx="9895">
                  <c:v>32.408900000000003</c:v>
                </c:pt>
                <c:pt idx="9896">
                  <c:v>32.668500000000002</c:v>
                </c:pt>
                <c:pt idx="9897">
                  <c:v>32.835799999999999</c:v>
                </c:pt>
                <c:pt idx="9898">
                  <c:v>37.009399999999999</c:v>
                </c:pt>
                <c:pt idx="9899">
                  <c:v>37.424100000000003</c:v>
                </c:pt>
                <c:pt idx="9900">
                  <c:v>45.903599999999997</c:v>
                </c:pt>
                <c:pt idx="9901">
                  <c:v>52.076799999999999</c:v>
                </c:pt>
                <c:pt idx="9902">
                  <c:v>58.204099999999997</c:v>
                </c:pt>
                <c:pt idx="9903">
                  <c:v>63.854599999999998</c:v>
                </c:pt>
                <c:pt idx="9904">
                  <c:v>67.078900000000004</c:v>
                </c:pt>
                <c:pt idx="9905">
                  <c:v>74.140500000000003</c:v>
                </c:pt>
                <c:pt idx="9906">
                  <c:v>78.021699999999996</c:v>
                </c:pt>
                <c:pt idx="9907">
                  <c:v>81.447000000000003</c:v>
                </c:pt>
                <c:pt idx="9908">
                  <c:v>85.519499999999994</c:v>
                </c:pt>
                <c:pt idx="9909">
                  <c:v>84.082099999999997</c:v>
                </c:pt>
                <c:pt idx="9910">
                  <c:v>21.537299999999998</c:v>
                </c:pt>
                <c:pt idx="9911">
                  <c:v>23.681100000000001</c:v>
                </c:pt>
                <c:pt idx="9912">
                  <c:v>23.314900000000002</c:v>
                </c:pt>
                <c:pt idx="9913">
                  <c:v>34.7089</c:v>
                </c:pt>
                <c:pt idx="9914">
                  <c:v>33.927199999999999</c:v>
                </c:pt>
                <c:pt idx="9915">
                  <c:v>26.7746</c:v>
                </c:pt>
                <c:pt idx="9916">
                  <c:v>23.9085</c:v>
                </c:pt>
                <c:pt idx="9917">
                  <c:v>24.598500000000001</c:v>
                </c:pt>
                <c:pt idx="9918">
                  <c:v>25.174499999999998</c:v>
                </c:pt>
                <c:pt idx="9919">
                  <c:v>25.607199999999999</c:v>
                </c:pt>
                <c:pt idx="9920">
                  <c:v>35.855600000000003</c:v>
                </c:pt>
                <c:pt idx="9921">
                  <c:v>28.927499999999998</c:v>
                </c:pt>
                <c:pt idx="9922">
                  <c:v>23.514800000000001</c:v>
                </c:pt>
                <c:pt idx="9923">
                  <c:v>30.8367</c:v>
                </c:pt>
                <c:pt idx="9924">
                  <c:v>34.7089</c:v>
                </c:pt>
                <c:pt idx="9925">
                  <c:v>34.403599999999997</c:v>
                </c:pt>
                <c:pt idx="9926">
                  <c:v>33.310899999999997</c:v>
                </c:pt>
                <c:pt idx="9927">
                  <c:v>32.041699999999999</c:v>
                </c:pt>
                <c:pt idx="9928">
                  <c:v>32.408900000000003</c:v>
                </c:pt>
                <c:pt idx="9929">
                  <c:v>32.668500000000002</c:v>
                </c:pt>
                <c:pt idx="9930">
                  <c:v>32.835799999999999</c:v>
                </c:pt>
                <c:pt idx="9931">
                  <c:v>37.009399999999999</c:v>
                </c:pt>
                <c:pt idx="9932">
                  <c:v>28.927499999999998</c:v>
                </c:pt>
                <c:pt idx="9933">
                  <c:v>23.514800000000001</c:v>
                </c:pt>
                <c:pt idx="9934">
                  <c:v>30.8367</c:v>
                </c:pt>
                <c:pt idx="9935">
                  <c:v>34.7089</c:v>
                </c:pt>
                <c:pt idx="9936">
                  <c:v>34.403599999999997</c:v>
                </c:pt>
                <c:pt idx="9937">
                  <c:v>33.310899999999997</c:v>
                </c:pt>
                <c:pt idx="9938">
                  <c:v>32.041699999999999</c:v>
                </c:pt>
                <c:pt idx="9939">
                  <c:v>32.408900000000003</c:v>
                </c:pt>
                <c:pt idx="9940">
                  <c:v>32.668500000000002</c:v>
                </c:pt>
                <c:pt idx="9941">
                  <c:v>32.835799999999999</c:v>
                </c:pt>
                <c:pt idx="9942">
                  <c:v>37.009399999999999</c:v>
                </c:pt>
                <c:pt idx="9943">
                  <c:v>28.927499999999998</c:v>
                </c:pt>
                <c:pt idx="9944">
                  <c:v>23.514800000000001</c:v>
                </c:pt>
                <c:pt idx="9945">
                  <c:v>30.8367</c:v>
                </c:pt>
                <c:pt idx="9946">
                  <c:v>34.7089</c:v>
                </c:pt>
                <c:pt idx="9947">
                  <c:v>34.403599999999997</c:v>
                </c:pt>
                <c:pt idx="9948">
                  <c:v>33.310899999999997</c:v>
                </c:pt>
                <c:pt idx="9949">
                  <c:v>32.041699999999999</c:v>
                </c:pt>
                <c:pt idx="9950">
                  <c:v>32.408900000000003</c:v>
                </c:pt>
                <c:pt idx="9951">
                  <c:v>32.668500000000002</c:v>
                </c:pt>
                <c:pt idx="9952">
                  <c:v>32.835799999999999</c:v>
                </c:pt>
                <c:pt idx="9953">
                  <c:v>37.009399999999999</c:v>
                </c:pt>
                <c:pt idx="9954">
                  <c:v>28.927499999999998</c:v>
                </c:pt>
                <c:pt idx="9955">
                  <c:v>23.514800000000001</c:v>
                </c:pt>
                <c:pt idx="9956">
                  <c:v>30.8367</c:v>
                </c:pt>
                <c:pt idx="9957">
                  <c:v>34.7089</c:v>
                </c:pt>
                <c:pt idx="9958">
                  <c:v>34.403599999999997</c:v>
                </c:pt>
                <c:pt idx="9959">
                  <c:v>33.310899999999997</c:v>
                </c:pt>
                <c:pt idx="9960">
                  <c:v>32.041699999999999</c:v>
                </c:pt>
                <c:pt idx="9961">
                  <c:v>32.408900000000003</c:v>
                </c:pt>
                <c:pt idx="9962">
                  <c:v>32.668500000000002</c:v>
                </c:pt>
                <c:pt idx="9963">
                  <c:v>32.835799999999999</c:v>
                </c:pt>
                <c:pt idx="9964">
                  <c:v>37.009399999999999</c:v>
                </c:pt>
                <c:pt idx="9965">
                  <c:v>28.927499999999998</c:v>
                </c:pt>
                <c:pt idx="9966">
                  <c:v>23.514800000000001</c:v>
                </c:pt>
                <c:pt idx="9967">
                  <c:v>30.8367</c:v>
                </c:pt>
                <c:pt idx="9968">
                  <c:v>34.7089</c:v>
                </c:pt>
                <c:pt idx="9969">
                  <c:v>34.403599999999997</c:v>
                </c:pt>
                <c:pt idx="9970">
                  <c:v>33.310899999999997</c:v>
                </c:pt>
                <c:pt idx="9971">
                  <c:v>32.041699999999999</c:v>
                </c:pt>
                <c:pt idx="9972">
                  <c:v>32.408900000000003</c:v>
                </c:pt>
                <c:pt idx="9973">
                  <c:v>32.668500000000002</c:v>
                </c:pt>
                <c:pt idx="9974">
                  <c:v>32.835799999999999</c:v>
                </c:pt>
                <c:pt idx="9975">
                  <c:v>37.009399999999999</c:v>
                </c:pt>
                <c:pt idx="9976">
                  <c:v>28.927499999999998</c:v>
                </c:pt>
                <c:pt idx="9977">
                  <c:v>23.514800000000001</c:v>
                </c:pt>
                <c:pt idx="9978">
                  <c:v>30.8367</c:v>
                </c:pt>
                <c:pt idx="9979">
                  <c:v>34.7089</c:v>
                </c:pt>
                <c:pt idx="9980">
                  <c:v>34.403599999999997</c:v>
                </c:pt>
                <c:pt idx="9981">
                  <c:v>33.310899999999997</c:v>
                </c:pt>
                <c:pt idx="9982">
                  <c:v>32.041699999999999</c:v>
                </c:pt>
                <c:pt idx="9983">
                  <c:v>32.408900000000003</c:v>
                </c:pt>
                <c:pt idx="9984">
                  <c:v>32.668500000000002</c:v>
                </c:pt>
                <c:pt idx="9985">
                  <c:v>32.835799999999999</c:v>
                </c:pt>
                <c:pt idx="9986">
                  <c:v>37.009399999999999</c:v>
                </c:pt>
                <c:pt idx="9987">
                  <c:v>28.927499999999998</c:v>
                </c:pt>
                <c:pt idx="9988">
                  <c:v>23.514800000000001</c:v>
                </c:pt>
                <c:pt idx="9989">
                  <c:v>30.8367</c:v>
                </c:pt>
                <c:pt idx="9990">
                  <c:v>34.7089</c:v>
                </c:pt>
                <c:pt idx="9991">
                  <c:v>34.403599999999997</c:v>
                </c:pt>
                <c:pt idx="9992">
                  <c:v>33.310899999999997</c:v>
                </c:pt>
                <c:pt idx="9993">
                  <c:v>32.041699999999999</c:v>
                </c:pt>
                <c:pt idx="9994">
                  <c:v>32.408900000000003</c:v>
                </c:pt>
                <c:pt idx="9995">
                  <c:v>32.668500000000002</c:v>
                </c:pt>
                <c:pt idx="9996">
                  <c:v>32.835799999999999</c:v>
                </c:pt>
                <c:pt idx="9997">
                  <c:v>37.009399999999999</c:v>
                </c:pt>
                <c:pt idx="9998">
                  <c:v>28.927499999999998</c:v>
                </c:pt>
                <c:pt idx="9999">
                  <c:v>23.514800000000001</c:v>
                </c:pt>
                <c:pt idx="10000">
                  <c:v>30.8367</c:v>
                </c:pt>
                <c:pt idx="10001">
                  <c:v>34.7089</c:v>
                </c:pt>
                <c:pt idx="10002">
                  <c:v>34.403599999999997</c:v>
                </c:pt>
                <c:pt idx="10003">
                  <c:v>33.310899999999997</c:v>
                </c:pt>
                <c:pt idx="10004">
                  <c:v>32.041699999999999</c:v>
                </c:pt>
                <c:pt idx="10005">
                  <c:v>32.408900000000003</c:v>
                </c:pt>
                <c:pt idx="10006">
                  <c:v>32.668500000000002</c:v>
                </c:pt>
                <c:pt idx="10007">
                  <c:v>32.835799999999999</c:v>
                </c:pt>
                <c:pt idx="10008">
                  <c:v>37.009399999999999</c:v>
                </c:pt>
                <c:pt idx="10009">
                  <c:v>28.927499999999998</c:v>
                </c:pt>
                <c:pt idx="10010">
                  <c:v>23.514800000000001</c:v>
                </c:pt>
                <c:pt idx="10011">
                  <c:v>30.8367</c:v>
                </c:pt>
                <c:pt idx="10012">
                  <c:v>34.7089</c:v>
                </c:pt>
                <c:pt idx="10013">
                  <c:v>34.403599999999997</c:v>
                </c:pt>
                <c:pt idx="10014">
                  <c:v>33.310899999999997</c:v>
                </c:pt>
                <c:pt idx="10015">
                  <c:v>32.041699999999999</c:v>
                </c:pt>
                <c:pt idx="10016">
                  <c:v>32.408900000000003</c:v>
                </c:pt>
                <c:pt idx="10017">
                  <c:v>32.668500000000002</c:v>
                </c:pt>
                <c:pt idx="10018">
                  <c:v>32.835799999999999</c:v>
                </c:pt>
                <c:pt idx="10019">
                  <c:v>37.009399999999999</c:v>
                </c:pt>
                <c:pt idx="10020">
                  <c:v>28.927499999999998</c:v>
                </c:pt>
                <c:pt idx="10021">
                  <c:v>23.514800000000001</c:v>
                </c:pt>
                <c:pt idx="10022">
                  <c:v>30.8367</c:v>
                </c:pt>
                <c:pt idx="10023">
                  <c:v>34.7089</c:v>
                </c:pt>
                <c:pt idx="10024">
                  <c:v>34.403599999999997</c:v>
                </c:pt>
                <c:pt idx="10025">
                  <c:v>33.310899999999997</c:v>
                </c:pt>
                <c:pt idx="10026">
                  <c:v>32.041699999999999</c:v>
                </c:pt>
                <c:pt idx="10027">
                  <c:v>32.408900000000003</c:v>
                </c:pt>
                <c:pt idx="10028">
                  <c:v>32.668500000000002</c:v>
                </c:pt>
                <c:pt idx="10029">
                  <c:v>32.835799999999999</c:v>
                </c:pt>
                <c:pt idx="10030">
                  <c:v>37.009399999999999</c:v>
                </c:pt>
                <c:pt idx="10031">
                  <c:v>37.424100000000003</c:v>
                </c:pt>
                <c:pt idx="10032">
                  <c:v>45.903599999999997</c:v>
                </c:pt>
                <c:pt idx="10033">
                  <c:v>52.076799999999999</c:v>
                </c:pt>
                <c:pt idx="10034">
                  <c:v>58.204099999999997</c:v>
                </c:pt>
                <c:pt idx="10035">
                  <c:v>61.855899999999998</c:v>
                </c:pt>
                <c:pt idx="10036">
                  <c:v>63.821100000000001</c:v>
                </c:pt>
                <c:pt idx="10037">
                  <c:v>73.517200000000003</c:v>
                </c:pt>
                <c:pt idx="10038">
                  <c:v>75.644999999999996</c:v>
                </c:pt>
                <c:pt idx="10039">
                  <c:v>80.039100000000005</c:v>
                </c:pt>
                <c:pt idx="10040">
                  <c:v>84.499899999999997</c:v>
                </c:pt>
                <c:pt idx="10041">
                  <c:v>84.941599999999994</c:v>
                </c:pt>
                <c:pt idx="10042">
                  <c:v>21.537299999999998</c:v>
                </c:pt>
                <c:pt idx="10043">
                  <c:v>23.681100000000001</c:v>
                </c:pt>
                <c:pt idx="10044">
                  <c:v>23.314900000000002</c:v>
                </c:pt>
                <c:pt idx="10045">
                  <c:v>34.7089</c:v>
                </c:pt>
                <c:pt idx="10046">
                  <c:v>33.927199999999999</c:v>
                </c:pt>
                <c:pt idx="10047">
                  <c:v>26.7746</c:v>
                </c:pt>
                <c:pt idx="10048">
                  <c:v>23.9085</c:v>
                </c:pt>
                <c:pt idx="10049">
                  <c:v>24.598500000000001</c:v>
                </c:pt>
                <c:pt idx="10050">
                  <c:v>25.174499999999998</c:v>
                </c:pt>
                <c:pt idx="10051">
                  <c:v>25.607199999999999</c:v>
                </c:pt>
                <c:pt idx="10052">
                  <c:v>35.855600000000003</c:v>
                </c:pt>
                <c:pt idx="10053">
                  <c:v>28.927499999999998</c:v>
                </c:pt>
                <c:pt idx="10054">
                  <c:v>23.514800000000001</c:v>
                </c:pt>
                <c:pt idx="10055">
                  <c:v>30.8367</c:v>
                </c:pt>
                <c:pt idx="10056">
                  <c:v>34.7089</c:v>
                </c:pt>
                <c:pt idx="10057">
                  <c:v>34.403599999999997</c:v>
                </c:pt>
                <c:pt idx="10058">
                  <c:v>33.310899999999997</c:v>
                </c:pt>
                <c:pt idx="10059">
                  <c:v>32.041699999999999</c:v>
                </c:pt>
                <c:pt idx="10060">
                  <c:v>32.408900000000003</c:v>
                </c:pt>
                <c:pt idx="10061">
                  <c:v>32.668500000000002</c:v>
                </c:pt>
                <c:pt idx="10062">
                  <c:v>32.835799999999999</c:v>
                </c:pt>
                <c:pt idx="10063">
                  <c:v>37.009399999999999</c:v>
                </c:pt>
                <c:pt idx="10064">
                  <c:v>28.927499999999998</c:v>
                </c:pt>
                <c:pt idx="10065">
                  <c:v>23.514800000000001</c:v>
                </c:pt>
                <c:pt idx="10066">
                  <c:v>30.8367</c:v>
                </c:pt>
                <c:pt idx="10067">
                  <c:v>34.7089</c:v>
                </c:pt>
                <c:pt idx="10068">
                  <c:v>34.403599999999997</c:v>
                </c:pt>
                <c:pt idx="10069">
                  <c:v>33.310899999999997</c:v>
                </c:pt>
                <c:pt idx="10070">
                  <c:v>32.041699999999999</c:v>
                </c:pt>
                <c:pt idx="10071">
                  <c:v>32.408900000000003</c:v>
                </c:pt>
                <c:pt idx="10072">
                  <c:v>32.668500000000002</c:v>
                </c:pt>
                <c:pt idx="10073">
                  <c:v>32.835799999999999</c:v>
                </c:pt>
                <c:pt idx="10074">
                  <c:v>37.009399999999999</c:v>
                </c:pt>
                <c:pt idx="10075">
                  <c:v>28.927499999999998</c:v>
                </c:pt>
                <c:pt idx="10076">
                  <c:v>23.514800000000001</c:v>
                </c:pt>
                <c:pt idx="10077">
                  <c:v>30.8367</c:v>
                </c:pt>
                <c:pt idx="10078">
                  <c:v>34.7089</c:v>
                </c:pt>
                <c:pt idx="10079">
                  <c:v>34.403599999999997</c:v>
                </c:pt>
                <c:pt idx="10080">
                  <c:v>33.310899999999997</c:v>
                </c:pt>
                <c:pt idx="10081">
                  <c:v>32.041699999999999</c:v>
                </c:pt>
                <c:pt idx="10082">
                  <c:v>32.408900000000003</c:v>
                </c:pt>
                <c:pt idx="10083">
                  <c:v>32.668500000000002</c:v>
                </c:pt>
                <c:pt idx="10084">
                  <c:v>32.835799999999999</c:v>
                </c:pt>
                <c:pt idx="10085">
                  <c:v>37.009399999999999</c:v>
                </c:pt>
                <c:pt idx="10086">
                  <c:v>28.927499999999998</c:v>
                </c:pt>
                <c:pt idx="10087">
                  <c:v>23.514800000000001</c:v>
                </c:pt>
                <c:pt idx="10088">
                  <c:v>30.8367</c:v>
                </c:pt>
                <c:pt idx="10089">
                  <c:v>34.7089</c:v>
                </c:pt>
                <c:pt idx="10090">
                  <c:v>34.403599999999997</c:v>
                </c:pt>
                <c:pt idx="10091">
                  <c:v>33.310899999999997</c:v>
                </c:pt>
                <c:pt idx="10092">
                  <c:v>32.041699999999999</c:v>
                </c:pt>
                <c:pt idx="10093">
                  <c:v>32.408900000000003</c:v>
                </c:pt>
                <c:pt idx="10094">
                  <c:v>32.668500000000002</c:v>
                </c:pt>
                <c:pt idx="10095">
                  <c:v>32.835799999999999</c:v>
                </c:pt>
                <c:pt idx="10096">
                  <c:v>37.009399999999999</c:v>
                </c:pt>
                <c:pt idx="10097">
                  <c:v>28.927499999999998</c:v>
                </c:pt>
                <c:pt idx="10098">
                  <c:v>23.514800000000001</c:v>
                </c:pt>
                <c:pt idx="10099">
                  <c:v>30.8367</c:v>
                </c:pt>
                <c:pt idx="10100">
                  <c:v>34.7089</c:v>
                </c:pt>
                <c:pt idx="10101">
                  <c:v>34.403599999999997</c:v>
                </c:pt>
                <c:pt idx="10102">
                  <c:v>33.310899999999997</c:v>
                </c:pt>
                <c:pt idx="10103">
                  <c:v>32.041699999999999</c:v>
                </c:pt>
                <c:pt idx="10104">
                  <c:v>32.408900000000003</c:v>
                </c:pt>
                <c:pt idx="10105">
                  <c:v>32.668500000000002</c:v>
                </c:pt>
                <c:pt idx="10106">
                  <c:v>32.835799999999999</c:v>
                </c:pt>
                <c:pt idx="10107">
                  <c:v>37.009399999999999</c:v>
                </c:pt>
                <c:pt idx="10108">
                  <c:v>28.927499999999998</c:v>
                </c:pt>
                <c:pt idx="10109">
                  <c:v>23.514800000000001</c:v>
                </c:pt>
                <c:pt idx="10110">
                  <c:v>30.8367</c:v>
                </c:pt>
                <c:pt idx="10111">
                  <c:v>34.7089</c:v>
                </c:pt>
                <c:pt idx="10112">
                  <c:v>34.403599999999997</c:v>
                </c:pt>
                <c:pt idx="10113">
                  <c:v>33.310899999999997</c:v>
                </c:pt>
                <c:pt idx="10114">
                  <c:v>32.041699999999999</c:v>
                </c:pt>
                <c:pt idx="10115">
                  <c:v>32.408900000000003</c:v>
                </c:pt>
                <c:pt idx="10116">
                  <c:v>32.668500000000002</c:v>
                </c:pt>
                <c:pt idx="10117">
                  <c:v>32.835799999999999</c:v>
                </c:pt>
                <c:pt idx="10118">
                  <c:v>37.009399999999999</c:v>
                </c:pt>
                <c:pt idx="10119">
                  <c:v>28.927499999999998</c:v>
                </c:pt>
                <c:pt idx="10120">
                  <c:v>23.514800000000001</c:v>
                </c:pt>
                <c:pt idx="10121">
                  <c:v>30.8367</c:v>
                </c:pt>
                <c:pt idx="10122">
                  <c:v>34.7089</c:v>
                </c:pt>
                <c:pt idx="10123">
                  <c:v>34.403599999999997</c:v>
                </c:pt>
                <c:pt idx="10124">
                  <c:v>33.310899999999997</c:v>
                </c:pt>
                <c:pt idx="10125">
                  <c:v>32.041699999999999</c:v>
                </c:pt>
                <c:pt idx="10126">
                  <c:v>32.408900000000003</c:v>
                </c:pt>
                <c:pt idx="10127">
                  <c:v>32.668500000000002</c:v>
                </c:pt>
                <c:pt idx="10128">
                  <c:v>32.835799999999999</c:v>
                </c:pt>
                <c:pt idx="10129">
                  <c:v>37.009399999999999</c:v>
                </c:pt>
                <c:pt idx="10130">
                  <c:v>28.927499999999998</c:v>
                </c:pt>
                <c:pt idx="10131">
                  <c:v>23.514800000000001</c:v>
                </c:pt>
                <c:pt idx="10132">
                  <c:v>30.8367</c:v>
                </c:pt>
                <c:pt idx="10133">
                  <c:v>34.7089</c:v>
                </c:pt>
                <c:pt idx="10134">
                  <c:v>34.403599999999997</c:v>
                </c:pt>
                <c:pt idx="10135">
                  <c:v>33.310899999999997</c:v>
                </c:pt>
                <c:pt idx="10136">
                  <c:v>32.041699999999999</c:v>
                </c:pt>
                <c:pt idx="10137">
                  <c:v>32.408900000000003</c:v>
                </c:pt>
                <c:pt idx="10138">
                  <c:v>32.668500000000002</c:v>
                </c:pt>
                <c:pt idx="10139">
                  <c:v>32.835799999999999</c:v>
                </c:pt>
                <c:pt idx="10140">
                  <c:v>37.009399999999999</c:v>
                </c:pt>
                <c:pt idx="10141">
                  <c:v>28.927499999999998</c:v>
                </c:pt>
                <c:pt idx="10142">
                  <c:v>23.514800000000001</c:v>
                </c:pt>
                <c:pt idx="10143">
                  <c:v>30.8367</c:v>
                </c:pt>
                <c:pt idx="10144">
                  <c:v>34.7089</c:v>
                </c:pt>
                <c:pt idx="10145">
                  <c:v>34.403599999999997</c:v>
                </c:pt>
                <c:pt idx="10146">
                  <c:v>33.310899999999997</c:v>
                </c:pt>
                <c:pt idx="10147">
                  <c:v>32.041699999999999</c:v>
                </c:pt>
                <c:pt idx="10148">
                  <c:v>32.408900000000003</c:v>
                </c:pt>
                <c:pt idx="10149">
                  <c:v>32.668500000000002</c:v>
                </c:pt>
                <c:pt idx="10150">
                  <c:v>32.835799999999999</c:v>
                </c:pt>
                <c:pt idx="10151">
                  <c:v>37.009399999999999</c:v>
                </c:pt>
                <c:pt idx="10152">
                  <c:v>28.927499999999998</c:v>
                </c:pt>
                <c:pt idx="10153">
                  <c:v>23.514800000000001</c:v>
                </c:pt>
                <c:pt idx="10154">
                  <c:v>30.8367</c:v>
                </c:pt>
                <c:pt idx="10155">
                  <c:v>34.7089</c:v>
                </c:pt>
                <c:pt idx="10156">
                  <c:v>34.403599999999997</c:v>
                </c:pt>
                <c:pt idx="10157">
                  <c:v>33.310899999999997</c:v>
                </c:pt>
                <c:pt idx="10158">
                  <c:v>32.041699999999999</c:v>
                </c:pt>
                <c:pt idx="10159">
                  <c:v>32.408900000000003</c:v>
                </c:pt>
                <c:pt idx="10160">
                  <c:v>32.668500000000002</c:v>
                </c:pt>
                <c:pt idx="10161">
                  <c:v>32.835799999999999</c:v>
                </c:pt>
                <c:pt idx="10162">
                  <c:v>37.009399999999999</c:v>
                </c:pt>
                <c:pt idx="10163">
                  <c:v>37.424100000000003</c:v>
                </c:pt>
                <c:pt idx="10164">
                  <c:v>45.903599999999997</c:v>
                </c:pt>
                <c:pt idx="10165">
                  <c:v>52.076799999999999</c:v>
                </c:pt>
                <c:pt idx="10166">
                  <c:v>58.204099999999997</c:v>
                </c:pt>
                <c:pt idx="10167">
                  <c:v>61.855899999999998</c:v>
                </c:pt>
                <c:pt idx="10168">
                  <c:v>63.821100000000001</c:v>
                </c:pt>
                <c:pt idx="10169">
                  <c:v>70.2286</c:v>
                </c:pt>
                <c:pt idx="10170">
                  <c:v>72.503799999999998</c:v>
                </c:pt>
                <c:pt idx="10171">
                  <c:v>77.553799999999995</c:v>
                </c:pt>
                <c:pt idx="10172">
                  <c:v>82.359300000000005</c:v>
                </c:pt>
                <c:pt idx="10173">
                  <c:v>83.749600000000001</c:v>
                </c:pt>
                <c:pt idx="10174">
                  <c:v>21.537299999999998</c:v>
                </c:pt>
                <c:pt idx="10175">
                  <c:v>23.681100000000001</c:v>
                </c:pt>
                <c:pt idx="10176">
                  <c:v>23.314900000000002</c:v>
                </c:pt>
                <c:pt idx="10177">
                  <c:v>34.7089</c:v>
                </c:pt>
                <c:pt idx="10178">
                  <c:v>33.927199999999999</c:v>
                </c:pt>
                <c:pt idx="10179">
                  <c:v>26.7746</c:v>
                </c:pt>
                <c:pt idx="10180">
                  <c:v>23.9085</c:v>
                </c:pt>
                <c:pt idx="10181">
                  <c:v>24.598500000000001</c:v>
                </c:pt>
                <c:pt idx="10182">
                  <c:v>25.174499999999998</c:v>
                </c:pt>
                <c:pt idx="10183">
                  <c:v>25.607199999999999</c:v>
                </c:pt>
                <c:pt idx="10184">
                  <c:v>35.855600000000003</c:v>
                </c:pt>
                <c:pt idx="10185">
                  <c:v>28.927499999999998</c:v>
                </c:pt>
                <c:pt idx="10186">
                  <c:v>23.514800000000001</c:v>
                </c:pt>
                <c:pt idx="10187">
                  <c:v>30.8367</c:v>
                </c:pt>
                <c:pt idx="10188">
                  <c:v>34.7089</c:v>
                </c:pt>
                <c:pt idx="10189">
                  <c:v>34.403599999999997</c:v>
                </c:pt>
                <c:pt idx="10190">
                  <c:v>33.310899999999997</c:v>
                </c:pt>
                <c:pt idx="10191">
                  <c:v>32.041699999999999</c:v>
                </c:pt>
                <c:pt idx="10192">
                  <c:v>32.408900000000003</c:v>
                </c:pt>
                <c:pt idx="10193">
                  <c:v>32.668500000000002</c:v>
                </c:pt>
                <c:pt idx="10194">
                  <c:v>32.835799999999999</c:v>
                </c:pt>
                <c:pt idx="10195">
                  <c:v>37.009399999999999</c:v>
                </c:pt>
                <c:pt idx="10196">
                  <c:v>28.927499999999998</c:v>
                </c:pt>
                <c:pt idx="10197">
                  <c:v>23.514800000000001</c:v>
                </c:pt>
                <c:pt idx="10198">
                  <c:v>30.8367</c:v>
                </c:pt>
                <c:pt idx="10199">
                  <c:v>34.7089</c:v>
                </c:pt>
                <c:pt idx="10200">
                  <c:v>34.403599999999997</c:v>
                </c:pt>
                <c:pt idx="10201">
                  <c:v>33.310899999999997</c:v>
                </c:pt>
                <c:pt idx="10202">
                  <c:v>32.041699999999999</c:v>
                </c:pt>
                <c:pt idx="10203">
                  <c:v>32.408900000000003</c:v>
                </c:pt>
                <c:pt idx="10204">
                  <c:v>32.668500000000002</c:v>
                </c:pt>
                <c:pt idx="10205">
                  <c:v>32.835799999999999</c:v>
                </c:pt>
                <c:pt idx="10206">
                  <c:v>37.009399999999999</c:v>
                </c:pt>
                <c:pt idx="10207">
                  <c:v>28.927499999999998</c:v>
                </c:pt>
                <c:pt idx="10208">
                  <c:v>23.514800000000001</c:v>
                </c:pt>
                <c:pt idx="10209">
                  <c:v>30.8367</c:v>
                </c:pt>
                <c:pt idx="10210">
                  <c:v>34.7089</c:v>
                </c:pt>
                <c:pt idx="10211">
                  <c:v>34.403599999999997</c:v>
                </c:pt>
                <c:pt idx="10212">
                  <c:v>33.310899999999997</c:v>
                </c:pt>
                <c:pt idx="10213">
                  <c:v>32.041699999999999</c:v>
                </c:pt>
                <c:pt idx="10214">
                  <c:v>32.408900000000003</c:v>
                </c:pt>
                <c:pt idx="10215">
                  <c:v>32.668500000000002</c:v>
                </c:pt>
                <c:pt idx="10216">
                  <c:v>32.835799999999999</c:v>
                </c:pt>
                <c:pt idx="10217">
                  <c:v>37.009399999999999</c:v>
                </c:pt>
                <c:pt idx="10218">
                  <c:v>28.927499999999998</c:v>
                </c:pt>
                <c:pt idx="10219">
                  <c:v>23.514800000000001</c:v>
                </c:pt>
                <c:pt idx="10220">
                  <c:v>30.8367</c:v>
                </c:pt>
                <c:pt idx="10221">
                  <c:v>34.7089</c:v>
                </c:pt>
                <c:pt idx="10222">
                  <c:v>34.403599999999997</c:v>
                </c:pt>
                <c:pt idx="10223">
                  <c:v>33.310899999999997</c:v>
                </c:pt>
                <c:pt idx="10224">
                  <c:v>32.041699999999999</c:v>
                </c:pt>
                <c:pt idx="10225">
                  <c:v>32.408900000000003</c:v>
                </c:pt>
                <c:pt idx="10226">
                  <c:v>32.668500000000002</c:v>
                </c:pt>
                <c:pt idx="10227">
                  <c:v>32.835799999999999</c:v>
                </c:pt>
                <c:pt idx="10228">
                  <c:v>37.009399999999999</c:v>
                </c:pt>
                <c:pt idx="10229">
                  <c:v>28.927499999999998</c:v>
                </c:pt>
                <c:pt idx="10230">
                  <c:v>23.514800000000001</c:v>
                </c:pt>
                <c:pt idx="10231">
                  <c:v>30.8367</c:v>
                </c:pt>
                <c:pt idx="10232">
                  <c:v>34.7089</c:v>
                </c:pt>
                <c:pt idx="10233">
                  <c:v>34.403599999999997</c:v>
                </c:pt>
                <c:pt idx="10234">
                  <c:v>33.310899999999997</c:v>
                </c:pt>
                <c:pt idx="10235">
                  <c:v>32.041699999999999</c:v>
                </c:pt>
                <c:pt idx="10236">
                  <c:v>32.408900000000003</c:v>
                </c:pt>
                <c:pt idx="10237">
                  <c:v>32.668500000000002</c:v>
                </c:pt>
                <c:pt idx="10238">
                  <c:v>32.835799999999999</c:v>
                </c:pt>
                <c:pt idx="10239">
                  <c:v>37.009399999999999</c:v>
                </c:pt>
                <c:pt idx="10240">
                  <c:v>28.927499999999998</c:v>
                </c:pt>
                <c:pt idx="10241">
                  <c:v>23.514800000000001</c:v>
                </c:pt>
                <c:pt idx="10242">
                  <c:v>30.8367</c:v>
                </c:pt>
                <c:pt idx="10243">
                  <c:v>34.7089</c:v>
                </c:pt>
                <c:pt idx="10244">
                  <c:v>34.403599999999997</c:v>
                </c:pt>
                <c:pt idx="10245">
                  <c:v>33.310899999999997</c:v>
                </c:pt>
                <c:pt idx="10246">
                  <c:v>32.041699999999999</c:v>
                </c:pt>
                <c:pt idx="10247">
                  <c:v>32.408900000000003</c:v>
                </c:pt>
                <c:pt idx="10248">
                  <c:v>32.668500000000002</c:v>
                </c:pt>
                <c:pt idx="10249">
                  <c:v>32.835799999999999</c:v>
                </c:pt>
                <c:pt idx="10250">
                  <c:v>37.009399999999999</c:v>
                </c:pt>
                <c:pt idx="10251">
                  <c:v>28.927499999999998</c:v>
                </c:pt>
                <c:pt idx="10252">
                  <c:v>23.514800000000001</c:v>
                </c:pt>
                <c:pt idx="10253">
                  <c:v>30.8367</c:v>
                </c:pt>
                <c:pt idx="10254">
                  <c:v>34.7089</c:v>
                </c:pt>
                <c:pt idx="10255">
                  <c:v>34.403599999999997</c:v>
                </c:pt>
                <c:pt idx="10256">
                  <c:v>33.310899999999997</c:v>
                </c:pt>
                <c:pt idx="10257">
                  <c:v>32.041699999999999</c:v>
                </c:pt>
                <c:pt idx="10258">
                  <c:v>32.408900000000003</c:v>
                </c:pt>
                <c:pt idx="10259">
                  <c:v>32.668500000000002</c:v>
                </c:pt>
                <c:pt idx="10260">
                  <c:v>32.835799999999999</c:v>
                </c:pt>
                <c:pt idx="10261">
                  <c:v>37.009399999999999</c:v>
                </c:pt>
                <c:pt idx="10262">
                  <c:v>28.927499999999998</c:v>
                </c:pt>
                <c:pt idx="10263">
                  <c:v>23.514800000000001</c:v>
                </c:pt>
                <c:pt idx="10264">
                  <c:v>30.8367</c:v>
                </c:pt>
                <c:pt idx="10265">
                  <c:v>34.7089</c:v>
                </c:pt>
                <c:pt idx="10266">
                  <c:v>34.403599999999997</c:v>
                </c:pt>
                <c:pt idx="10267">
                  <c:v>33.310899999999997</c:v>
                </c:pt>
                <c:pt idx="10268">
                  <c:v>32.041699999999999</c:v>
                </c:pt>
                <c:pt idx="10269">
                  <c:v>32.408900000000003</c:v>
                </c:pt>
                <c:pt idx="10270">
                  <c:v>32.668500000000002</c:v>
                </c:pt>
                <c:pt idx="10271">
                  <c:v>32.835799999999999</c:v>
                </c:pt>
                <c:pt idx="10272">
                  <c:v>37.009399999999999</c:v>
                </c:pt>
                <c:pt idx="10273">
                  <c:v>28.927499999999998</c:v>
                </c:pt>
                <c:pt idx="10274">
                  <c:v>23.514800000000001</c:v>
                </c:pt>
                <c:pt idx="10275">
                  <c:v>30.8367</c:v>
                </c:pt>
                <c:pt idx="10276">
                  <c:v>34.7089</c:v>
                </c:pt>
                <c:pt idx="10277">
                  <c:v>34.403599999999997</c:v>
                </c:pt>
                <c:pt idx="10278">
                  <c:v>33.310899999999997</c:v>
                </c:pt>
                <c:pt idx="10279">
                  <c:v>32.041699999999999</c:v>
                </c:pt>
                <c:pt idx="10280">
                  <c:v>32.408900000000003</c:v>
                </c:pt>
                <c:pt idx="10281">
                  <c:v>32.668500000000002</c:v>
                </c:pt>
                <c:pt idx="10282">
                  <c:v>32.835799999999999</c:v>
                </c:pt>
                <c:pt idx="10283">
                  <c:v>37.009399999999999</c:v>
                </c:pt>
                <c:pt idx="10284">
                  <c:v>28.927499999999998</c:v>
                </c:pt>
                <c:pt idx="10285">
                  <c:v>23.514800000000001</c:v>
                </c:pt>
                <c:pt idx="10286">
                  <c:v>30.8367</c:v>
                </c:pt>
                <c:pt idx="10287">
                  <c:v>34.7089</c:v>
                </c:pt>
                <c:pt idx="10288">
                  <c:v>34.403599999999997</c:v>
                </c:pt>
                <c:pt idx="10289">
                  <c:v>33.310899999999997</c:v>
                </c:pt>
                <c:pt idx="10290">
                  <c:v>32.041699999999999</c:v>
                </c:pt>
                <c:pt idx="10291">
                  <c:v>32.408900000000003</c:v>
                </c:pt>
                <c:pt idx="10292">
                  <c:v>32.668500000000002</c:v>
                </c:pt>
                <c:pt idx="10293">
                  <c:v>32.835799999999999</c:v>
                </c:pt>
                <c:pt idx="10294">
                  <c:v>37.009399999999999</c:v>
                </c:pt>
                <c:pt idx="10295">
                  <c:v>37.424100000000003</c:v>
                </c:pt>
                <c:pt idx="10296">
                  <c:v>45.903599999999997</c:v>
                </c:pt>
                <c:pt idx="10297">
                  <c:v>52.076799999999999</c:v>
                </c:pt>
                <c:pt idx="10298">
                  <c:v>58.204099999999997</c:v>
                </c:pt>
                <c:pt idx="10299">
                  <c:v>61.855899999999998</c:v>
                </c:pt>
                <c:pt idx="10300">
                  <c:v>63.821100000000001</c:v>
                </c:pt>
                <c:pt idx="10301">
                  <c:v>68.980999999999995</c:v>
                </c:pt>
                <c:pt idx="10302">
                  <c:v>69.831100000000006</c:v>
                </c:pt>
                <c:pt idx="10303">
                  <c:v>74.415800000000004</c:v>
                </c:pt>
                <c:pt idx="10304">
                  <c:v>79.444299999999998</c:v>
                </c:pt>
                <c:pt idx="10305">
                  <c:v>81.612099999999998</c:v>
                </c:pt>
                <c:pt idx="10306">
                  <c:v>21.537299999999998</c:v>
                </c:pt>
                <c:pt idx="10307">
                  <c:v>23.681100000000001</c:v>
                </c:pt>
                <c:pt idx="10308">
                  <c:v>23.314900000000002</c:v>
                </c:pt>
                <c:pt idx="10309">
                  <c:v>34.7089</c:v>
                </c:pt>
                <c:pt idx="10310">
                  <c:v>33.927199999999999</c:v>
                </c:pt>
                <c:pt idx="10311">
                  <c:v>26.7746</c:v>
                </c:pt>
                <c:pt idx="10312">
                  <c:v>23.9085</c:v>
                </c:pt>
                <c:pt idx="10313">
                  <c:v>24.598500000000001</c:v>
                </c:pt>
                <c:pt idx="10314">
                  <c:v>25.174499999999998</c:v>
                </c:pt>
                <c:pt idx="10315">
                  <c:v>25.607199999999999</c:v>
                </c:pt>
                <c:pt idx="10316">
                  <c:v>35.855600000000003</c:v>
                </c:pt>
                <c:pt idx="10317">
                  <c:v>28.927499999999998</c:v>
                </c:pt>
                <c:pt idx="10318">
                  <c:v>23.514800000000001</c:v>
                </c:pt>
                <c:pt idx="10319">
                  <c:v>30.8367</c:v>
                </c:pt>
                <c:pt idx="10320">
                  <c:v>34.7089</c:v>
                </c:pt>
                <c:pt idx="10321">
                  <c:v>34.403599999999997</c:v>
                </c:pt>
                <c:pt idx="10322">
                  <c:v>33.310899999999997</c:v>
                </c:pt>
                <c:pt idx="10323">
                  <c:v>32.041699999999999</c:v>
                </c:pt>
                <c:pt idx="10324">
                  <c:v>32.408900000000003</c:v>
                </c:pt>
                <c:pt idx="10325">
                  <c:v>32.668500000000002</c:v>
                </c:pt>
                <c:pt idx="10326">
                  <c:v>32.835799999999999</c:v>
                </c:pt>
                <c:pt idx="10327">
                  <c:v>37.009399999999999</c:v>
                </c:pt>
                <c:pt idx="10328">
                  <c:v>28.927499999999998</c:v>
                </c:pt>
                <c:pt idx="10329">
                  <c:v>23.514800000000001</c:v>
                </c:pt>
                <c:pt idx="10330">
                  <c:v>30.8367</c:v>
                </c:pt>
                <c:pt idx="10331">
                  <c:v>34.7089</c:v>
                </c:pt>
                <c:pt idx="10332">
                  <c:v>34.403599999999997</c:v>
                </c:pt>
                <c:pt idx="10333">
                  <c:v>33.310899999999997</c:v>
                </c:pt>
                <c:pt idx="10334">
                  <c:v>32.041699999999999</c:v>
                </c:pt>
                <c:pt idx="10335">
                  <c:v>32.408900000000003</c:v>
                </c:pt>
                <c:pt idx="10336">
                  <c:v>32.668500000000002</c:v>
                </c:pt>
                <c:pt idx="10337">
                  <c:v>32.835799999999999</c:v>
                </c:pt>
                <c:pt idx="10338">
                  <c:v>37.009399999999999</c:v>
                </c:pt>
                <c:pt idx="10339">
                  <c:v>28.927499999999998</c:v>
                </c:pt>
                <c:pt idx="10340">
                  <c:v>23.514800000000001</c:v>
                </c:pt>
                <c:pt idx="10341">
                  <c:v>30.8367</c:v>
                </c:pt>
                <c:pt idx="10342">
                  <c:v>34.7089</c:v>
                </c:pt>
                <c:pt idx="10343">
                  <c:v>34.403599999999997</c:v>
                </c:pt>
                <c:pt idx="10344">
                  <c:v>33.310899999999997</c:v>
                </c:pt>
                <c:pt idx="10345">
                  <c:v>32.041699999999999</c:v>
                </c:pt>
                <c:pt idx="10346">
                  <c:v>32.408900000000003</c:v>
                </c:pt>
                <c:pt idx="10347">
                  <c:v>32.668500000000002</c:v>
                </c:pt>
                <c:pt idx="10348">
                  <c:v>32.835799999999999</c:v>
                </c:pt>
                <c:pt idx="10349">
                  <c:v>37.009399999999999</c:v>
                </c:pt>
                <c:pt idx="10350">
                  <c:v>28.927499999999998</c:v>
                </c:pt>
                <c:pt idx="10351">
                  <c:v>23.514800000000001</c:v>
                </c:pt>
                <c:pt idx="10352">
                  <c:v>30.8367</c:v>
                </c:pt>
                <c:pt idx="10353">
                  <c:v>34.7089</c:v>
                </c:pt>
                <c:pt idx="10354">
                  <c:v>34.403599999999997</c:v>
                </c:pt>
                <c:pt idx="10355">
                  <c:v>33.310899999999997</c:v>
                </c:pt>
                <c:pt idx="10356">
                  <c:v>32.041699999999999</c:v>
                </c:pt>
                <c:pt idx="10357">
                  <c:v>32.408900000000003</c:v>
                </c:pt>
                <c:pt idx="10358">
                  <c:v>32.668500000000002</c:v>
                </c:pt>
                <c:pt idx="10359">
                  <c:v>32.835799999999999</c:v>
                </c:pt>
                <c:pt idx="10360">
                  <c:v>37.009399999999999</c:v>
                </c:pt>
                <c:pt idx="10361">
                  <c:v>28.927499999999998</c:v>
                </c:pt>
                <c:pt idx="10362">
                  <c:v>23.514800000000001</c:v>
                </c:pt>
                <c:pt idx="10363">
                  <c:v>30.8367</c:v>
                </c:pt>
                <c:pt idx="10364">
                  <c:v>34.7089</c:v>
                </c:pt>
                <c:pt idx="10365">
                  <c:v>34.403599999999997</c:v>
                </c:pt>
                <c:pt idx="10366">
                  <c:v>33.310899999999997</c:v>
                </c:pt>
                <c:pt idx="10367">
                  <c:v>32.041699999999999</c:v>
                </c:pt>
                <c:pt idx="10368">
                  <c:v>32.408900000000003</c:v>
                </c:pt>
                <c:pt idx="10369">
                  <c:v>32.668500000000002</c:v>
                </c:pt>
                <c:pt idx="10370">
                  <c:v>32.835799999999999</c:v>
                </c:pt>
                <c:pt idx="10371">
                  <c:v>37.009399999999999</c:v>
                </c:pt>
                <c:pt idx="10372">
                  <c:v>28.927499999999998</c:v>
                </c:pt>
                <c:pt idx="10373">
                  <c:v>23.514800000000001</c:v>
                </c:pt>
                <c:pt idx="10374">
                  <c:v>30.8367</c:v>
                </c:pt>
                <c:pt idx="10375">
                  <c:v>34.7089</c:v>
                </c:pt>
                <c:pt idx="10376">
                  <c:v>34.403599999999997</c:v>
                </c:pt>
                <c:pt idx="10377">
                  <c:v>33.310899999999997</c:v>
                </c:pt>
                <c:pt idx="10378">
                  <c:v>32.041699999999999</c:v>
                </c:pt>
                <c:pt idx="10379">
                  <c:v>32.408900000000003</c:v>
                </c:pt>
                <c:pt idx="10380">
                  <c:v>32.668500000000002</c:v>
                </c:pt>
                <c:pt idx="10381">
                  <c:v>32.835799999999999</c:v>
                </c:pt>
                <c:pt idx="10382">
                  <c:v>37.009399999999999</c:v>
                </c:pt>
                <c:pt idx="10383">
                  <c:v>28.927499999999998</c:v>
                </c:pt>
                <c:pt idx="10384">
                  <c:v>23.514800000000001</c:v>
                </c:pt>
                <c:pt idx="10385">
                  <c:v>30.8367</c:v>
                </c:pt>
                <c:pt idx="10386">
                  <c:v>34.7089</c:v>
                </c:pt>
                <c:pt idx="10387">
                  <c:v>34.403599999999997</c:v>
                </c:pt>
                <c:pt idx="10388">
                  <c:v>33.310899999999997</c:v>
                </c:pt>
                <c:pt idx="10389">
                  <c:v>32.041699999999999</c:v>
                </c:pt>
                <c:pt idx="10390">
                  <c:v>32.408900000000003</c:v>
                </c:pt>
                <c:pt idx="10391">
                  <c:v>32.668500000000002</c:v>
                </c:pt>
                <c:pt idx="10392">
                  <c:v>32.835799999999999</c:v>
                </c:pt>
                <c:pt idx="10393">
                  <c:v>37.009399999999999</c:v>
                </c:pt>
                <c:pt idx="10394">
                  <c:v>28.927499999999998</c:v>
                </c:pt>
                <c:pt idx="10395">
                  <c:v>23.514800000000001</c:v>
                </c:pt>
                <c:pt idx="10396">
                  <c:v>30.8367</c:v>
                </c:pt>
                <c:pt idx="10397">
                  <c:v>34.7089</c:v>
                </c:pt>
                <c:pt idx="10398">
                  <c:v>34.403599999999997</c:v>
                </c:pt>
                <c:pt idx="10399">
                  <c:v>33.310899999999997</c:v>
                </c:pt>
                <c:pt idx="10400">
                  <c:v>32.041699999999999</c:v>
                </c:pt>
                <c:pt idx="10401">
                  <c:v>32.408900000000003</c:v>
                </c:pt>
                <c:pt idx="10402">
                  <c:v>32.668500000000002</c:v>
                </c:pt>
                <c:pt idx="10403">
                  <c:v>32.835799999999999</c:v>
                </c:pt>
                <c:pt idx="10404">
                  <c:v>37.009399999999999</c:v>
                </c:pt>
                <c:pt idx="10405">
                  <c:v>28.927499999999998</c:v>
                </c:pt>
                <c:pt idx="10406">
                  <c:v>23.514800000000001</c:v>
                </c:pt>
                <c:pt idx="10407">
                  <c:v>30.8367</c:v>
                </c:pt>
                <c:pt idx="10408">
                  <c:v>34.7089</c:v>
                </c:pt>
                <c:pt idx="10409">
                  <c:v>34.403599999999997</c:v>
                </c:pt>
                <c:pt idx="10410">
                  <c:v>33.310899999999997</c:v>
                </c:pt>
                <c:pt idx="10411">
                  <c:v>32.041699999999999</c:v>
                </c:pt>
                <c:pt idx="10412">
                  <c:v>32.408900000000003</c:v>
                </c:pt>
                <c:pt idx="10413">
                  <c:v>32.668500000000002</c:v>
                </c:pt>
                <c:pt idx="10414">
                  <c:v>32.835799999999999</c:v>
                </c:pt>
                <c:pt idx="10415">
                  <c:v>37.009399999999999</c:v>
                </c:pt>
                <c:pt idx="10416">
                  <c:v>28.927499999999998</c:v>
                </c:pt>
                <c:pt idx="10417">
                  <c:v>23.514800000000001</c:v>
                </c:pt>
                <c:pt idx="10418">
                  <c:v>30.8367</c:v>
                </c:pt>
                <c:pt idx="10419">
                  <c:v>34.7089</c:v>
                </c:pt>
                <c:pt idx="10420">
                  <c:v>34.403599999999997</c:v>
                </c:pt>
                <c:pt idx="10421">
                  <c:v>33.310899999999997</c:v>
                </c:pt>
                <c:pt idx="10422">
                  <c:v>32.041699999999999</c:v>
                </c:pt>
                <c:pt idx="10423">
                  <c:v>32.408900000000003</c:v>
                </c:pt>
                <c:pt idx="10424">
                  <c:v>32.668500000000002</c:v>
                </c:pt>
                <c:pt idx="10425">
                  <c:v>32.835799999999999</c:v>
                </c:pt>
                <c:pt idx="10426">
                  <c:v>37.009399999999999</c:v>
                </c:pt>
                <c:pt idx="10427">
                  <c:v>37.424100000000003</c:v>
                </c:pt>
                <c:pt idx="10428">
                  <c:v>45.903599999999997</c:v>
                </c:pt>
                <c:pt idx="10429">
                  <c:v>52.076799999999999</c:v>
                </c:pt>
                <c:pt idx="10430">
                  <c:v>58.204099999999997</c:v>
                </c:pt>
                <c:pt idx="10431">
                  <c:v>61.855899999999998</c:v>
                </c:pt>
                <c:pt idx="10432">
                  <c:v>63.821100000000001</c:v>
                </c:pt>
                <c:pt idx="10433">
                  <c:v>68.980999999999995</c:v>
                </c:pt>
                <c:pt idx="10434">
                  <c:v>69.831100000000006</c:v>
                </c:pt>
                <c:pt idx="10435">
                  <c:v>72.020399999999995</c:v>
                </c:pt>
                <c:pt idx="10436">
                  <c:v>76.082999999999998</c:v>
                </c:pt>
                <c:pt idx="10437">
                  <c:v>78.691100000000006</c:v>
                </c:pt>
                <c:pt idx="10438">
                  <c:v>21.537299999999998</c:v>
                </c:pt>
                <c:pt idx="10439">
                  <c:v>23.681100000000001</c:v>
                </c:pt>
                <c:pt idx="10440">
                  <c:v>23.314900000000002</c:v>
                </c:pt>
                <c:pt idx="10441">
                  <c:v>34.7089</c:v>
                </c:pt>
                <c:pt idx="10442">
                  <c:v>33.927199999999999</c:v>
                </c:pt>
                <c:pt idx="10443">
                  <c:v>26.7746</c:v>
                </c:pt>
                <c:pt idx="10444">
                  <c:v>23.9085</c:v>
                </c:pt>
                <c:pt idx="10445">
                  <c:v>24.598500000000001</c:v>
                </c:pt>
                <c:pt idx="10446">
                  <c:v>25.174499999999998</c:v>
                </c:pt>
                <c:pt idx="10447">
                  <c:v>25.607199999999999</c:v>
                </c:pt>
                <c:pt idx="10448">
                  <c:v>35.855600000000003</c:v>
                </c:pt>
                <c:pt idx="10449">
                  <c:v>28.927499999999998</c:v>
                </c:pt>
                <c:pt idx="10450">
                  <c:v>23.514800000000001</c:v>
                </c:pt>
                <c:pt idx="10451">
                  <c:v>30.8367</c:v>
                </c:pt>
                <c:pt idx="10452">
                  <c:v>34.7089</c:v>
                </c:pt>
                <c:pt idx="10453">
                  <c:v>34.403599999999997</c:v>
                </c:pt>
                <c:pt idx="10454">
                  <c:v>33.310899999999997</c:v>
                </c:pt>
                <c:pt idx="10455">
                  <c:v>32.041699999999999</c:v>
                </c:pt>
                <c:pt idx="10456">
                  <c:v>32.408900000000003</c:v>
                </c:pt>
                <c:pt idx="10457">
                  <c:v>32.668500000000002</c:v>
                </c:pt>
                <c:pt idx="10458">
                  <c:v>32.835799999999999</c:v>
                </c:pt>
                <c:pt idx="10459">
                  <c:v>37.009399999999999</c:v>
                </c:pt>
                <c:pt idx="10460">
                  <c:v>28.927499999999998</c:v>
                </c:pt>
                <c:pt idx="10461">
                  <c:v>23.514800000000001</c:v>
                </c:pt>
                <c:pt idx="10462">
                  <c:v>30.8367</c:v>
                </c:pt>
                <c:pt idx="10463">
                  <c:v>34.7089</c:v>
                </c:pt>
                <c:pt idx="10464">
                  <c:v>34.403599999999997</c:v>
                </c:pt>
                <c:pt idx="10465">
                  <c:v>33.310899999999997</c:v>
                </c:pt>
                <c:pt idx="10466">
                  <c:v>32.041699999999999</c:v>
                </c:pt>
                <c:pt idx="10467">
                  <c:v>32.408900000000003</c:v>
                </c:pt>
                <c:pt idx="10468">
                  <c:v>32.668500000000002</c:v>
                </c:pt>
                <c:pt idx="10469">
                  <c:v>32.835799999999999</c:v>
                </c:pt>
                <c:pt idx="10470">
                  <c:v>37.009399999999999</c:v>
                </c:pt>
                <c:pt idx="10471">
                  <c:v>28.927499999999998</c:v>
                </c:pt>
                <c:pt idx="10472">
                  <c:v>23.514800000000001</c:v>
                </c:pt>
                <c:pt idx="10473">
                  <c:v>30.8367</c:v>
                </c:pt>
                <c:pt idx="10474">
                  <c:v>34.7089</c:v>
                </c:pt>
                <c:pt idx="10475">
                  <c:v>34.403599999999997</c:v>
                </c:pt>
                <c:pt idx="10476">
                  <c:v>33.310899999999997</c:v>
                </c:pt>
                <c:pt idx="10477">
                  <c:v>32.041699999999999</c:v>
                </c:pt>
                <c:pt idx="10478">
                  <c:v>32.408900000000003</c:v>
                </c:pt>
                <c:pt idx="10479">
                  <c:v>32.668500000000002</c:v>
                </c:pt>
                <c:pt idx="10480">
                  <c:v>32.835799999999999</c:v>
                </c:pt>
                <c:pt idx="10481">
                  <c:v>37.009399999999999</c:v>
                </c:pt>
                <c:pt idx="10482">
                  <c:v>28.927499999999998</c:v>
                </c:pt>
                <c:pt idx="10483">
                  <c:v>23.514800000000001</c:v>
                </c:pt>
                <c:pt idx="10484">
                  <c:v>30.8367</c:v>
                </c:pt>
                <c:pt idx="10485">
                  <c:v>34.7089</c:v>
                </c:pt>
                <c:pt idx="10486">
                  <c:v>34.403599999999997</c:v>
                </c:pt>
                <c:pt idx="10487">
                  <c:v>33.310899999999997</c:v>
                </c:pt>
                <c:pt idx="10488">
                  <c:v>32.041699999999999</c:v>
                </c:pt>
                <c:pt idx="10489">
                  <c:v>32.408900000000003</c:v>
                </c:pt>
                <c:pt idx="10490">
                  <c:v>32.668500000000002</c:v>
                </c:pt>
                <c:pt idx="10491">
                  <c:v>32.835799999999999</c:v>
                </c:pt>
                <c:pt idx="10492">
                  <c:v>37.009399999999999</c:v>
                </c:pt>
                <c:pt idx="10493">
                  <c:v>28.927499999999998</c:v>
                </c:pt>
                <c:pt idx="10494">
                  <c:v>23.514800000000001</c:v>
                </c:pt>
                <c:pt idx="10495">
                  <c:v>30.8367</c:v>
                </c:pt>
                <c:pt idx="10496">
                  <c:v>34.7089</c:v>
                </c:pt>
                <c:pt idx="10497">
                  <c:v>34.403599999999997</c:v>
                </c:pt>
                <c:pt idx="10498">
                  <c:v>33.310899999999997</c:v>
                </c:pt>
                <c:pt idx="10499">
                  <c:v>32.041699999999999</c:v>
                </c:pt>
                <c:pt idx="10500">
                  <c:v>32.408900000000003</c:v>
                </c:pt>
                <c:pt idx="10501">
                  <c:v>32.668500000000002</c:v>
                </c:pt>
                <c:pt idx="10502">
                  <c:v>32.835799999999999</c:v>
                </c:pt>
                <c:pt idx="10503">
                  <c:v>37.009399999999999</c:v>
                </c:pt>
                <c:pt idx="10504">
                  <c:v>28.927499999999998</c:v>
                </c:pt>
                <c:pt idx="10505">
                  <c:v>23.514800000000001</c:v>
                </c:pt>
                <c:pt idx="10506">
                  <c:v>30.8367</c:v>
                </c:pt>
                <c:pt idx="10507">
                  <c:v>34.7089</c:v>
                </c:pt>
                <c:pt idx="10508">
                  <c:v>34.403599999999997</c:v>
                </c:pt>
                <c:pt idx="10509">
                  <c:v>33.310899999999997</c:v>
                </c:pt>
                <c:pt idx="10510">
                  <c:v>32.041699999999999</c:v>
                </c:pt>
                <c:pt idx="10511">
                  <c:v>32.408900000000003</c:v>
                </c:pt>
                <c:pt idx="10512">
                  <c:v>32.668500000000002</c:v>
                </c:pt>
                <c:pt idx="10513">
                  <c:v>32.835799999999999</c:v>
                </c:pt>
                <c:pt idx="10514">
                  <c:v>37.009399999999999</c:v>
                </c:pt>
                <c:pt idx="10515">
                  <c:v>28.927499999999998</c:v>
                </c:pt>
                <c:pt idx="10516">
                  <c:v>23.514800000000001</c:v>
                </c:pt>
                <c:pt idx="10517">
                  <c:v>30.8367</c:v>
                </c:pt>
                <c:pt idx="10518">
                  <c:v>34.7089</c:v>
                </c:pt>
                <c:pt idx="10519">
                  <c:v>34.403599999999997</c:v>
                </c:pt>
                <c:pt idx="10520">
                  <c:v>33.310899999999997</c:v>
                </c:pt>
                <c:pt idx="10521">
                  <c:v>32.041699999999999</c:v>
                </c:pt>
                <c:pt idx="10522">
                  <c:v>32.408900000000003</c:v>
                </c:pt>
                <c:pt idx="10523">
                  <c:v>32.668500000000002</c:v>
                </c:pt>
                <c:pt idx="10524">
                  <c:v>32.835799999999999</c:v>
                </c:pt>
                <c:pt idx="10525">
                  <c:v>37.009399999999999</c:v>
                </c:pt>
                <c:pt idx="10526">
                  <c:v>28.927499999999998</c:v>
                </c:pt>
                <c:pt idx="10527">
                  <c:v>23.514800000000001</c:v>
                </c:pt>
                <c:pt idx="10528">
                  <c:v>30.8367</c:v>
                </c:pt>
                <c:pt idx="10529">
                  <c:v>34.7089</c:v>
                </c:pt>
                <c:pt idx="10530">
                  <c:v>34.403599999999997</c:v>
                </c:pt>
                <c:pt idx="10531">
                  <c:v>33.310899999999997</c:v>
                </c:pt>
                <c:pt idx="10532">
                  <c:v>32.041699999999999</c:v>
                </c:pt>
                <c:pt idx="10533">
                  <c:v>32.408900000000003</c:v>
                </c:pt>
                <c:pt idx="10534">
                  <c:v>32.668500000000002</c:v>
                </c:pt>
                <c:pt idx="10535">
                  <c:v>32.835799999999999</c:v>
                </c:pt>
                <c:pt idx="10536">
                  <c:v>37.009399999999999</c:v>
                </c:pt>
                <c:pt idx="10537">
                  <c:v>28.927499999999998</c:v>
                </c:pt>
                <c:pt idx="10538">
                  <c:v>23.514800000000001</c:v>
                </c:pt>
                <c:pt idx="10539">
                  <c:v>30.8367</c:v>
                </c:pt>
                <c:pt idx="10540">
                  <c:v>34.7089</c:v>
                </c:pt>
                <c:pt idx="10541">
                  <c:v>34.403599999999997</c:v>
                </c:pt>
                <c:pt idx="10542">
                  <c:v>33.310899999999997</c:v>
                </c:pt>
                <c:pt idx="10543">
                  <c:v>32.041699999999999</c:v>
                </c:pt>
                <c:pt idx="10544">
                  <c:v>32.408900000000003</c:v>
                </c:pt>
                <c:pt idx="10545">
                  <c:v>32.668500000000002</c:v>
                </c:pt>
                <c:pt idx="10546">
                  <c:v>32.835799999999999</c:v>
                </c:pt>
                <c:pt idx="10547">
                  <c:v>37.009399999999999</c:v>
                </c:pt>
                <c:pt idx="10548">
                  <c:v>28.927499999999998</c:v>
                </c:pt>
                <c:pt idx="10549">
                  <c:v>23.514800000000001</c:v>
                </c:pt>
                <c:pt idx="10550">
                  <c:v>30.8367</c:v>
                </c:pt>
                <c:pt idx="10551">
                  <c:v>34.7089</c:v>
                </c:pt>
                <c:pt idx="10552">
                  <c:v>34.403599999999997</c:v>
                </c:pt>
                <c:pt idx="10553">
                  <c:v>33.310899999999997</c:v>
                </c:pt>
                <c:pt idx="10554">
                  <c:v>32.041699999999999</c:v>
                </c:pt>
                <c:pt idx="10555">
                  <c:v>32.408900000000003</c:v>
                </c:pt>
                <c:pt idx="10556">
                  <c:v>32.668500000000002</c:v>
                </c:pt>
                <c:pt idx="10557">
                  <c:v>32.835799999999999</c:v>
                </c:pt>
                <c:pt idx="10558">
                  <c:v>37.009399999999999</c:v>
                </c:pt>
                <c:pt idx="10559">
                  <c:v>37.424100000000003</c:v>
                </c:pt>
                <c:pt idx="10560">
                  <c:v>45.903599999999997</c:v>
                </c:pt>
                <c:pt idx="10561">
                  <c:v>52.076799999999999</c:v>
                </c:pt>
                <c:pt idx="10562">
                  <c:v>58.204099999999997</c:v>
                </c:pt>
                <c:pt idx="10563">
                  <c:v>61.855899999999998</c:v>
                </c:pt>
                <c:pt idx="10564">
                  <c:v>63.821100000000001</c:v>
                </c:pt>
                <c:pt idx="10565">
                  <c:v>68.980999999999995</c:v>
                </c:pt>
                <c:pt idx="10566">
                  <c:v>69.831100000000006</c:v>
                </c:pt>
                <c:pt idx="10567">
                  <c:v>72.020399999999995</c:v>
                </c:pt>
                <c:pt idx="10568">
                  <c:v>74.455299999999994</c:v>
                </c:pt>
                <c:pt idx="10569">
                  <c:v>75.328800000000001</c:v>
                </c:pt>
                <c:pt idx="10570">
                  <c:v>21.537299999999998</c:v>
                </c:pt>
                <c:pt idx="10571">
                  <c:v>23.681100000000001</c:v>
                </c:pt>
                <c:pt idx="10572">
                  <c:v>23.314900000000002</c:v>
                </c:pt>
                <c:pt idx="10573">
                  <c:v>34.7089</c:v>
                </c:pt>
                <c:pt idx="10574">
                  <c:v>33.927199999999999</c:v>
                </c:pt>
                <c:pt idx="10575">
                  <c:v>26.7746</c:v>
                </c:pt>
                <c:pt idx="10576">
                  <c:v>23.9085</c:v>
                </c:pt>
                <c:pt idx="10577">
                  <c:v>24.598500000000001</c:v>
                </c:pt>
                <c:pt idx="10578">
                  <c:v>25.174499999999998</c:v>
                </c:pt>
                <c:pt idx="10579">
                  <c:v>25.607199999999999</c:v>
                </c:pt>
                <c:pt idx="10580">
                  <c:v>35.855600000000003</c:v>
                </c:pt>
                <c:pt idx="10581">
                  <c:v>28.927499999999998</c:v>
                </c:pt>
                <c:pt idx="10582">
                  <c:v>23.514800000000001</c:v>
                </c:pt>
                <c:pt idx="10583">
                  <c:v>30.8367</c:v>
                </c:pt>
                <c:pt idx="10584">
                  <c:v>34.7089</c:v>
                </c:pt>
                <c:pt idx="10585">
                  <c:v>34.403599999999997</c:v>
                </c:pt>
                <c:pt idx="10586">
                  <c:v>33.310899999999997</c:v>
                </c:pt>
                <c:pt idx="10587">
                  <c:v>32.041699999999999</c:v>
                </c:pt>
                <c:pt idx="10588">
                  <c:v>32.408900000000003</c:v>
                </c:pt>
                <c:pt idx="10589">
                  <c:v>32.668500000000002</c:v>
                </c:pt>
                <c:pt idx="10590">
                  <c:v>32.835799999999999</c:v>
                </c:pt>
                <c:pt idx="10591">
                  <c:v>37.009399999999999</c:v>
                </c:pt>
                <c:pt idx="10592">
                  <c:v>28.927499999999998</c:v>
                </c:pt>
                <c:pt idx="10593">
                  <c:v>23.514800000000001</c:v>
                </c:pt>
                <c:pt idx="10594">
                  <c:v>30.8367</c:v>
                </c:pt>
                <c:pt idx="10595">
                  <c:v>34.7089</c:v>
                </c:pt>
                <c:pt idx="10596">
                  <c:v>34.403599999999997</c:v>
                </c:pt>
                <c:pt idx="10597">
                  <c:v>33.310899999999997</c:v>
                </c:pt>
                <c:pt idx="10598">
                  <c:v>32.041699999999999</c:v>
                </c:pt>
                <c:pt idx="10599">
                  <c:v>32.408900000000003</c:v>
                </c:pt>
                <c:pt idx="10600">
                  <c:v>32.668500000000002</c:v>
                </c:pt>
                <c:pt idx="10601">
                  <c:v>32.835799999999999</c:v>
                </c:pt>
                <c:pt idx="10602">
                  <c:v>37.009399999999999</c:v>
                </c:pt>
                <c:pt idx="10603">
                  <c:v>28.927499999999998</c:v>
                </c:pt>
                <c:pt idx="10604">
                  <c:v>23.514800000000001</c:v>
                </c:pt>
                <c:pt idx="10605">
                  <c:v>30.8367</c:v>
                </c:pt>
                <c:pt idx="10606">
                  <c:v>34.7089</c:v>
                </c:pt>
                <c:pt idx="10607">
                  <c:v>34.403599999999997</c:v>
                </c:pt>
                <c:pt idx="10608">
                  <c:v>33.310899999999997</c:v>
                </c:pt>
                <c:pt idx="10609">
                  <c:v>32.041699999999999</c:v>
                </c:pt>
                <c:pt idx="10610">
                  <c:v>32.408900000000003</c:v>
                </c:pt>
                <c:pt idx="10611">
                  <c:v>32.668500000000002</c:v>
                </c:pt>
                <c:pt idx="10612">
                  <c:v>32.835799999999999</c:v>
                </c:pt>
                <c:pt idx="10613">
                  <c:v>37.009399999999999</c:v>
                </c:pt>
                <c:pt idx="10614">
                  <c:v>28.927499999999998</c:v>
                </c:pt>
                <c:pt idx="10615">
                  <c:v>23.514800000000001</c:v>
                </c:pt>
                <c:pt idx="10616">
                  <c:v>30.8367</c:v>
                </c:pt>
                <c:pt idx="10617">
                  <c:v>34.7089</c:v>
                </c:pt>
                <c:pt idx="10618">
                  <c:v>34.403599999999997</c:v>
                </c:pt>
                <c:pt idx="10619">
                  <c:v>33.310899999999997</c:v>
                </c:pt>
                <c:pt idx="10620">
                  <c:v>32.041699999999999</c:v>
                </c:pt>
                <c:pt idx="10621">
                  <c:v>32.408900000000003</c:v>
                </c:pt>
                <c:pt idx="10622">
                  <c:v>32.668500000000002</c:v>
                </c:pt>
                <c:pt idx="10623">
                  <c:v>32.835799999999999</c:v>
                </c:pt>
                <c:pt idx="10624">
                  <c:v>37.009399999999999</c:v>
                </c:pt>
                <c:pt idx="10625">
                  <c:v>28.927499999999998</c:v>
                </c:pt>
                <c:pt idx="10626">
                  <c:v>23.514800000000001</c:v>
                </c:pt>
                <c:pt idx="10627">
                  <c:v>30.8367</c:v>
                </c:pt>
                <c:pt idx="10628">
                  <c:v>34.7089</c:v>
                </c:pt>
                <c:pt idx="10629">
                  <c:v>34.403599999999997</c:v>
                </c:pt>
                <c:pt idx="10630">
                  <c:v>33.310899999999997</c:v>
                </c:pt>
                <c:pt idx="10631">
                  <c:v>32.041699999999999</c:v>
                </c:pt>
                <c:pt idx="10632">
                  <c:v>32.408900000000003</c:v>
                </c:pt>
                <c:pt idx="10633">
                  <c:v>32.668500000000002</c:v>
                </c:pt>
                <c:pt idx="10634">
                  <c:v>32.835799999999999</c:v>
                </c:pt>
                <c:pt idx="10635">
                  <c:v>37.009399999999999</c:v>
                </c:pt>
                <c:pt idx="10636">
                  <c:v>28.927499999999998</c:v>
                </c:pt>
                <c:pt idx="10637">
                  <c:v>23.514800000000001</c:v>
                </c:pt>
                <c:pt idx="10638">
                  <c:v>30.8367</c:v>
                </c:pt>
                <c:pt idx="10639">
                  <c:v>34.7089</c:v>
                </c:pt>
                <c:pt idx="10640">
                  <c:v>34.403599999999997</c:v>
                </c:pt>
                <c:pt idx="10641">
                  <c:v>33.310899999999997</c:v>
                </c:pt>
                <c:pt idx="10642">
                  <c:v>32.041699999999999</c:v>
                </c:pt>
                <c:pt idx="10643">
                  <c:v>32.408900000000003</c:v>
                </c:pt>
                <c:pt idx="10644">
                  <c:v>32.668500000000002</c:v>
                </c:pt>
                <c:pt idx="10645">
                  <c:v>32.835799999999999</c:v>
                </c:pt>
                <c:pt idx="10646">
                  <c:v>37.009399999999999</c:v>
                </c:pt>
                <c:pt idx="10647">
                  <c:v>28.927499999999998</c:v>
                </c:pt>
                <c:pt idx="10648">
                  <c:v>23.514800000000001</c:v>
                </c:pt>
                <c:pt idx="10649">
                  <c:v>30.8367</c:v>
                </c:pt>
                <c:pt idx="10650">
                  <c:v>34.7089</c:v>
                </c:pt>
                <c:pt idx="10651">
                  <c:v>34.403599999999997</c:v>
                </c:pt>
                <c:pt idx="10652">
                  <c:v>33.310899999999997</c:v>
                </c:pt>
                <c:pt idx="10653">
                  <c:v>32.041699999999999</c:v>
                </c:pt>
                <c:pt idx="10654">
                  <c:v>32.408900000000003</c:v>
                </c:pt>
                <c:pt idx="10655">
                  <c:v>32.668500000000002</c:v>
                </c:pt>
                <c:pt idx="10656">
                  <c:v>32.835799999999999</c:v>
                </c:pt>
                <c:pt idx="10657">
                  <c:v>37.009399999999999</c:v>
                </c:pt>
                <c:pt idx="10658">
                  <c:v>28.927499999999998</c:v>
                </c:pt>
                <c:pt idx="10659">
                  <c:v>23.514800000000001</c:v>
                </c:pt>
                <c:pt idx="10660">
                  <c:v>30.8367</c:v>
                </c:pt>
                <c:pt idx="10661">
                  <c:v>34.7089</c:v>
                </c:pt>
                <c:pt idx="10662">
                  <c:v>34.403599999999997</c:v>
                </c:pt>
                <c:pt idx="10663">
                  <c:v>33.310899999999997</c:v>
                </c:pt>
                <c:pt idx="10664">
                  <c:v>32.041699999999999</c:v>
                </c:pt>
                <c:pt idx="10665">
                  <c:v>32.408900000000003</c:v>
                </c:pt>
                <c:pt idx="10666">
                  <c:v>32.668500000000002</c:v>
                </c:pt>
                <c:pt idx="10667">
                  <c:v>32.835799999999999</c:v>
                </c:pt>
                <c:pt idx="10668">
                  <c:v>37.009399999999999</c:v>
                </c:pt>
                <c:pt idx="10669">
                  <c:v>28.927499999999998</c:v>
                </c:pt>
                <c:pt idx="10670">
                  <c:v>23.514800000000001</c:v>
                </c:pt>
                <c:pt idx="10671">
                  <c:v>30.8367</c:v>
                </c:pt>
                <c:pt idx="10672">
                  <c:v>34.7089</c:v>
                </c:pt>
                <c:pt idx="10673">
                  <c:v>34.403599999999997</c:v>
                </c:pt>
                <c:pt idx="10674">
                  <c:v>33.310899999999997</c:v>
                </c:pt>
                <c:pt idx="10675">
                  <c:v>32.041699999999999</c:v>
                </c:pt>
                <c:pt idx="10676">
                  <c:v>32.408900000000003</c:v>
                </c:pt>
                <c:pt idx="10677">
                  <c:v>32.668500000000002</c:v>
                </c:pt>
                <c:pt idx="10678">
                  <c:v>32.835799999999999</c:v>
                </c:pt>
                <c:pt idx="10679">
                  <c:v>37.009399999999999</c:v>
                </c:pt>
                <c:pt idx="10680">
                  <c:v>28.927499999999998</c:v>
                </c:pt>
                <c:pt idx="10681">
                  <c:v>23.514800000000001</c:v>
                </c:pt>
                <c:pt idx="10682">
                  <c:v>30.8367</c:v>
                </c:pt>
                <c:pt idx="10683">
                  <c:v>34.7089</c:v>
                </c:pt>
                <c:pt idx="10684">
                  <c:v>34.403599999999997</c:v>
                </c:pt>
                <c:pt idx="10685">
                  <c:v>33.310899999999997</c:v>
                </c:pt>
                <c:pt idx="10686">
                  <c:v>32.041699999999999</c:v>
                </c:pt>
                <c:pt idx="10687">
                  <c:v>32.408900000000003</c:v>
                </c:pt>
                <c:pt idx="10688">
                  <c:v>32.668500000000002</c:v>
                </c:pt>
                <c:pt idx="10689">
                  <c:v>32.835799999999999</c:v>
                </c:pt>
                <c:pt idx="10690">
                  <c:v>37.009399999999999</c:v>
                </c:pt>
                <c:pt idx="10691">
                  <c:v>37.424100000000003</c:v>
                </c:pt>
                <c:pt idx="10692">
                  <c:v>45.903599999999997</c:v>
                </c:pt>
                <c:pt idx="10693">
                  <c:v>52.076799999999999</c:v>
                </c:pt>
                <c:pt idx="10694">
                  <c:v>58.204099999999997</c:v>
                </c:pt>
                <c:pt idx="10695">
                  <c:v>61.855899999999998</c:v>
                </c:pt>
                <c:pt idx="10696">
                  <c:v>63.821100000000001</c:v>
                </c:pt>
                <c:pt idx="10697">
                  <c:v>68.980999999999995</c:v>
                </c:pt>
                <c:pt idx="10698">
                  <c:v>69.831100000000006</c:v>
                </c:pt>
                <c:pt idx="10699">
                  <c:v>72.020399999999995</c:v>
                </c:pt>
                <c:pt idx="10700">
                  <c:v>74.455299999999994</c:v>
                </c:pt>
                <c:pt idx="10701">
                  <c:v>73.6768</c:v>
                </c:pt>
                <c:pt idx="10702">
                  <c:v>21.537299999999998</c:v>
                </c:pt>
                <c:pt idx="10703">
                  <c:v>23.681100000000001</c:v>
                </c:pt>
                <c:pt idx="10704">
                  <c:v>23.314900000000002</c:v>
                </c:pt>
                <c:pt idx="10705">
                  <c:v>34.7089</c:v>
                </c:pt>
                <c:pt idx="10706">
                  <c:v>33.927199999999999</c:v>
                </c:pt>
                <c:pt idx="10707">
                  <c:v>26.7746</c:v>
                </c:pt>
                <c:pt idx="10708">
                  <c:v>23.9085</c:v>
                </c:pt>
                <c:pt idx="10709">
                  <c:v>24.598500000000001</c:v>
                </c:pt>
                <c:pt idx="10710">
                  <c:v>25.174499999999998</c:v>
                </c:pt>
                <c:pt idx="10711">
                  <c:v>25.607199999999999</c:v>
                </c:pt>
                <c:pt idx="10712">
                  <c:v>35.855600000000003</c:v>
                </c:pt>
                <c:pt idx="10713">
                  <c:v>28.927499999999998</c:v>
                </c:pt>
                <c:pt idx="10714">
                  <c:v>23.514800000000001</c:v>
                </c:pt>
                <c:pt idx="10715">
                  <c:v>30.8367</c:v>
                </c:pt>
                <c:pt idx="10716">
                  <c:v>34.7089</c:v>
                </c:pt>
                <c:pt idx="10717">
                  <c:v>34.403599999999997</c:v>
                </c:pt>
                <c:pt idx="10718">
                  <c:v>33.310899999999997</c:v>
                </c:pt>
                <c:pt idx="10719">
                  <c:v>32.041699999999999</c:v>
                </c:pt>
                <c:pt idx="10720">
                  <c:v>32.408900000000003</c:v>
                </c:pt>
                <c:pt idx="10721">
                  <c:v>32.668500000000002</c:v>
                </c:pt>
                <c:pt idx="10722">
                  <c:v>32.835799999999999</c:v>
                </c:pt>
                <c:pt idx="10723">
                  <c:v>37.009399999999999</c:v>
                </c:pt>
                <c:pt idx="10724">
                  <c:v>28.927499999999998</c:v>
                </c:pt>
                <c:pt idx="10725">
                  <c:v>23.514800000000001</c:v>
                </c:pt>
                <c:pt idx="10726">
                  <c:v>30.8367</c:v>
                </c:pt>
                <c:pt idx="10727">
                  <c:v>34.7089</c:v>
                </c:pt>
                <c:pt idx="10728">
                  <c:v>34.403599999999997</c:v>
                </c:pt>
                <c:pt idx="10729">
                  <c:v>33.310899999999997</c:v>
                </c:pt>
                <c:pt idx="10730">
                  <c:v>32.041699999999999</c:v>
                </c:pt>
                <c:pt idx="10731">
                  <c:v>32.408900000000003</c:v>
                </c:pt>
                <c:pt idx="10732">
                  <c:v>32.668500000000002</c:v>
                </c:pt>
                <c:pt idx="10733">
                  <c:v>32.835799999999999</c:v>
                </c:pt>
                <c:pt idx="10734">
                  <c:v>37.009399999999999</c:v>
                </c:pt>
                <c:pt idx="10735">
                  <c:v>28.927499999999998</c:v>
                </c:pt>
                <c:pt idx="10736">
                  <c:v>23.514800000000001</c:v>
                </c:pt>
                <c:pt idx="10737">
                  <c:v>30.8367</c:v>
                </c:pt>
                <c:pt idx="10738">
                  <c:v>34.7089</c:v>
                </c:pt>
                <c:pt idx="10739">
                  <c:v>34.403599999999997</c:v>
                </c:pt>
                <c:pt idx="10740">
                  <c:v>33.310899999999997</c:v>
                </c:pt>
                <c:pt idx="10741">
                  <c:v>32.041699999999999</c:v>
                </c:pt>
                <c:pt idx="10742">
                  <c:v>32.408900000000003</c:v>
                </c:pt>
                <c:pt idx="10743">
                  <c:v>32.668500000000002</c:v>
                </c:pt>
                <c:pt idx="10744">
                  <c:v>32.835799999999999</c:v>
                </c:pt>
                <c:pt idx="10745">
                  <c:v>37.009399999999999</c:v>
                </c:pt>
                <c:pt idx="10746">
                  <c:v>28.927499999999998</c:v>
                </c:pt>
                <c:pt idx="10747">
                  <c:v>23.514800000000001</c:v>
                </c:pt>
                <c:pt idx="10748">
                  <c:v>30.8367</c:v>
                </c:pt>
                <c:pt idx="10749">
                  <c:v>34.7089</c:v>
                </c:pt>
                <c:pt idx="10750">
                  <c:v>34.403599999999997</c:v>
                </c:pt>
                <c:pt idx="10751">
                  <c:v>33.310899999999997</c:v>
                </c:pt>
                <c:pt idx="10752">
                  <c:v>32.041699999999999</c:v>
                </c:pt>
                <c:pt idx="10753">
                  <c:v>32.408900000000003</c:v>
                </c:pt>
                <c:pt idx="10754">
                  <c:v>32.668500000000002</c:v>
                </c:pt>
                <c:pt idx="10755">
                  <c:v>32.835799999999999</c:v>
                </c:pt>
                <c:pt idx="10756">
                  <c:v>37.009399999999999</c:v>
                </c:pt>
                <c:pt idx="10757">
                  <c:v>28.927499999999998</c:v>
                </c:pt>
                <c:pt idx="10758">
                  <c:v>23.514800000000001</c:v>
                </c:pt>
                <c:pt idx="10759">
                  <c:v>30.8367</c:v>
                </c:pt>
                <c:pt idx="10760">
                  <c:v>34.7089</c:v>
                </c:pt>
                <c:pt idx="10761">
                  <c:v>34.403599999999997</c:v>
                </c:pt>
                <c:pt idx="10762">
                  <c:v>33.310899999999997</c:v>
                </c:pt>
                <c:pt idx="10763">
                  <c:v>32.041699999999999</c:v>
                </c:pt>
                <c:pt idx="10764">
                  <c:v>32.408900000000003</c:v>
                </c:pt>
                <c:pt idx="10765">
                  <c:v>32.668500000000002</c:v>
                </c:pt>
                <c:pt idx="10766">
                  <c:v>32.835799999999999</c:v>
                </c:pt>
                <c:pt idx="10767">
                  <c:v>37.009399999999999</c:v>
                </c:pt>
                <c:pt idx="10768">
                  <c:v>28.927499999999998</c:v>
                </c:pt>
                <c:pt idx="10769">
                  <c:v>23.514800000000001</c:v>
                </c:pt>
                <c:pt idx="10770">
                  <c:v>30.8367</c:v>
                </c:pt>
                <c:pt idx="10771">
                  <c:v>34.7089</c:v>
                </c:pt>
                <c:pt idx="10772">
                  <c:v>34.403599999999997</c:v>
                </c:pt>
                <c:pt idx="10773">
                  <c:v>33.310899999999997</c:v>
                </c:pt>
                <c:pt idx="10774">
                  <c:v>32.041699999999999</c:v>
                </c:pt>
                <c:pt idx="10775">
                  <c:v>32.408900000000003</c:v>
                </c:pt>
                <c:pt idx="10776">
                  <c:v>32.668500000000002</c:v>
                </c:pt>
                <c:pt idx="10777">
                  <c:v>32.835799999999999</c:v>
                </c:pt>
                <c:pt idx="10778">
                  <c:v>37.009399999999999</c:v>
                </c:pt>
                <c:pt idx="10779">
                  <c:v>28.927499999999998</c:v>
                </c:pt>
                <c:pt idx="10780">
                  <c:v>23.514800000000001</c:v>
                </c:pt>
                <c:pt idx="10781">
                  <c:v>30.8367</c:v>
                </c:pt>
                <c:pt idx="10782">
                  <c:v>34.7089</c:v>
                </c:pt>
                <c:pt idx="10783">
                  <c:v>34.403599999999997</c:v>
                </c:pt>
                <c:pt idx="10784">
                  <c:v>33.310899999999997</c:v>
                </c:pt>
                <c:pt idx="10785">
                  <c:v>32.041699999999999</c:v>
                </c:pt>
                <c:pt idx="10786">
                  <c:v>32.408900000000003</c:v>
                </c:pt>
                <c:pt idx="10787">
                  <c:v>32.668500000000002</c:v>
                </c:pt>
                <c:pt idx="10788">
                  <c:v>32.835799999999999</c:v>
                </c:pt>
                <c:pt idx="10789">
                  <c:v>37.009399999999999</c:v>
                </c:pt>
                <c:pt idx="10790">
                  <c:v>28.927499999999998</c:v>
                </c:pt>
                <c:pt idx="10791">
                  <c:v>23.514800000000001</c:v>
                </c:pt>
                <c:pt idx="10792">
                  <c:v>30.8367</c:v>
                </c:pt>
                <c:pt idx="10793">
                  <c:v>34.7089</c:v>
                </c:pt>
                <c:pt idx="10794">
                  <c:v>34.403599999999997</c:v>
                </c:pt>
                <c:pt idx="10795">
                  <c:v>33.310899999999997</c:v>
                </c:pt>
                <c:pt idx="10796">
                  <c:v>32.041699999999999</c:v>
                </c:pt>
                <c:pt idx="10797">
                  <c:v>32.408900000000003</c:v>
                </c:pt>
                <c:pt idx="10798">
                  <c:v>32.668500000000002</c:v>
                </c:pt>
                <c:pt idx="10799">
                  <c:v>32.835799999999999</c:v>
                </c:pt>
                <c:pt idx="10800">
                  <c:v>37.009399999999999</c:v>
                </c:pt>
                <c:pt idx="10801">
                  <c:v>28.927499999999998</c:v>
                </c:pt>
                <c:pt idx="10802">
                  <c:v>23.514800000000001</c:v>
                </c:pt>
                <c:pt idx="10803">
                  <c:v>30.8367</c:v>
                </c:pt>
                <c:pt idx="10804">
                  <c:v>34.7089</c:v>
                </c:pt>
                <c:pt idx="10805">
                  <c:v>34.403599999999997</c:v>
                </c:pt>
                <c:pt idx="10806">
                  <c:v>33.310899999999997</c:v>
                </c:pt>
                <c:pt idx="10807">
                  <c:v>32.041699999999999</c:v>
                </c:pt>
                <c:pt idx="10808">
                  <c:v>32.408900000000003</c:v>
                </c:pt>
                <c:pt idx="10809">
                  <c:v>32.668500000000002</c:v>
                </c:pt>
                <c:pt idx="10810">
                  <c:v>32.835799999999999</c:v>
                </c:pt>
                <c:pt idx="10811">
                  <c:v>37.009399999999999</c:v>
                </c:pt>
                <c:pt idx="10812">
                  <c:v>28.927499999999998</c:v>
                </c:pt>
                <c:pt idx="10813">
                  <c:v>23.514800000000001</c:v>
                </c:pt>
                <c:pt idx="10814">
                  <c:v>30.8367</c:v>
                </c:pt>
                <c:pt idx="10815">
                  <c:v>34.7089</c:v>
                </c:pt>
                <c:pt idx="10816">
                  <c:v>34.403599999999997</c:v>
                </c:pt>
                <c:pt idx="10817">
                  <c:v>33.310899999999997</c:v>
                </c:pt>
                <c:pt idx="10818">
                  <c:v>32.041699999999999</c:v>
                </c:pt>
                <c:pt idx="10819">
                  <c:v>32.408900000000003</c:v>
                </c:pt>
                <c:pt idx="10820">
                  <c:v>32.668500000000002</c:v>
                </c:pt>
                <c:pt idx="10821">
                  <c:v>32.835799999999999</c:v>
                </c:pt>
                <c:pt idx="10822">
                  <c:v>37.009399999999999</c:v>
                </c:pt>
                <c:pt idx="10823">
                  <c:v>37.424100000000003</c:v>
                </c:pt>
                <c:pt idx="10824">
                  <c:v>45.903599999999997</c:v>
                </c:pt>
                <c:pt idx="10825">
                  <c:v>52.076799999999999</c:v>
                </c:pt>
                <c:pt idx="10826">
                  <c:v>58.204099999999997</c:v>
                </c:pt>
                <c:pt idx="10827">
                  <c:v>61.855899999999998</c:v>
                </c:pt>
                <c:pt idx="10828">
                  <c:v>63.821100000000001</c:v>
                </c:pt>
                <c:pt idx="10829">
                  <c:v>68.980999999999995</c:v>
                </c:pt>
                <c:pt idx="10830">
                  <c:v>69.831100000000006</c:v>
                </c:pt>
                <c:pt idx="10831">
                  <c:v>72.020399999999995</c:v>
                </c:pt>
                <c:pt idx="10832">
                  <c:v>74.455299999999994</c:v>
                </c:pt>
                <c:pt idx="10833">
                  <c:v>73.6768</c:v>
                </c:pt>
                <c:pt idx="10834">
                  <c:v>21.537299999999998</c:v>
                </c:pt>
                <c:pt idx="10835">
                  <c:v>23.681100000000001</c:v>
                </c:pt>
                <c:pt idx="10836">
                  <c:v>23.314900000000002</c:v>
                </c:pt>
                <c:pt idx="10837">
                  <c:v>34.7089</c:v>
                </c:pt>
                <c:pt idx="10838">
                  <c:v>33.927199999999999</c:v>
                </c:pt>
                <c:pt idx="10839">
                  <c:v>26.7746</c:v>
                </c:pt>
                <c:pt idx="10840">
                  <c:v>23.9085</c:v>
                </c:pt>
                <c:pt idx="10841">
                  <c:v>24.598500000000001</c:v>
                </c:pt>
                <c:pt idx="10842">
                  <c:v>25.174499999999998</c:v>
                </c:pt>
                <c:pt idx="10843">
                  <c:v>25.607199999999999</c:v>
                </c:pt>
                <c:pt idx="10844">
                  <c:v>35.855600000000003</c:v>
                </c:pt>
                <c:pt idx="10845">
                  <c:v>28.927499999999998</c:v>
                </c:pt>
                <c:pt idx="10846">
                  <c:v>23.514800000000001</c:v>
                </c:pt>
                <c:pt idx="10847">
                  <c:v>30.8367</c:v>
                </c:pt>
                <c:pt idx="10848">
                  <c:v>34.7089</c:v>
                </c:pt>
                <c:pt idx="10849">
                  <c:v>34.403599999999997</c:v>
                </c:pt>
                <c:pt idx="10850">
                  <c:v>33.310899999999997</c:v>
                </c:pt>
                <c:pt idx="10851">
                  <c:v>32.041699999999999</c:v>
                </c:pt>
                <c:pt idx="10852">
                  <c:v>32.408900000000003</c:v>
                </c:pt>
                <c:pt idx="10853">
                  <c:v>32.668500000000002</c:v>
                </c:pt>
                <c:pt idx="10854">
                  <c:v>32.835799999999999</c:v>
                </c:pt>
                <c:pt idx="10855">
                  <c:v>37.009399999999999</c:v>
                </c:pt>
                <c:pt idx="10856">
                  <c:v>28.927499999999998</c:v>
                </c:pt>
                <c:pt idx="10857">
                  <c:v>23.514800000000001</c:v>
                </c:pt>
                <c:pt idx="10858">
                  <c:v>30.8367</c:v>
                </c:pt>
                <c:pt idx="10859">
                  <c:v>34.7089</c:v>
                </c:pt>
                <c:pt idx="10860">
                  <c:v>34.403599999999997</c:v>
                </c:pt>
                <c:pt idx="10861">
                  <c:v>33.310899999999997</c:v>
                </c:pt>
                <c:pt idx="10862">
                  <c:v>32.041699999999999</c:v>
                </c:pt>
                <c:pt idx="10863">
                  <c:v>32.408900000000003</c:v>
                </c:pt>
                <c:pt idx="10864">
                  <c:v>32.668500000000002</c:v>
                </c:pt>
                <c:pt idx="10865">
                  <c:v>32.835799999999999</c:v>
                </c:pt>
                <c:pt idx="10866">
                  <c:v>37.009399999999999</c:v>
                </c:pt>
                <c:pt idx="10867">
                  <c:v>28.927499999999998</c:v>
                </c:pt>
                <c:pt idx="10868">
                  <c:v>23.514800000000001</c:v>
                </c:pt>
                <c:pt idx="10869">
                  <c:v>30.8367</c:v>
                </c:pt>
                <c:pt idx="10870">
                  <c:v>34.7089</c:v>
                </c:pt>
                <c:pt idx="10871">
                  <c:v>34.403599999999997</c:v>
                </c:pt>
                <c:pt idx="10872">
                  <c:v>33.310899999999997</c:v>
                </c:pt>
                <c:pt idx="10873">
                  <c:v>32.041699999999999</c:v>
                </c:pt>
                <c:pt idx="10874">
                  <c:v>32.408900000000003</c:v>
                </c:pt>
                <c:pt idx="10875">
                  <c:v>32.668500000000002</c:v>
                </c:pt>
                <c:pt idx="10876">
                  <c:v>32.835799999999999</c:v>
                </c:pt>
                <c:pt idx="10877">
                  <c:v>37.009399999999999</c:v>
                </c:pt>
                <c:pt idx="10878">
                  <c:v>28.927499999999998</c:v>
                </c:pt>
                <c:pt idx="10879">
                  <c:v>23.514800000000001</c:v>
                </c:pt>
                <c:pt idx="10880">
                  <c:v>30.8367</c:v>
                </c:pt>
                <c:pt idx="10881">
                  <c:v>34.7089</c:v>
                </c:pt>
                <c:pt idx="10882">
                  <c:v>34.403599999999997</c:v>
                </c:pt>
                <c:pt idx="10883">
                  <c:v>33.310899999999997</c:v>
                </c:pt>
                <c:pt idx="10884">
                  <c:v>32.041699999999999</c:v>
                </c:pt>
                <c:pt idx="10885">
                  <c:v>32.408900000000003</c:v>
                </c:pt>
                <c:pt idx="10886">
                  <c:v>32.668500000000002</c:v>
                </c:pt>
                <c:pt idx="10887">
                  <c:v>32.835799999999999</c:v>
                </c:pt>
                <c:pt idx="10888">
                  <c:v>37.009399999999999</c:v>
                </c:pt>
                <c:pt idx="10889">
                  <c:v>28.927499999999998</c:v>
                </c:pt>
                <c:pt idx="10890">
                  <c:v>23.514800000000001</c:v>
                </c:pt>
                <c:pt idx="10891">
                  <c:v>30.8367</c:v>
                </c:pt>
                <c:pt idx="10892">
                  <c:v>34.7089</c:v>
                </c:pt>
                <c:pt idx="10893">
                  <c:v>34.403599999999997</c:v>
                </c:pt>
                <c:pt idx="10894">
                  <c:v>33.310899999999997</c:v>
                </c:pt>
                <c:pt idx="10895">
                  <c:v>32.041699999999999</c:v>
                </c:pt>
                <c:pt idx="10896">
                  <c:v>32.408900000000003</c:v>
                </c:pt>
                <c:pt idx="10897">
                  <c:v>32.668500000000002</c:v>
                </c:pt>
                <c:pt idx="10898">
                  <c:v>32.835799999999999</c:v>
                </c:pt>
                <c:pt idx="10899">
                  <c:v>37.009399999999999</c:v>
                </c:pt>
                <c:pt idx="10900">
                  <c:v>28.927499999999998</c:v>
                </c:pt>
                <c:pt idx="10901">
                  <c:v>23.514800000000001</c:v>
                </c:pt>
                <c:pt idx="10902">
                  <c:v>30.8367</c:v>
                </c:pt>
                <c:pt idx="10903">
                  <c:v>34.7089</c:v>
                </c:pt>
                <c:pt idx="10904">
                  <c:v>34.403599999999997</c:v>
                </c:pt>
                <c:pt idx="10905">
                  <c:v>33.310899999999997</c:v>
                </c:pt>
                <c:pt idx="10906">
                  <c:v>32.041699999999999</c:v>
                </c:pt>
                <c:pt idx="10907">
                  <c:v>32.408900000000003</c:v>
                </c:pt>
                <c:pt idx="10908">
                  <c:v>32.668500000000002</c:v>
                </c:pt>
                <c:pt idx="10909">
                  <c:v>32.835799999999999</c:v>
                </c:pt>
                <c:pt idx="10910">
                  <c:v>37.009399999999999</c:v>
                </c:pt>
                <c:pt idx="10911">
                  <c:v>28.927499999999998</c:v>
                </c:pt>
                <c:pt idx="10912">
                  <c:v>23.514800000000001</c:v>
                </c:pt>
                <c:pt idx="10913">
                  <c:v>30.8367</c:v>
                </c:pt>
                <c:pt idx="10914">
                  <c:v>34.7089</c:v>
                </c:pt>
                <c:pt idx="10915">
                  <c:v>34.403599999999997</c:v>
                </c:pt>
                <c:pt idx="10916">
                  <c:v>33.310899999999997</c:v>
                </c:pt>
                <c:pt idx="10917">
                  <c:v>32.041699999999999</c:v>
                </c:pt>
                <c:pt idx="10918">
                  <c:v>32.408900000000003</c:v>
                </c:pt>
                <c:pt idx="10919">
                  <c:v>32.668500000000002</c:v>
                </c:pt>
                <c:pt idx="10920">
                  <c:v>32.835799999999999</c:v>
                </c:pt>
                <c:pt idx="10921">
                  <c:v>37.009399999999999</c:v>
                </c:pt>
                <c:pt idx="10922">
                  <c:v>28.927499999999998</c:v>
                </c:pt>
                <c:pt idx="10923">
                  <c:v>23.514800000000001</c:v>
                </c:pt>
                <c:pt idx="10924">
                  <c:v>30.8367</c:v>
                </c:pt>
                <c:pt idx="10925">
                  <c:v>34.7089</c:v>
                </c:pt>
                <c:pt idx="10926">
                  <c:v>34.403599999999997</c:v>
                </c:pt>
                <c:pt idx="10927">
                  <c:v>33.310899999999997</c:v>
                </c:pt>
                <c:pt idx="10928">
                  <c:v>32.041699999999999</c:v>
                </c:pt>
                <c:pt idx="10929">
                  <c:v>32.408900000000003</c:v>
                </c:pt>
                <c:pt idx="10930">
                  <c:v>32.668500000000002</c:v>
                </c:pt>
                <c:pt idx="10931">
                  <c:v>32.835799999999999</c:v>
                </c:pt>
                <c:pt idx="10932">
                  <c:v>37.009399999999999</c:v>
                </c:pt>
                <c:pt idx="10933">
                  <c:v>28.927499999999998</c:v>
                </c:pt>
                <c:pt idx="10934">
                  <c:v>23.514800000000001</c:v>
                </c:pt>
                <c:pt idx="10935">
                  <c:v>30.8367</c:v>
                </c:pt>
                <c:pt idx="10936">
                  <c:v>34.7089</c:v>
                </c:pt>
                <c:pt idx="10937">
                  <c:v>34.403599999999997</c:v>
                </c:pt>
                <c:pt idx="10938">
                  <c:v>33.310899999999997</c:v>
                </c:pt>
                <c:pt idx="10939">
                  <c:v>32.041699999999999</c:v>
                </c:pt>
                <c:pt idx="10940">
                  <c:v>32.408900000000003</c:v>
                </c:pt>
                <c:pt idx="10941">
                  <c:v>32.668500000000002</c:v>
                </c:pt>
                <c:pt idx="10942">
                  <c:v>32.835799999999999</c:v>
                </c:pt>
                <c:pt idx="10943">
                  <c:v>37.009399999999999</c:v>
                </c:pt>
                <c:pt idx="10944">
                  <c:v>28.927499999999998</c:v>
                </c:pt>
                <c:pt idx="10945">
                  <c:v>23.514800000000001</c:v>
                </c:pt>
                <c:pt idx="10946">
                  <c:v>30.8367</c:v>
                </c:pt>
                <c:pt idx="10947">
                  <c:v>34.7089</c:v>
                </c:pt>
                <c:pt idx="10948">
                  <c:v>34.403599999999997</c:v>
                </c:pt>
                <c:pt idx="10949">
                  <c:v>33.310899999999997</c:v>
                </c:pt>
                <c:pt idx="10950">
                  <c:v>32.041699999999999</c:v>
                </c:pt>
                <c:pt idx="10951">
                  <c:v>32.408900000000003</c:v>
                </c:pt>
                <c:pt idx="10952">
                  <c:v>32.668500000000002</c:v>
                </c:pt>
                <c:pt idx="10953">
                  <c:v>32.835799999999999</c:v>
                </c:pt>
                <c:pt idx="10954">
                  <c:v>37.009399999999999</c:v>
                </c:pt>
                <c:pt idx="10955">
                  <c:v>37.424100000000003</c:v>
                </c:pt>
                <c:pt idx="10956">
                  <c:v>45.903599999999997</c:v>
                </c:pt>
                <c:pt idx="10957">
                  <c:v>52.076799999999999</c:v>
                </c:pt>
                <c:pt idx="10958">
                  <c:v>58.204099999999997</c:v>
                </c:pt>
                <c:pt idx="10959">
                  <c:v>61.855899999999998</c:v>
                </c:pt>
                <c:pt idx="10960">
                  <c:v>63.821100000000001</c:v>
                </c:pt>
                <c:pt idx="10961">
                  <c:v>68.980999999999995</c:v>
                </c:pt>
                <c:pt idx="10962">
                  <c:v>69.831100000000006</c:v>
                </c:pt>
                <c:pt idx="10963">
                  <c:v>72.020399999999995</c:v>
                </c:pt>
                <c:pt idx="10964">
                  <c:v>74.455299999999994</c:v>
                </c:pt>
                <c:pt idx="10965">
                  <c:v>73.6768</c:v>
                </c:pt>
                <c:pt idx="10966">
                  <c:v>21.537299999999998</c:v>
                </c:pt>
                <c:pt idx="10967">
                  <c:v>23.681100000000001</c:v>
                </c:pt>
                <c:pt idx="10968">
                  <c:v>23.314900000000002</c:v>
                </c:pt>
                <c:pt idx="10969">
                  <c:v>34.7089</c:v>
                </c:pt>
                <c:pt idx="10970">
                  <c:v>33.927199999999999</c:v>
                </c:pt>
                <c:pt idx="10971">
                  <c:v>26.7746</c:v>
                </c:pt>
                <c:pt idx="10972">
                  <c:v>23.9085</c:v>
                </c:pt>
                <c:pt idx="10973">
                  <c:v>24.598500000000001</c:v>
                </c:pt>
                <c:pt idx="10974">
                  <c:v>25.174499999999998</c:v>
                </c:pt>
                <c:pt idx="10975">
                  <c:v>25.607199999999999</c:v>
                </c:pt>
                <c:pt idx="10976">
                  <c:v>35.855600000000003</c:v>
                </c:pt>
                <c:pt idx="10977">
                  <c:v>28.927499999999998</c:v>
                </c:pt>
                <c:pt idx="10978">
                  <c:v>23.514800000000001</c:v>
                </c:pt>
                <c:pt idx="10979">
                  <c:v>30.8367</c:v>
                </c:pt>
                <c:pt idx="10980">
                  <c:v>34.7089</c:v>
                </c:pt>
                <c:pt idx="10981">
                  <c:v>34.403599999999997</c:v>
                </c:pt>
                <c:pt idx="10982">
                  <c:v>33.310899999999997</c:v>
                </c:pt>
                <c:pt idx="10983">
                  <c:v>32.041699999999999</c:v>
                </c:pt>
                <c:pt idx="10984">
                  <c:v>32.408900000000003</c:v>
                </c:pt>
                <c:pt idx="10985">
                  <c:v>32.668500000000002</c:v>
                </c:pt>
                <c:pt idx="10986">
                  <c:v>32.835799999999999</c:v>
                </c:pt>
                <c:pt idx="10987">
                  <c:v>37.009399999999999</c:v>
                </c:pt>
                <c:pt idx="10988">
                  <c:v>28.927499999999998</c:v>
                </c:pt>
                <c:pt idx="10989">
                  <c:v>23.514800000000001</c:v>
                </c:pt>
                <c:pt idx="10990">
                  <c:v>30.8367</c:v>
                </c:pt>
                <c:pt idx="10991">
                  <c:v>34.7089</c:v>
                </c:pt>
                <c:pt idx="10992">
                  <c:v>34.403599999999997</c:v>
                </c:pt>
                <c:pt idx="10993">
                  <c:v>33.310899999999997</c:v>
                </c:pt>
                <c:pt idx="10994">
                  <c:v>32.041699999999999</c:v>
                </c:pt>
                <c:pt idx="10995">
                  <c:v>32.408900000000003</c:v>
                </c:pt>
                <c:pt idx="10996">
                  <c:v>32.668500000000002</c:v>
                </c:pt>
                <c:pt idx="10997">
                  <c:v>32.835799999999999</c:v>
                </c:pt>
                <c:pt idx="10998">
                  <c:v>37.009399999999999</c:v>
                </c:pt>
                <c:pt idx="10999">
                  <c:v>28.927499999999998</c:v>
                </c:pt>
                <c:pt idx="11000">
                  <c:v>23.514800000000001</c:v>
                </c:pt>
                <c:pt idx="11001">
                  <c:v>30.8367</c:v>
                </c:pt>
                <c:pt idx="11002">
                  <c:v>34.7089</c:v>
                </c:pt>
                <c:pt idx="11003">
                  <c:v>34.403599999999997</c:v>
                </c:pt>
                <c:pt idx="11004">
                  <c:v>33.310899999999997</c:v>
                </c:pt>
                <c:pt idx="11005">
                  <c:v>32.041699999999999</c:v>
                </c:pt>
                <c:pt idx="11006">
                  <c:v>32.408900000000003</c:v>
                </c:pt>
                <c:pt idx="11007">
                  <c:v>32.668500000000002</c:v>
                </c:pt>
                <c:pt idx="11008">
                  <c:v>32.835799999999999</c:v>
                </c:pt>
                <c:pt idx="11009">
                  <c:v>37.009399999999999</c:v>
                </c:pt>
                <c:pt idx="11010">
                  <c:v>28.927499999999998</c:v>
                </c:pt>
                <c:pt idx="11011">
                  <c:v>23.514800000000001</c:v>
                </c:pt>
                <c:pt idx="11012">
                  <c:v>30.8367</c:v>
                </c:pt>
                <c:pt idx="11013">
                  <c:v>34.7089</c:v>
                </c:pt>
                <c:pt idx="11014">
                  <c:v>34.403599999999997</c:v>
                </c:pt>
                <c:pt idx="11015">
                  <c:v>33.310899999999997</c:v>
                </c:pt>
                <c:pt idx="11016">
                  <c:v>32.041699999999999</c:v>
                </c:pt>
                <c:pt idx="11017">
                  <c:v>32.408900000000003</c:v>
                </c:pt>
                <c:pt idx="11018">
                  <c:v>32.668500000000002</c:v>
                </c:pt>
                <c:pt idx="11019">
                  <c:v>32.835799999999999</c:v>
                </c:pt>
                <c:pt idx="11020">
                  <c:v>37.009399999999999</c:v>
                </c:pt>
                <c:pt idx="11021">
                  <c:v>28.927499999999998</c:v>
                </c:pt>
                <c:pt idx="11022">
                  <c:v>23.514800000000001</c:v>
                </c:pt>
                <c:pt idx="11023">
                  <c:v>30.8367</c:v>
                </c:pt>
                <c:pt idx="11024">
                  <c:v>34.7089</c:v>
                </c:pt>
                <c:pt idx="11025">
                  <c:v>34.403599999999997</c:v>
                </c:pt>
                <c:pt idx="11026">
                  <c:v>33.310899999999997</c:v>
                </c:pt>
                <c:pt idx="11027">
                  <c:v>32.041699999999999</c:v>
                </c:pt>
                <c:pt idx="11028">
                  <c:v>32.408900000000003</c:v>
                </c:pt>
                <c:pt idx="11029">
                  <c:v>32.668500000000002</c:v>
                </c:pt>
                <c:pt idx="11030">
                  <c:v>32.835799999999999</c:v>
                </c:pt>
                <c:pt idx="11031">
                  <c:v>37.009399999999999</c:v>
                </c:pt>
                <c:pt idx="11032">
                  <c:v>28.927499999999998</c:v>
                </c:pt>
                <c:pt idx="11033">
                  <c:v>23.514800000000001</c:v>
                </c:pt>
                <c:pt idx="11034">
                  <c:v>30.8367</c:v>
                </c:pt>
                <c:pt idx="11035">
                  <c:v>34.7089</c:v>
                </c:pt>
                <c:pt idx="11036">
                  <c:v>34.403599999999997</c:v>
                </c:pt>
                <c:pt idx="11037">
                  <c:v>33.310899999999997</c:v>
                </c:pt>
                <c:pt idx="11038">
                  <c:v>32.041699999999999</c:v>
                </c:pt>
                <c:pt idx="11039">
                  <c:v>32.408900000000003</c:v>
                </c:pt>
                <c:pt idx="11040">
                  <c:v>32.668500000000002</c:v>
                </c:pt>
                <c:pt idx="11041">
                  <c:v>32.835799999999999</c:v>
                </c:pt>
                <c:pt idx="11042">
                  <c:v>37.009399999999999</c:v>
                </c:pt>
                <c:pt idx="11043">
                  <c:v>28.927499999999998</c:v>
                </c:pt>
                <c:pt idx="11044">
                  <c:v>23.514800000000001</c:v>
                </c:pt>
                <c:pt idx="11045">
                  <c:v>30.8367</c:v>
                </c:pt>
                <c:pt idx="11046">
                  <c:v>34.7089</c:v>
                </c:pt>
                <c:pt idx="11047">
                  <c:v>34.403599999999997</c:v>
                </c:pt>
                <c:pt idx="11048">
                  <c:v>33.310899999999997</c:v>
                </c:pt>
                <c:pt idx="11049">
                  <c:v>32.041699999999999</c:v>
                </c:pt>
                <c:pt idx="11050">
                  <c:v>32.408900000000003</c:v>
                </c:pt>
                <c:pt idx="11051">
                  <c:v>32.668500000000002</c:v>
                </c:pt>
                <c:pt idx="11052">
                  <c:v>32.835799999999999</c:v>
                </c:pt>
                <c:pt idx="11053">
                  <c:v>37.009399999999999</c:v>
                </c:pt>
                <c:pt idx="11054">
                  <c:v>28.927499999999998</c:v>
                </c:pt>
                <c:pt idx="11055">
                  <c:v>23.514800000000001</c:v>
                </c:pt>
                <c:pt idx="11056">
                  <c:v>30.8367</c:v>
                </c:pt>
                <c:pt idx="11057">
                  <c:v>34.7089</c:v>
                </c:pt>
                <c:pt idx="11058">
                  <c:v>34.403599999999997</c:v>
                </c:pt>
                <c:pt idx="11059">
                  <c:v>33.310899999999997</c:v>
                </c:pt>
                <c:pt idx="11060">
                  <c:v>32.041699999999999</c:v>
                </c:pt>
                <c:pt idx="11061">
                  <c:v>32.408900000000003</c:v>
                </c:pt>
                <c:pt idx="11062">
                  <c:v>32.668500000000002</c:v>
                </c:pt>
                <c:pt idx="11063">
                  <c:v>32.835799999999999</c:v>
                </c:pt>
                <c:pt idx="11064">
                  <c:v>37.009399999999999</c:v>
                </c:pt>
                <c:pt idx="11065">
                  <c:v>28.927499999999998</c:v>
                </c:pt>
                <c:pt idx="11066">
                  <c:v>23.514800000000001</c:v>
                </c:pt>
                <c:pt idx="11067">
                  <c:v>30.8367</c:v>
                </c:pt>
                <c:pt idx="11068">
                  <c:v>34.7089</c:v>
                </c:pt>
                <c:pt idx="11069">
                  <c:v>34.403599999999997</c:v>
                </c:pt>
                <c:pt idx="11070">
                  <c:v>33.310899999999997</c:v>
                </c:pt>
                <c:pt idx="11071">
                  <c:v>32.041699999999999</c:v>
                </c:pt>
                <c:pt idx="11072">
                  <c:v>32.408900000000003</c:v>
                </c:pt>
                <c:pt idx="11073">
                  <c:v>32.668500000000002</c:v>
                </c:pt>
                <c:pt idx="11074">
                  <c:v>32.835799999999999</c:v>
                </c:pt>
                <c:pt idx="11075">
                  <c:v>37.009399999999999</c:v>
                </c:pt>
                <c:pt idx="11076">
                  <c:v>28.927499999999998</c:v>
                </c:pt>
                <c:pt idx="11077">
                  <c:v>23.514800000000001</c:v>
                </c:pt>
                <c:pt idx="11078">
                  <c:v>30.8367</c:v>
                </c:pt>
                <c:pt idx="11079">
                  <c:v>34.7089</c:v>
                </c:pt>
                <c:pt idx="11080">
                  <c:v>34.403599999999997</c:v>
                </c:pt>
                <c:pt idx="11081">
                  <c:v>33.310899999999997</c:v>
                </c:pt>
                <c:pt idx="11082">
                  <c:v>32.041699999999999</c:v>
                </c:pt>
                <c:pt idx="11083">
                  <c:v>32.408900000000003</c:v>
                </c:pt>
                <c:pt idx="11084">
                  <c:v>32.668500000000002</c:v>
                </c:pt>
                <c:pt idx="11085">
                  <c:v>32.835799999999999</c:v>
                </c:pt>
                <c:pt idx="11086">
                  <c:v>37.009399999999999</c:v>
                </c:pt>
                <c:pt idx="11087">
                  <c:v>34.501300000000001</c:v>
                </c:pt>
                <c:pt idx="11088">
                  <c:v>41.200899999999997</c:v>
                </c:pt>
                <c:pt idx="11089">
                  <c:v>50.622399999999999</c:v>
                </c:pt>
                <c:pt idx="11090">
                  <c:v>57.499699999999997</c:v>
                </c:pt>
                <c:pt idx="11091">
                  <c:v>62.108899999999998</c:v>
                </c:pt>
                <c:pt idx="11092">
                  <c:v>65.773799999999994</c:v>
                </c:pt>
                <c:pt idx="11093">
                  <c:v>67.7</c:v>
                </c:pt>
                <c:pt idx="11094">
                  <c:v>72.347499999999997</c:v>
                </c:pt>
                <c:pt idx="11095">
                  <c:v>75.33</c:v>
                </c:pt>
                <c:pt idx="11096">
                  <c:v>77.771600000000007</c:v>
                </c:pt>
                <c:pt idx="11097">
                  <c:v>81.107900000000001</c:v>
                </c:pt>
                <c:pt idx="11098">
                  <c:v>37.7286</c:v>
                </c:pt>
                <c:pt idx="11099">
                  <c:v>40.700099999999999</c:v>
                </c:pt>
                <c:pt idx="11100">
                  <c:v>36.637099999999997</c:v>
                </c:pt>
                <c:pt idx="11101">
                  <c:v>20.4754</c:v>
                </c:pt>
                <c:pt idx="11102">
                  <c:v>48.799300000000002</c:v>
                </c:pt>
                <c:pt idx="11103">
                  <c:v>48.241100000000003</c:v>
                </c:pt>
                <c:pt idx="11104">
                  <c:v>38.1128</c:v>
                </c:pt>
                <c:pt idx="11105">
                  <c:v>22.291599999999999</c:v>
                </c:pt>
                <c:pt idx="11106">
                  <c:v>22.236699999999999</c:v>
                </c:pt>
                <c:pt idx="11107">
                  <c:v>22.8964</c:v>
                </c:pt>
                <c:pt idx="11108">
                  <c:v>23.463799999999999</c:v>
                </c:pt>
                <c:pt idx="11109">
                  <c:v>37.7286</c:v>
                </c:pt>
                <c:pt idx="11110">
                  <c:v>40.700099999999999</c:v>
                </c:pt>
                <c:pt idx="11111">
                  <c:v>36.637099999999997</c:v>
                </c:pt>
                <c:pt idx="11112">
                  <c:v>20.4754</c:v>
                </c:pt>
                <c:pt idx="11113">
                  <c:v>48.799300000000002</c:v>
                </c:pt>
                <c:pt idx="11114">
                  <c:v>48.241100000000003</c:v>
                </c:pt>
                <c:pt idx="11115">
                  <c:v>38.1128</c:v>
                </c:pt>
                <c:pt idx="11116">
                  <c:v>22.291599999999999</c:v>
                </c:pt>
                <c:pt idx="11117">
                  <c:v>22.236699999999999</c:v>
                </c:pt>
                <c:pt idx="11118">
                  <c:v>22.8964</c:v>
                </c:pt>
                <c:pt idx="11119">
                  <c:v>23.463799999999999</c:v>
                </c:pt>
                <c:pt idx="11120">
                  <c:v>37.7286</c:v>
                </c:pt>
                <c:pt idx="11121">
                  <c:v>40.700099999999999</c:v>
                </c:pt>
                <c:pt idx="11122">
                  <c:v>36.637099999999997</c:v>
                </c:pt>
                <c:pt idx="11123">
                  <c:v>20.4754</c:v>
                </c:pt>
                <c:pt idx="11124">
                  <c:v>48.799300000000002</c:v>
                </c:pt>
                <c:pt idx="11125">
                  <c:v>48.241100000000003</c:v>
                </c:pt>
                <c:pt idx="11126">
                  <c:v>38.1128</c:v>
                </c:pt>
                <c:pt idx="11127">
                  <c:v>22.291599999999999</c:v>
                </c:pt>
                <c:pt idx="11128">
                  <c:v>22.236699999999999</c:v>
                </c:pt>
                <c:pt idx="11129">
                  <c:v>22.8964</c:v>
                </c:pt>
                <c:pt idx="11130">
                  <c:v>23.463799999999999</c:v>
                </c:pt>
                <c:pt idx="11131">
                  <c:v>37.7286</c:v>
                </c:pt>
                <c:pt idx="11132">
                  <c:v>40.700099999999999</c:v>
                </c:pt>
                <c:pt idx="11133">
                  <c:v>36.637099999999997</c:v>
                </c:pt>
                <c:pt idx="11134">
                  <c:v>20.4754</c:v>
                </c:pt>
                <c:pt idx="11135">
                  <c:v>48.799300000000002</c:v>
                </c:pt>
                <c:pt idx="11136">
                  <c:v>48.241100000000003</c:v>
                </c:pt>
                <c:pt idx="11137">
                  <c:v>38.1128</c:v>
                </c:pt>
                <c:pt idx="11138">
                  <c:v>22.291599999999999</c:v>
                </c:pt>
                <c:pt idx="11139">
                  <c:v>22.236699999999999</c:v>
                </c:pt>
                <c:pt idx="11140">
                  <c:v>22.8964</c:v>
                </c:pt>
                <c:pt idx="11141">
                  <c:v>23.463799999999999</c:v>
                </c:pt>
                <c:pt idx="11142">
                  <c:v>37.7286</c:v>
                </c:pt>
                <c:pt idx="11143">
                  <c:v>40.700099999999999</c:v>
                </c:pt>
                <c:pt idx="11144">
                  <c:v>36.637099999999997</c:v>
                </c:pt>
                <c:pt idx="11145">
                  <c:v>20.4754</c:v>
                </c:pt>
                <c:pt idx="11146">
                  <c:v>48.799300000000002</c:v>
                </c:pt>
                <c:pt idx="11147">
                  <c:v>48.241100000000003</c:v>
                </c:pt>
                <c:pt idx="11148">
                  <c:v>38.1128</c:v>
                </c:pt>
                <c:pt idx="11149">
                  <c:v>22.291599999999999</c:v>
                </c:pt>
                <c:pt idx="11150">
                  <c:v>22.236699999999999</c:v>
                </c:pt>
                <c:pt idx="11151">
                  <c:v>22.8964</c:v>
                </c:pt>
                <c:pt idx="11152">
                  <c:v>23.463799999999999</c:v>
                </c:pt>
                <c:pt idx="11153">
                  <c:v>37.7286</c:v>
                </c:pt>
                <c:pt idx="11154">
                  <c:v>40.700099999999999</c:v>
                </c:pt>
                <c:pt idx="11155">
                  <c:v>36.637099999999997</c:v>
                </c:pt>
                <c:pt idx="11156">
                  <c:v>20.4754</c:v>
                </c:pt>
                <c:pt idx="11157">
                  <c:v>48.799300000000002</c:v>
                </c:pt>
                <c:pt idx="11158">
                  <c:v>48.241100000000003</c:v>
                </c:pt>
                <c:pt idx="11159">
                  <c:v>38.1128</c:v>
                </c:pt>
                <c:pt idx="11160">
                  <c:v>22.291599999999999</c:v>
                </c:pt>
                <c:pt idx="11161">
                  <c:v>22.236699999999999</c:v>
                </c:pt>
                <c:pt idx="11162">
                  <c:v>22.8964</c:v>
                </c:pt>
                <c:pt idx="11163">
                  <c:v>23.463799999999999</c:v>
                </c:pt>
                <c:pt idx="11164">
                  <c:v>37.7286</c:v>
                </c:pt>
                <c:pt idx="11165">
                  <c:v>40.700099999999999</c:v>
                </c:pt>
                <c:pt idx="11166">
                  <c:v>36.637099999999997</c:v>
                </c:pt>
                <c:pt idx="11167">
                  <c:v>20.4754</c:v>
                </c:pt>
                <c:pt idx="11168">
                  <c:v>48.799300000000002</c:v>
                </c:pt>
                <c:pt idx="11169">
                  <c:v>48.241100000000003</c:v>
                </c:pt>
                <c:pt idx="11170">
                  <c:v>38.1128</c:v>
                </c:pt>
                <c:pt idx="11171">
                  <c:v>22.291599999999999</c:v>
                </c:pt>
                <c:pt idx="11172">
                  <c:v>22.236699999999999</c:v>
                </c:pt>
                <c:pt idx="11173">
                  <c:v>22.8964</c:v>
                </c:pt>
                <c:pt idx="11174">
                  <c:v>23.463799999999999</c:v>
                </c:pt>
                <c:pt idx="11175">
                  <c:v>37.7286</c:v>
                </c:pt>
                <c:pt idx="11176">
                  <c:v>40.700099999999999</c:v>
                </c:pt>
                <c:pt idx="11177">
                  <c:v>36.637099999999997</c:v>
                </c:pt>
                <c:pt idx="11178">
                  <c:v>20.4754</c:v>
                </c:pt>
                <c:pt idx="11179">
                  <c:v>48.799300000000002</c:v>
                </c:pt>
                <c:pt idx="11180">
                  <c:v>48.241100000000003</c:v>
                </c:pt>
                <c:pt idx="11181">
                  <c:v>38.1128</c:v>
                </c:pt>
                <c:pt idx="11182">
                  <c:v>22.291599999999999</c:v>
                </c:pt>
                <c:pt idx="11183">
                  <c:v>22.236699999999999</c:v>
                </c:pt>
                <c:pt idx="11184">
                  <c:v>22.8964</c:v>
                </c:pt>
                <c:pt idx="11185">
                  <c:v>23.463799999999999</c:v>
                </c:pt>
                <c:pt idx="11186">
                  <c:v>37.7286</c:v>
                </c:pt>
                <c:pt idx="11187">
                  <c:v>40.700099999999999</c:v>
                </c:pt>
                <c:pt idx="11188">
                  <c:v>36.637099999999997</c:v>
                </c:pt>
                <c:pt idx="11189">
                  <c:v>20.4754</c:v>
                </c:pt>
                <c:pt idx="11190">
                  <c:v>48.799300000000002</c:v>
                </c:pt>
                <c:pt idx="11191">
                  <c:v>48.241100000000003</c:v>
                </c:pt>
                <c:pt idx="11192">
                  <c:v>38.1128</c:v>
                </c:pt>
                <c:pt idx="11193">
                  <c:v>22.291599999999999</c:v>
                </c:pt>
                <c:pt idx="11194">
                  <c:v>22.236699999999999</c:v>
                </c:pt>
                <c:pt idx="11195">
                  <c:v>22.8964</c:v>
                </c:pt>
                <c:pt idx="11196">
                  <c:v>23.463799999999999</c:v>
                </c:pt>
                <c:pt idx="11197">
                  <c:v>37.7286</c:v>
                </c:pt>
                <c:pt idx="11198">
                  <c:v>40.700099999999999</c:v>
                </c:pt>
                <c:pt idx="11199">
                  <c:v>36.637099999999997</c:v>
                </c:pt>
                <c:pt idx="11200">
                  <c:v>20.4754</c:v>
                </c:pt>
                <c:pt idx="11201">
                  <c:v>48.799300000000002</c:v>
                </c:pt>
                <c:pt idx="11202">
                  <c:v>48.241100000000003</c:v>
                </c:pt>
                <c:pt idx="11203">
                  <c:v>38.1128</c:v>
                </c:pt>
                <c:pt idx="11204">
                  <c:v>22.291599999999999</c:v>
                </c:pt>
                <c:pt idx="11205">
                  <c:v>22.236699999999999</c:v>
                </c:pt>
                <c:pt idx="11206">
                  <c:v>22.8964</c:v>
                </c:pt>
                <c:pt idx="11207">
                  <c:v>23.463799999999999</c:v>
                </c:pt>
                <c:pt idx="11208">
                  <c:v>37.7286</c:v>
                </c:pt>
                <c:pt idx="11209">
                  <c:v>40.700099999999999</c:v>
                </c:pt>
                <c:pt idx="11210">
                  <c:v>36.637099999999997</c:v>
                </c:pt>
                <c:pt idx="11211">
                  <c:v>20.4754</c:v>
                </c:pt>
                <c:pt idx="11212">
                  <c:v>48.799300000000002</c:v>
                </c:pt>
                <c:pt idx="11213">
                  <c:v>48.241100000000003</c:v>
                </c:pt>
                <c:pt idx="11214">
                  <c:v>38.1128</c:v>
                </c:pt>
                <c:pt idx="11215">
                  <c:v>22.291599999999999</c:v>
                </c:pt>
                <c:pt idx="11216">
                  <c:v>22.236699999999999</c:v>
                </c:pt>
                <c:pt idx="11217">
                  <c:v>22.8964</c:v>
                </c:pt>
                <c:pt idx="11218">
                  <c:v>23.463799999999999</c:v>
                </c:pt>
                <c:pt idx="11219">
                  <c:v>34.501300000000001</c:v>
                </c:pt>
                <c:pt idx="11220">
                  <c:v>39.780500000000004</c:v>
                </c:pt>
                <c:pt idx="11221">
                  <c:v>48.336500000000001</c:v>
                </c:pt>
                <c:pt idx="11222">
                  <c:v>55.13</c:v>
                </c:pt>
                <c:pt idx="11223">
                  <c:v>61.496899999999997</c:v>
                </c:pt>
                <c:pt idx="11224">
                  <c:v>64.456299999999999</c:v>
                </c:pt>
                <c:pt idx="11225">
                  <c:v>71.107600000000005</c:v>
                </c:pt>
                <c:pt idx="11226">
                  <c:v>72.379499999999993</c:v>
                </c:pt>
                <c:pt idx="11227">
                  <c:v>75.713399999999993</c:v>
                </c:pt>
                <c:pt idx="11228">
                  <c:v>77.902199999999993</c:v>
                </c:pt>
                <c:pt idx="11229">
                  <c:v>78.587000000000003</c:v>
                </c:pt>
                <c:pt idx="11230">
                  <c:v>37.7286</c:v>
                </c:pt>
                <c:pt idx="11231">
                  <c:v>40.700099999999999</c:v>
                </c:pt>
                <c:pt idx="11232">
                  <c:v>36.637099999999997</c:v>
                </c:pt>
                <c:pt idx="11233">
                  <c:v>20.4754</c:v>
                </c:pt>
                <c:pt idx="11234">
                  <c:v>48.799300000000002</c:v>
                </c:pt>
                <c:pt idx="11235">
                  <c:v>48.241100000000003</c:v>
                </c:pt>
                <c:pt idx="11236">
                  <c:v>38.1128</c:v>
                </c:pt>
                <c:pt idx="11237">
                  <c:v>22.291599999999999</c:v>
                </c:pt>
                <c:pt idx="11238">
                  <c:v>22.236699999999999</c:v>
                </c:pt>
                <c:pt idx="11239">
                  <c:v>22.8964</c:v>
                </c:pt>
                <c:pt idx="11240">
                  <c:v>23.463799999999999</c:v>
                </c:pt>
                <c:pt idx="11241">
                  <c:v>37.7286</c:v>
                </c:pt>
                <c:pt idx="11242">
                  <c:v>40.700099999999999</c:v>
                </c:pt>
                <c:pt idx="11243">
                  <c:v>36.637099999999997</c:v>
                </c:pt>
                <c:pt idx="11244">
                  <c:v>20.4754</c:v>
                </c:pt>
                <c:pt idx="11245">
                  <c:v>48.799300000000002</c:v>
                </c:pt>
                <c:pt idx="11246">
                  <c:v>48.241100000000003</c:v>
                </c:pt>
                <c:pt idx="11247">
                  <c:v>38.1128</c:v>
                </c:pt>
                <c:pt idx="11248">
                  <c:v>22.291599999999999</c:v>
                </c:pt>
                <c:pt idx="11249">
                  <c:v>22.236699999999999</c:v>
                </c:pt>
                <c:pt idx="11250">
                  <c:v>22.8964</c:v>
                </c:pt>
                <c:pt idx="11251">
                  <c:v>23.463799999999999</c:v>
                </c:pt>
                <c:pt idx="11252">
                  <c:v>37.7286</c:v>
                </c:pt>
                <c:pt idx="11253">
                  <c:v>40.700099999999999</c:v>
                </c:pt>
                <c:pt idx="11254">
                  <c:v>36.637099999999997</c:v>
                </c:pt>
                <c:pt idx="11255">
                  <c:v>20.4754</c:v>
                </c:pt>
                <c:pt idx="11256">
                  <c:v>48.799300000000002</c:v>
                </c:pt>
                <c:pt idx="11257">
                  <c:v>48.241100000000003</c:v>
                </c:pt>
                <c:pt idx="11258">
                  <c:v>38.1128</c:v>
                </c:pt>
                <c:pt idx="11259">
                  <c:v>22.291599999999999</c:v>
                </c:pt>
                <c:pt idx="11260">
                  <c:v>22.236699999999999</c:v>
                </c:pt>
                <c:pt idx="11261">
                  <c:v>22.8964</c:v>
                </c:pt>
                <c:pt idx="11262">
                  <c:v>23.463799999999999</c:v>
                </c:pt>
                <c:pt idx="11263">
                  <c:v>37.7286</c:v>
                </c:pt>
                <c:pt idx="11264">
                  <c:v>40.700099999999999</c:v>
                </c:pt>
                <c:pt idx="11265">
                  <c:v>36.637099999999997</c:v>
                </c:pt>
                <c:pt idx="11266">
                  <c:v>20.4754</c:v>
                </c:pt>
                <c:pt idx="11267">
                  <c:v>48.799300000000002</c:v>
                </c:pt>
                <c:pt idx="11268">
                  <c:v>48.241100000000003</c:v>
                </c:pt>
                <c:pt idx="11269">
                  <c:v>38.1128</c:v>
                </c:pt>
                <c:pt idx="11270">
                  <c:v>22.291599999999999</c:v>
                </c:pt>
                <c:pt idx="11271">
                  <c:v>22.236699999999999</c:v>
                </c:pt>
                <c:pt idx="11272">
                  <c:v>22.8964</c:v>
                </c:pt>
                <c:pt idx="11273">
                  <c:v>23.463799999999999</c:v>
                </c:pt>
                <c:pt idx="11274">
                  <c:v>37.7286</c:v>
                </c:pt>
                <c:pt idx="11275">
                  <c:v>40.700099999999999</c:v>
                </c:pt>
                <c:pt idx="11276">
                  <c:v>36.637099999999997</c:v>
                </c:pt>
                <c:pt idx="11277">
                  <c:v>20.4754</c:v>
                </c:pt>
                <c:pt idx="11278">
                  <c:v>48.799300000000002</c:v>
                </c:pt>
                <c:pt idx="11279">
                  <c:v>48.241100000000003</c:v>
                </c:pt>
                <c:pt idx="11280">
                  <c:v>38.1128</c:v>
                </c:pt>
                <c:pt idx="11281">
                  <c:v>22.291599999999999</c:v>
                </c:pt>
                <c:pt idx="11282">
                  <c:v>22.236699999999999</c:v>
                </c:pt>
                <c:pt idx="11283">
                  <c:v>22.8964</c:v>
                </c:pt>
                <c:pt idx="11284">
                  <c:v>23.463799999999999</c:v>
                </c:pt>
                <c:pt idx="11285">
                  <c:v>37.7286</c:v>
                </c:pt>
                <c:pt idx="11286">
                  <c:v>40.700099999999999</c:v>
                </c:pt>
                <c:pt idx="11287">
                  <c:v>36.637099999999997</c:v>
                </c:pt>
                <c:pt idx="11288">
                  <c:v>20.4754</c:v>
                </c:pt>
                <c:pt idx="11289">
                  <c:v>48.799300000000002</c:v>
                </c:pt>
                <c:pt idx="11290">
                  <c:v>48.241100000000003</c:v>
                </c:pt>
                <c:pt idx="11291">
                  <c:v>38.1128</c:v>
                </c:pt>
                <c:pt idx="11292">
                  <c:v>22.291599999999999</c:v>
                </c:pt>
                <c:pt idx="11293">
                  <c:v>22.236699999999999</c:v>
                </c:pt>
                <c:pt idx="11294">
                  <c:v>22.8964</c:v>
                </c:pt>
                <c:pt idx="11295">
                  <c:v>23.463799999999999</c:v>
                </c:pt>
                <c:pt idx="11296">
                  <c:v>37.7286</c:v>
                </c:pt>
                <c:pt idx="11297">
                  <c:v>40.700099999999999</c:v>
                </c:pt>
                <c:pt idx="11298">
                  <c:v>36.637099999999997</c:v>
                </c:pt>
                <c:pt idx="11299">
                  <c:v>20.4754</c:v>
                </c:pt>
                <c:pt idx="11300">
                  <c:v>48.799300000000002</c:v>
                </c:pt>
                <c:pt idx="11301">
                  <c:v>48.241100000000003</c:v>
                </c:pt>
                <c:pt idx="11302">
                  <c:v>38.1128</c:v>
                </c:pt>
                <c:pt idx="11303">
                  <c:v>22.291599999999999</c:v>
                </c:pt>
                <c:pt idx="11304">
                  <c:v>22.236699999999999</c:v>
                </c:pt>
                <c:pt idx="11305">
                  <c:v>22.8964</c:v>
                </c:pt>
                <c:pt idx="11306">
                  <c:v>23.463799999999999</c:v>
                </c:pt>
                <c:pt idx="11307">
                  <c:v>37.7286</c:v>
                </c:pt>
                <c:pt idx="11308">
                  <c:v>40.700099999999999</c:v>
                </c:pt>
                <c:pt idx="11309">
                  <c:v>36.637099999999997</c:v>
                </c:pt>
                <c:pt idx="11310">
                  <c:v>20.4754</c:v>
                </c:pt>
                <c:pt idx="11311">
                  <c:v>48.799300000000002</c:v>
                </c:pt>
                <c:pt idx="11312">
                  <c:v>48.241100000000003</c:v>
                </c:pt>
                <c:pt idx="11313">
                  <c:v>38.1128</c:v>
                </c:pt>
                <c:pt idx="11314">
                  <c:v>22.291599999999999</c:v>
                </c:pt>
                <c:pt idx="11315">
                  <c:v>22.236699999999999</c:v>
                </c:pt>
                <c:pt idx="11316">
                  <c:v>22.8964</c:v>
                </c:pt>
                <c:pt idx="11317">
                  <c:v>23.463799999999999</c:v>
                </c:pt>
                <c:pt idx="11318">
                  <c:v>37.7286</c:v>
                </c:pt>
                <c:pt idx="11319">
                  <c:v>40.700099999999999</c:v>
                </c:pt>
                <c:pt idx="11320">
                  <c:v>36.637099999999997</c:v>
                </c:pt>
                <c:pt idx="11321">
                  <c:v>20.4754</c:v>
                </c:pt>
                <c:pt idx="11322">
                  <c:v>48.799300000000002</c:v>
                </c:pt>
                <c:pt idx="11323">
                  <c:v>48.241100000000003</c:v>
                </c:pt>
                <c:pt idx="11324">
                  <c:v>38.1128</c:v>
                </c:pt>
                <c:pt idx="11325">
                  <c:v>22.291599999999999</c:v>
                </c:pt>
                <c:pt idx="11326">
                  <c:v>22.236699999999999</c:v>
                </c:pt>
                <c:pt idx="11327">
                  <c:v>22.8964</c:v>
                </c:pt>
                <c:pt idx="11328">
                  <c:v>23.463799999999999</c:v>
                </c:pt>
                <c:pt idx="11329">
                  <c:v>37.7286</c:v>
                </c:pt>
                <c:pt idx="11330">
                  <c:v>40.700099999999999</c:v>
                </c:pt>
                <c:pt idx="11331">
                  <c:v>36.637099999999997</c:v>
                </c:pt>
                <c:pt idx="11332">
                  <c:v>20.4754</c:v>
                </c:pt>
                <c:pt idx="11333">
                  <c:v>48.799300000000002</c:v>
                </c:pt>
                <c:pt idx="11334">
                  <c:v>48.241100000000003</c:v>
                </c:pt>
                <c:pt idx="11335">
                  <c:v>38.1128</c:v>
                </c:pt>
                <c:pt idx="11336">
                  <c:v>22.291599999999999</c:v>
                </c:pt>
                <c:pt idx="11337">
                  <c:v>22.236699999999999</c:v>
                </c:pt>
                <c:pt idx="11338">
                  <c:v>22.8964</c:v>
                </c:pt>
                <c:pt idx="11339">
                  <c:v>23.463799999999999</c:v>
                </c:pt>
                <c:pt idx="11340">
                  <c:v>37.7286</c:v>
                </c:pt>
                <c:pt idx="11341">
                  <c:v>40.700099999999999</c:v>
                </c:pt>
                <c:pt idx="11342">
                  <c:v>36.637099999999997</c:v>
                </c:pt>
                <c:pt idx="11343">
                  <c:v>20.4754</c:v>
                </c:pt>
                <c:pt idx="11344">
                  <c:v>48.799300000000002</c:v>
                </c:pt>
                <c:pt idx="11345">
                  <c:v>48.241100000000003</c:v>
                </c:pt>
                <c:pt idx="11346">
                  <c:v>38.1128</c:v>
                </c:pt>
                <c:pt idx="11347">
                  <c:v>22.291599999999999</c:v>
                </c:pt>
                <c:pt idx="11348">
                  <c:v>22.236699999999999</c:v>
                </c:pt>
                <c:pt idx="11349">
                  <c:v>22.8964</c:v>
                </c:pt>
                <c:pt idx="11350">
                  <c:v>23.463799999999999</c:v>
                </c:pt>
                <c:pt idx="11351">
                  <c:v>34.501300000000001</c:v>
                </c:pt>
                <c:pt idx="11352">
                  <c:v>39.780700000000003</c:v>
                </c:pt>
                <c:pt idx="11353">
                  <c:v>48.336500000000001</c:v>
                </c:pt>
                <c:pt idx="11354">
                  <c:v>52.0398</c:v>
                </c:pt>
                <c:pt idx="11355">
                  <c:v>59.798400000000001</c:v>
                </c:pt>
                <c:pt idx="11356">
                  <c:v>62.476399999999998</c:v>
                </c:pt>
                <c:pt idx="11357">
                  <c:v>69.774799999999999</c:v>
                </c:pt>
                <c:pt idx="11358">
                  <c:v>71.138199999999998</c:v>
                </c:pt>
                <c:pt idx="11359">
                  <c:v>74.764499999999998</c:v>
                </c:pt>
                <c:pt idx="11360">
                  <c:v>76.001800000000003</c:v>
                </c:pt>
                <c:pt idx="11361">
                  <c:v>78.960999999999999</c:v>
                </c:pt>
                <c:pt idx="11362">
                  <c:v>37.7286</c:v>
                </c:pt>
                <c:pt idx="11363">
                  <c:v>40.700099999999999</c:v>
                </c:pt>
                <c:pt idx="11364">
                  <c:v>36.637099999999997</c:v>
                </c:pt>
                <c:pt idx="11365">
                  <c:v>20.4754</c:v>
                </c:pt>
                <c:pt idx="11366">
                  <c:v>48.799300000000002</c:v>
                </c:pt>
                <c:pt idx="11367">
                  <c:v>48.241100000000003</c:v>
                </c:pt>
                <c:pt idx="11368">
                  <c:v>38.1128</c:v>
                </c:pt>
                <c:pt idx="11369">
                  <c:v>22.291599999999999</c:v>
                </c:pt>
                <c:pt idx="11370">
                  <c:v>22.236699999999999</c:v>
                </c:pt>
                <c:pt idx="11371">
                  <c:v>22.8964</c:v>
                </c:pt>
                <c:pt idx="11372">
                  <c:v>23.463799999999999</c:v>
                </c:pt>
                <c:pt idx="11373">
                  <c:v>37.7286</c:v>
                </c:pt>
                <c:pt idx="11374">
                  <c:v>40.700099999999999</c:v>
                </c:pt>
                <c:pt idx="11375">
                  <c:v>36.637099999999997</c:v>
                </c:pt>
                <c:pt idx="11376">
                  <c:v>20.4754</c:v>
                </c:pt>
                <c:pt idx="11377">
                  <c:v>48.799300000000002</c:v>
                </c:pt>
                <c:pt idx="11378">
                  <c:v>48.241100000000003</c:v>
                </c:pt>
                <c:pt idx="11379">
                  <c:v>38.1128</c:v>
                </c:pt>
                <c:pt idx="11380">
                  <c:v>22.291599999999999</c:v>
                </c:pt>
                <c:pt idx="11381">
                  <c:v>22.236699999999999</c:v>
                </c:pt>
                <c:pt idx="11382">
                  <c:v>22.8964</c:v>
                </c:pt>
                <c:pt idx="11383">
                  <c:v>23.463799999999999</c:v>
                </c:pt>
                <c:pt idx="11384">
                  <c:v>37.7286</c:v>
                </c:pt>
                <c:pt idx="11385">
                  <c:v>40.700099999999999</c:v>
                </c:pt>
                <c:pt idx="11386">
                  <c:v>36.637099999999997</c:v>
                </c:pt>
                <c:pt idx="11387">
                  <c:v>20.4754</c:v>
                </c:pt>
                <c:pt idx="11388">
                  <c:v>48.799300000000002</c:v>
                </c:pt>
                <c:pt idx="11389">
                  <c:v>48.241100000000003</c:v>
                </c:pt>
                <c:pt idx="11390">
                  <c:v>38.1128</c:v>
                </c:pt>
                <c:pt idx="11391">
                  <c:v>22.291599999999999</c:v>
                </c:pt>
                <c:pt idx="11392">
                  <c:v>22.236699999999999</c:v>
                </c:pt>
                <c:pt idx="11393">
                  <c:v>22.8964</c:v>
                </c:pt>
                <c:pt idx="11394">
                  <c:v>23.463799999999999</c:v>
                </c:pt>
                <c:pt idx="11395">
                  <c:v>37.7286</c:v>
                </c:pt>
                <c:pt idx="11396">
                  <c:v>40.700099999999999</c:v>
                </c:pt>
                <c:pt idx="11397">
                  <c:v>36.637099999999997</c:v>
                </c:pt>
                <c:pt idx="11398">
                  <c:v>20.4754</c:v>
                </c:pt>
                <c:pt idx="11399">
                  <c:v>48.799300000000002</c:v>
                </c:pt>
                <c:pt idx="11400">
                  <c:v>48.241100000000003</c:v>
                </c:pt>
                <c:pt idx="11401">
                  <c:v>38.1128</c:v>
                </c:pt>
                <c:pt idx="11402">
                  <c:v>22.291599999999999</c:v>
                </c:pt>
                <c:pt idx="11403">
                  <c:v>22.236699999999999</c:v>
                </c:pt>
                <c:pt idx="11404">
                  <c:v>22.8964</c:v>
                </c:pt>
                <c:pt idx="11405">
                  <c:v>23.463799999999999</c:v>
                </c:pt>
                <c:pt idx="11406">
                  <c:v>37.7286</c:v>
                </c:pt>
                <c:pt idx="11407">
                  <c:v>40.700099999999999</c:v>
                </c:pt>
                <c:pt idx="11408">
                  <c:v>36.637099999999997</c:v>
                </c:pt>
                <c:pt idx="11409">
                  <c:v>20.4754</c:v>
                </c:pt>
                <c:pt idx="11410">
                  <c:v>48.799300000000002</c:v>
                </c:pt>
                <c:pt idx="11411">
                  <c:v>48.241100000000003</c:v>
                </c:pt>
                <c:pt idx="11412">
                  <c:v>38.1128</c:v>
                </c:pt>
                <c:pt idx="11413">
                  <c:v>22.291599999999999</c:v>
                </c:pt>
                <c:pt idx="11414">
                  <c:v>22.236699999999999</c:v>
                </c:pt>
                <c:pt idx="11415">
                  <c:v>22.8964</c:v>
                </c:pt>
                <c:pt idx="11416">
                  <c:v>23.463799999999999</c:v>
                </c:pt>
                <c:pt idx="11417">
                  <c:v>37.7286</c:v>
                </c:pt>
                <c:pt idx="11418">
                  <c:v>40.700099999999999</c:v>
                </c:pt>
                <c:pt idx="11419">
                  <c:v>36.637099999999997</c:v>
                </c:pt>
                <c:pt idx="11420">
                  <c:v>20.4754</c:v>
                </c:pt>
                <c:pt idx="11421">
                  <c:v>48.799300000000002</c:v>
                </c:pt>
                <c:pt idx="11422">
                  <c:v>48.241100000000003</c:v>
                </c:pt>
                <c:pt idx="11423">
                  <c:v>38.1128</c:v>
                </c:pt>
                <c:pt idx="11424">
                  <c:v>22.291599999999999</c:v>
                </c:pt>
                <c:pt idx="11425">
                  <c:v>22.236699999999999</c:v>
                </c:pt>
                <c:pt idx="11426">
                  <c:v>22.8964</c:v>
                </c:pt>
                <c:pt idx="11427">
                  <c:v>23.463799999999999</c:v>
                </c:pt>
                <c:pt idx="11428">
                  <c:v>37.7286</c:v>
                </c:pt>
                <c:pt idx="11429">
                  <c:v>40.700099999999999</c:v>
                </c:pt>
                <c:pt idx="11430">
                  <c:v>36.637099999999997</c:v>
                </c:pt>
                <c:pt idx="11431">
                  <c:v>20.4754</c:v>
                </c:pt>
                <c:pt idx="11432">
                  <c:v>48.799300000000002</c:v>
                </c:pt>
                <c:pt idx="11433">
                  <c:v>48.241100000000003</c:v>
                </c:pt>
                <c:pt idx="11434">
                  <c:v>38.1128</c:v>
                </c:pt>
                <c:pt idx="11435">
                  <c:v>22.291599999999999</c:v>
                </c:pt>
                <c:pt idx="11436">
                  <c:v>22.236699999999999</c:v>
                </c:pt>
                <c:pt idx="11437">
                  <c:v>22.8964</c:v>
                </c:pt>
                <c:pt idx="11438">
                  <c:v>23.463799999999999</c:v>
                </c:pt>
                <c:pt idx="11439">
                  <c:v>37.7286</c:v>
                </c:pt>
                <c:pt idx="11440">
                  <c:v>40.700099999999999</c:v>
                </c:pt>
                <c:pt idx="11441">
                  <c:v>36.637099999999997</c:v>
                </c:pt>
                <c:pt idx="11442">
                  <c:v>20.4754</c:v>
                </c:pt>
                <c:pt idx="11443">
                  <c:v>48.799300000000002</c:v>
                </c:pt>
                <c:pt idx="11444">
                  <c:v>48.241100000000003</c:v>
                </c:pt>
                <c:pt idx="11445">
                  <c:v>38.1128</c:v>
                </c:pt>
                <c:pt idx="11446">
                  <c:v>22.291599999999999</c:v>
                </c:pt>
                <c:pt idx="11447">
                  <c:v>22.236699999999999</c:v>
                </c:pt>
                <c:pt idx="11448">
                  <c:v>22.8964</c:v>
                </c:pt>
                <c:pt idx="11449">
                  <c:v>23.463799999999999</c:v>
                </c:pt>
                <c:pt idx="11450">
                  <c:v>37.7286</c:v>
                </c:pt>
                <c:pt idx="11451">
                  <c:v>40.700099999999999</c:v>
                </c:pt>
                <c:pt idx="11452">
                  <c:v>36.637099999999997</c:v>
                </c:pt>
                <c:pt idx="11453">
                  <c:v>20.4754</c:v>
                </c:pt>
                <c:pt idx="11454">
                  <c:v>48.799300000000002</c:v>
                </c:pt>
                <c:pt idx="11455">
                  <c:v>48.241100000000003</c:v>
                </c:pt>
                <c:pt idx="11456">
                  <c:v>38.1128</c:v>
                </c:pt>
                <c:pt idx="11457">
                  <c:v>22.291599999999999</c:v>
                </c:pt>
                <c:pt idx="11458">
                  <c:v>22.236699999999999</c:v>
                </c:pt>
                <c:pt idx="11459">
                  <c:v>22.8964</c:v>
                </c:pt>
                <c:pt idx="11460">
                  <c:v>23.463799999999999</c:v>
                </c:pt>
                <c:pt idx="11461">
                  <c:v>37.7286</c:v>
                </c:pt>
                <c:pt idx="11462">
                  <c:v>40.700099999999999</c:v>
                </c:pt>
                <c:pt idx="11463">
                  <c:v>36.637099999999997</c:v>
                </c:pt>
                <c:pt idx="11464">
                  <c:v>20.4754</c:v>
                </c:pt>
                <c:pt idx="11465">
                  <c:v>48.799300000000002</c:v>
                </c:pt>
                <c:pt idx="11466">
                  <c:v>48.241100000000003</c:v>
                </c:pt>
                <c:pt idx="11467">
                  <c:v>38.1128</c:v>
                </c:pt>
                <c:pt idx="11468">
                  <c:v>22.291599999999999</c:v>
                </c:pt>
                <c:pt idx="11469">
                  <c:v>22.236699999999999</c:v>
                </c:pt>
                <c:pt idx="11470">
                  <c:v>22.8964</c:v>
                </c:pt>
                <c:pt idx="11471">
                  <c:v>23.463799999999999</c:v>
                </c:pt>
                <c:pt idx="11472">
                  <c:v>37.7286</c:v>
                </c:pt>
                <c:pt idx="11473">
                  <c:v>40.700099999999999</c:v>
                </c:pt>
                <c:pt idx="11474">
                  <c:v>36.637099999999997</c:v>
                </c:pt>
                <c:pt idx="11475">
                  <c:v>20.4754</c:v>
                </c:pt>
                <c:pt idx="11476">
                  <c:v>48.799300000000002</c:v>
                </c:pt>
                <c:pt idx="11477">
                  <c:v>48.241100000000003</c:v>
                </c:pt>
                <c:pt idx="11478">
                  <c:v>38.1128</c:v>
                </c:pt>
                <c:pt idx="11479">
                  <c:v>22.291599999999999</c:v>
                </c:pt>
                <c:pt idx="11480">
                  <c:v>22.236699999999999</c:v>
                </c:pt>
                <c:pt idx="11481">
                  <c:v>22.8964</c:v>
                </c:pt>
                <c:pt idx="11482">
                  <c:v>23.463799999999999</c:v>
                </c:pt>
                <c:pt idx="11483">
                  <c:v>34.501300000000001</c:v>
                </c:pt>
                <c:pt idx="11484">
                  <c:v>39.780700000000003</c:v>
                </c:pt>
                <c:pt idx="11485">
                  <c:v>48.336500000000001</c:v>
                </c:pt>
                <c:pt idx="11486">
                  <c:v>51.853499999999997</c:v>
                </c:pt>
                <c:pt idx="11487">
                  <c:v>57.158200000000001</c:v>
                </c:pt>
                <c:pt idx="11488">
                  <c:v>59.698399999999999</c:v>
                </c:pt>
                <c:pt idx="11489">
                  <c:v>67.412099999999995</c:v>
                </c:pt>
                <c:pt idx="11490">
                  <c:v>68.878100000000003</c:v>
                </c:pt>
                <c:pt idx="11491">
                  <c:v>73.58</c:v>
                </c:pt>
                <c:pt idx="11492">
                  <c:v>74.953900000000004</c:v>
                </c:pt>
                <c:pt idx="11493">
                  <c:v>77.891900000000007</c:v>
                </c:pt>
                <c:pt idx="11494">
                  <c:v>37.7286</c:v>
                </c:pt>
                <c:pt idx="11495">
                  <c:v>40.700099999999999</c:v>
                </c:pt>
                <c:pt idx="11496">
                  <c:v>36.637099999999997</c:v>
                </c:pt>
                <c:pt idx="11497">
                  <c:v>20.4754</c:v>
                </c:pt>
                <c:pt idx="11498">
                  <c:v>48.799300000000002</c:v>
                </c:pt>
                <c:pt idx="11499">
                  <c:v>48.241100000000003</c:v>
                </c:pt>
                <c:pt idx="11500">
                  <c:v>38.1128</c:v>
                </c:pt>
                <c:pt idx="11501">
                  <c:v>22.291599999999999</c:v>
                </c:pt>
                <c:pt idx="11502">
                  <c:v>22.236699999999999</c:v>
                </c:pt>
                <c:pt idx="11503">
                  <c:v>22.8964</c:v>
                </c:pt>
                <c:pt idx="11504">
                  <c:v>23.463799999999999</c:v>
                </c:pt>
                <c:pt idx="11505">
                  <c:v>37.7286</c:v>
                </c:pt>
                <c:pt idx="11506">
                  <c:v>40.700099999999999</c:v>
                </c:pt>
                <c:pt idx="11507">
                  <c:v>36.637099999999997</c:v>
                </c:pt>
                <c:pt idx="11508">
                  <c:v>20.4754</c:v>
                </c:pt>
                <c:pt idx="11509">
                  <c:v>48.799300000000002</c:v>
                </c:pt>
                <c:pt idx="11510">
                  <c:v>48.241100000000003</c:v>
                </c:pt>
                <c:pt idx="11511">
                  <c:v>38.1128</c:v>
                </c:pt>
                <c:pt idx="11512">
                  <c:v>22.291599999999999</c:v>
                </c:pt>
                <c:pt idx="11513">
                  <c:v>22.236699999999999</c:v>
                </c:pt>
                <c:pt idx="11514">
                  <c:v>22.8964</c:v>
                </c:pt>
                <c:pt idx="11515">
                  <c:v>23.463799999999999</c:v>
                </c:pt>
                <c:pt idx="11516">
                  <c:v>37.7286</c:v>
                </c:pt>
                <c:pt idx="11517">
                  <c:v>40.700099999999999</c:v>
                </c:pt>
                <c:pt idx="11518">
                  <c:v>36.637099999999997</c:v>
                </c:pt>
                <c:pt idx="11519">
                  <c:v>20.4754</c:v>
                </c:pt>
                <c:pt idx="11520">
                  <c:v>48.799300000000002</c:v>
                </c:pt>
                <c:pt idx="11521">
                  <c:v>48.241100000000003</c:v>
                </c:pt>
                <c:pt idx="11522">
                  <c:v>38.1128</c:v>
                </c:pt>
                <c:pt idx="11523">
                  <c:v>22.291599999999999</c:v>
                </c:pt>
                <c:pt idx="11524">
                  <c:v>22.236699999999999</c:v>
                </c:pt>
                <c:pt idx="11525">
                  <c:v>22.8964</c:v>
                </c:pt>
                <c:pt idx="11526">
                  <c:v>23.463799999999999</c:v>
                </c:pt>
                <c:pt idx="11527">
                  <c:v>37.7286</c:v>
                </c:pt>
                <c:pt idx="11528">
                  <c:v>40.700099999999999</c:v>
                </c:pt>
                <c:pt idx="11529">
                  <c:v>36.637099999999997</c:v>
                </c:pt>
                <c:pt idx="11530">
                  <c:v>20.4754</c:v>
                </c:pt>
                <c:pt idx="11531">
                  <c:v>48.799300000000002</c:v>
                </c:pt>
                <c:pt idx="11532">
                  <c:v>48.241100000000003</c:v>
                </c:pt>
                <c:pt idx="11533">
                  <c:v>38.1128</c:v>
                </c:pt>
                <c:pt idx="11534">
                  <c:v>22.291599999999999</c:v>
                </c:pt>
                <c:pt idx="11535">
                  <c:v>22.236699999999999</c:v>
                </c:pt>
                <c:pt idx="11536">
                  <c:v>22.8964</c:v>
                </c:pt>
                <c:pt idx="11537">
                  <c:v>23.463799999999999</c:v>
                </c:pt>
                <c:pt idx="11538">
                  <c:v>37.7286</c:v>
                </c:pt>
                <c:pt idx="11539">
                  <c:v>40.700099999999999</c:v>
                </c:pt>
                <c:pt idx="11540">
                  <c:v>36.637099999999997</c:v>
                </c:pt>
                <c:pt idx="11541">
                  <c:v>20.4754</c:v>
                </c:pt>
                <c:pt idx="11542">
                  <c:v>48.799300000000002</c:v>
                </c:pt>
                <c:pt idx="11543">
                  <c:v>48.241100000000003</c:v>
                </c:pt>
                <c:pt idx="11544">
                  <c:v>38.1128</c:v>
                </c:pt>
                <c:pt idx="11545">
                  <c:v>22.291599999999999</c:v>
                </c:pt>
                <c:pt idx="11546">
                  <c:v>22.236699999999999</c:v>
                </c:pt>
                <c:pt idx="11547">
                  <c:v>22.8964</c:v>
                </c:pt>
                <c:pt idx="11548">
                  <c:v>23.463799999999999</c:v>
                </c:pt>
                <c:pt idx="11549">
                  <c:v>37.7286</c:v>
                </c:pt>
                <c:pt idx="11550">
                  <c:v>40.700099999999999</c:v>
                </c:pt>
                <c:pt idx="11551">
                  <c:v>36.637099999999997</c:v>
                </c:pt>
                <c:pt idx="11552">
                  <c:v>20.4754</c:v>
                </c:pt>
                <c:pt idx="11553">
                  <c:v>48.799300000000002</c:v>
                </c:pt>
                <c:pt idx="11554">
                  <c:v>48.241100000000003</c:v>
                </c:pt>
                <c:pt idx="11555">
                  <c:v>38.1128</c:v>
                </c:pt>
                <c:pt idx="11556">
                  <c:v>22.291599999999999</c:v>
                </c:pt>
                <c:pt idx="11557">
                  <c:v>22.236699999999999</c:v>
                </c:pt>
                <c:pt idx="11558">
                  <c:v>22.8964</c:v>
                </c:pt>
                <c:pt idx="11559">
                  <c:v>23.463799999999999</c:v>
                </c:pt>
                <c:pt idx="11560">
                  <c:v>37.7286</c:v>
                </c:pt>
                <c:pt idx="11561">
                  <c:v>40.700099999999999</c:v>
                </c:pt>
                <c:pt idx="11562">
                  <c:v>36.637099999999997</c:v>
                </c:pt>
                <c:pt idx="11563">
                  <c:v>20.4754</c:v>
                </c:pt>
                <c:pt idx="11564">
                  <c:v>48.799300000000002</c:v>
                </c:pt>
                <c:pt idx="11565">
                  <c:v>48.241100000000003</c:v>
                </c:pt>
                <c:pt idx="11566">
                  <c:v>38.1128</c:v>
                </c:pt>
                <c:pt idx="11567">
                  <c:v>22.291599999999999</c:v>
                </c:pt>
                <c:pt idx="11568">
                  <c:v>22.236699999999999</c:v>
                </c:pt>
                <c:pt idx="11569">
                  <c:v>22.8964</c:v>
                </c:pt>
                <c:pt idx="11570">
                  <c:v>23.463799999999999</c:v>
                </c:pt>
                <c:pt idx="11571">
                  <c:v>37.7286</c:v>
                </c:pt>
                <c:pt idx="11572">
                  <c:v>40.700099999999999</c:v>
                </c:pt>
                <c:pt idx="11573">
                  <c:v>36.637099999999997</c:v>
                </c:pt>
                <c:pt idx="11574">
                  <c:v>20.4754</c:v>
                </c:pt>
                <c:pt idx="11575">
                  <c:v>48.799300000000002</c:v>
                </c:pt>
                <c:pt idx="11576">
                  <c:v>48.241100000000003</c:v>
                </c:pt>
                <c:pt idx="11577">
                  <c:v>38.1128</c:v>
                </c:pt>
                <c:pt idx="11578">
                  <c:v>22.291599999999999</c:v>
                </c:pt>
                <c:pt idx="11579">
                  <c:v>22.236699999999999</c:v>
                </c:pt>
                <c:pt idx="11580">
                  <c:v>22.8964</c:v>
                </c:pt>
                <c:pt idx="11581">
                  <c:v>23.463799999999999</c:v>
                </c:pt>
                <c:pt idx="11582">
                  <c:v>37.7286</c:v>
                </c:pt>
                <c:pt idx="11583">
                  <c:v>40.700099999999999</c:v>
                </c:pt>
                <c:pt idx="11584">
                  <c:v>36.637099999999997</c:v>
                </c:pt>
                <c:pt idx="11585">
                  <c:v>20.4754</c:v>
                </c:pt>
                <c:pt idx="11586">
                  <c:v>48.799300000000002</c:v>
                </c:pt>
                <c:pt idx="11587">
                  <c:v>48.241100000000003</c:v>
                </c:pt>
                <c:pt idx="11588">
                  <c:v>38.1128</c:v>
                </c:pt>
                <c:pt idx="11589">
                  <c:v>22.291599999999999</c:v>
                </c:pt>
                <c:pt idx="11590">
                  <c:v>22.236699999999999</c:v>
                </c:pt>
                <c:pt idx="11591">
                  <c:v>22.8964</c:v>
                </c:pt>
                <c:pt idx="11592">
                  <c:v>23.463799999999999</c:v>
                </c:pt>
                <c:pt idx="11593">
                  <c:v>37.7286</c:v>
                </c:pt>
                <c:pt idx="11594">
                  <c:v>40.700099999999999</c:v>
                </c:pt>
                <c:pt idx="11595">
                  <c:v>36.637099999999997</c:v>
                </c:pt>
                <c:pt idx="11596">
                  <c:v>20.4754</c:v>
                </c:pt>
                <c:pt idx="11597">
                  <c:v>48.799300000000002</c:v>
                </c:pt>
                <c:pt idx="11598">
                  <c:v>48.241100000000003</c:v>
                </c:pt>
                <c:pt idx="11599">
                  <c:v>38.1128</c:v>
                </c:pt>
                <c:pt idx="11600">
                  <c:v>22.291599999999999</c:v>
                </c:pt>
                <c:pt idx="11601">
                  <c:v>22.236699999999999</c:v>
                </c:pt>
                <c:pt idx="11602">
                  <c:v>22.8964</c:v>
                </c:pt>
                <c:pt idx="11603">
                  <c:v>23.463799999999999</c:v>
                </c:pt>
                <c:pt idx="11604">
                  <c:v>37.7286</c:v>
                </c:pt>
                <c:pt idx="11605">
                  <c:v>40.700099999999999</c:v>
                </c:pt>
                <c:pt idx="11606">
                  <c:v>36.637099999999997</c:v>
                </c:pt>
                <c:pt idx="11607">
                  <c:v>20.4754</c:v>
                </c:pt>
                <c:pt idx="11608">
                  <c:v>48.799300000000002</c:v>
                </c:pt>
                <c:pt idx="11609">
                  <c:v>48.241100000000003</c:v>
                </c:pt>
                <c:pt idx="11610">
                  <c:v>38.1128</c:v>
                </c:pt>
                <c:pt idx="11611">
                  <c:v>22.291599999999999</c:v>
                </c:pt>
                <c:pt idx="11612">
                  <c:v>22.236699999999999</c:v>
                </c:pt>
                <c:pt idx="11613">
                  <c:v>22.8964</c:v>
                </c:pt>
                <c:pt idx="11614">
                  <c:v>23.463799999999999</c:v>
                </c:pt>
                <c:pt idx="11615">
                  <c:v>34.501300000000001</c:v>
                </c:pt>
                <c:pt idx="11616">
                  <c:v>39.780700000000003</c:v>
                </c:pt>
                <c:pt idx="11617">
                  <c:v>48.336500000000001</c:v>
                </c:pt>
                <c:pt idx="11618">
                  <c:v>51.853499999999997</c:v>
                </c:pt>
                <c:pt idx="11619">
                  <c:v>54.764400000000002</c:v>
                </c:pt>
                <c:pt idx="11620">
                  <c:v>57.656599999999997</c:v>
                </c:pt>
                <c:pt idx="11621">
                  <c:v>62.511600000000001</c:v>
                </c:pt>
                <c:pt idx="11622">
                  <c:v>65.927999999999997</c:v>
                </c:pt>
                <c:pt idx="11623">
                  <c:v>66.84</c:v>
                </c:pt>
                <c:pt idx="11624">
                  <c:v>72.7821</c:v>
                </c:pt>
                <c:pt idx="11625">
                  <c:v>76.265500000000003</c:v>
                </c:pt>
                <c:pt idx="11626">
                  <c:v>37.7286</c:v>
                </c:pt>
                <c:pt idx="11627">
                  <c:v>40.700099999999999</c:v>
                </c:pt>
                <c:pt idx="11628">
                  <c:v>36.637099999999997</c:v>
                </c:pt>
                <c:pt idx="11629">
                  <c:v>20.4754</c:v>
                </c:pt>
                <c:pt idx="11630">
                  <c:v>48.799300000000002</c:v>
                </c:pt>
                <c:pt idx="11631">
                  <c:v>48.241100000000003</c:v>
                </c:pt>
                <c:pt idx="11632">
                  <c:v>38.1128</c:v>
                </c:pt>
                <c:pt idx="11633">
                  <c:v>22.291599999999999</c:v>
                </c:pt>
                <c:pt idx="11634">
                  <c:v>22.236699999999999</c:v>
                </c:pt>
                <c:pt idx="11635">
                  <c:v>22.8964</c:v>
                </c:pt>
                <c:pt idx="11636">
                  <c:v>23.463799999999999</c:v>
                </c:pt>
                <c:pt idx="11637">
                  <c:v>37.7286</c:v>
                </c:pt>
                <c:pt idx="11638">
                  <c:v>40.700099999999999</c:v>
                </c:pt>
                <c:pt idx="11639">
                  <c:v>36.637099999999997</c:v>
                </c:pt>
                <c:pt idx="11640">
                  <c:v>20.4754</c:v>
                </c:pt>
                <c:pt idx="11641">
                  <c:v>48.799300000000002</c:v>
                </c:pt>
                <c:pt idx="11642">
                  <c:v>48.241100000000003</c:v>
                </c:pt>
                <c:pt idx="11643">
                  <c:v>38.1128</c:v>
                </c:pt>
                <c:pt idx="11644">
                  <c:v>22.291599999999999</c:v>
                </c:pt>
                <c:pt idx="11645">
                  <c:v>22.236699999999999</c:v>
                </c:pt>
                <c:pt idx="11646">
                  <c:v>22.8964</c:v>
                </c:pt>
                <c:pt idx="11647">
                  <c:v>23.463799999999999</c:v>
                </c:pt>
                <c:pt idx="11648">
                  <c:v>37.7286</c:v>
                </c:pt>
                <c:pt idx="11649">
                  <c:v>40.700099999999999</c:v>
                </c:pt>
                <c:pt idx="11650">
                  <c:v>36.637099999999997</c:v>
                </c:pt>
                <c:pt idx="11651">
                  <c:v>20.4754</c:v>
                </c:pt>
                <c:pt idx="11652">
                  <c:v>48.799300000000002</c:v>
                </c:pt>
                <c:pt idx="11653">
                  <c:v>48.241100000000003</c:v>
                </c:pt>
                <c:pt idx="11654">
                  <c:v>38.1128</c:v>
                </c:pt>
                <c:pt idx="11655">
                  <c:v>22.291599999999999</c:v>
                </c:pt>
                <c:pt idx="11656">
                  <c:v>22.236699999999999</c:v>
                </c:pt>
                <c:pt idx="11657">
                  <c:v>22.8964</c:v>
                </c:pt>
                <c:pt idx="11658">
                  <c:v>23.463799999999999</c:v>
                </c:pt>
                <c:pt idx="11659">
                  <c:v>37.7286</c:v>
                </c:pt>
                <c:pt idx="11660">
                  <c:v>40.700099999999999</c:v>
                </c:pt>
                <c:pt idx="11661">
                  <c:v>36.637099999999997</c:v>
                </c:pt>
                <c:pt idx="11662">
                  <c:v>20.4754</c:v>
                </c:pt>
                <c:pt idx="11663">
                  <c:v>48.799300000000002</c:v>
                </c:pt>
                <c:pt idx="11664">
                  <c:v>48.241100000000003</c:v>
                </c:pt>
                <c:pt idx="11665">
                  <c:v>38.1128</c:v>
                </c:pt>
                <c:pt idx="11666">
                  <c:v>22.291599999999999</c:v>
                </c:pt>
                <c:pt idx="11667">
                  <c:v>22.236699999999999</c:v>
                </c:pt>
                <c:pt idx="11668">
                  <c:v>22.8964</c:v>
                </c:pt>
                <c:pt idx="11669">
                  <c:v>23.463799999999999</c:v>
                </c:pt>
                <c:pt idx="11670">
                  <c:v>37.7286</c:v>
                </c:pt>
                <c:pt idx="11671">
                  <c:v>40.700099999999999</c:v>
                </c:pt>
                <c:pt idx="11672">
                  <c:v>36.637099999999997</c:v>
                </c:pt>
                <c:pt idx="11673">
                  <c:v>20.4754</c:v>
                </c:pt>
                <c:pt idx="11674">
                  <c:v>48.799300000000002</c:v>
                </c:pt>
                <c:pt idx="11675">
                  <c:v>48.241100000000003</c:v>
                </c:pt>
                <c:pt idx="11676">
                  <c:v>38.1128</c:v>
                </c:pt>
                <c:pt idx="11677">
                  <c:v>22.291599999999999</c:v>
                </c:pt>
                <c:pt idx="11678">
                  <c:v>22.236699999999999</c:v>
                </c:pt>
                <c:pt idx="11679">
                  <c:v>22.8964</c:v>
                </c:pt>
                <c:pt idx="11680">
                  <c:v>23.463799999999999</c:v>
                </c:pt>
                <c:pt idx="11681">
                  <c:v>37.7286</c:v>
                </c:pt>
                <c:pt idx="11682">
                  <c:v>40.700099999999999</c:v>
                </c:pt>
                <c:pt idx="11683">
                  <c:v>36.637099999999997</c:v>
                </c:pt>
                <c:pt idx="11684">
                  <c:v>20.4754</c:v>
                </c:pt>
                <c:pt idx="11685">
                  <c:v>48.799300000000002</c:v>
                </c:pt>
                <c:pt idx="11686">
                  <c:v>48.241100000000003</c:v>
                </c:pt>
                <c:pt idx="11687">
                  <c:v>38.1128</c:v>
                </c:pt>
                <c:pt idx="11688">
                  <c:v>22.291599999999999</c:v>
                </c:pt>
                <c:pt idx="11689">
                  <c:v>22.236699999999999</c:v>
                </c:pt>
                <c:pt idx="11690">
                  <c:v>22.8964</c:v>
                </c:pt>
                <c:pt idx="11691">
                  <c:v>23.463799999999999</c:v>
                </c:pt>
                <c:pt idx="11692">
                  <c:v>37.7286</c:v>
                </c:pt>
                <c:pt idx="11693">
                  <c:v>40.700099999999999</c:v>
                </c:pt>
                <c:pt idx="11694">
                  <c:v>36.637099999999997</c:v>
                </c:pt>
                <c:pt idx="11695">
                  <c:v>20.4754</c:v>
                </c:pt>
                <c:pt idx="11696">
                  <c:v>48.799300000000002</c:v>
                </c:pt>
                <c:pt idx="11697">
                  <c:v>48.241100000000003</c:v>
                </c:pt>
                <c:pt idx="11698">
                  <c:v>38.1128</c:v>
                </c:pt>
                <c:pt idx="11699">
                  <c:v>22.291599999999999</c:v>
                </c:pt>
                <c:pt idx="11700">
                  <c:v>22.236699999999999</c:v>
                </c:pt>
                <c:pt idx="11701">
                  <c:v>22.8964</c:v>
                </c:pt>
                <c:pt idx="11702">
                  <c:v>23.463799999999999</c:v>
                </c:pt>
                <c:pt idx="11703">
                  <c:v>37.7286</c:v>
                </c:pt>
                <c:pt idx="11704">
                  <c:v>40.700099999999999</c:v>
                </c:pt>
                <c:pt idx="11705">
                  <c:v>36.637099999999997</c:v>
                </c:pt>
                <c:pt idx="11706">
                  <c:v>20.4754</c:v>
                </c:pt>
                <c:pt idx="11707">
                  <c:v>48.799300000000002</c:v>
                </c:pt>
                <c:pt idx="11708">
                  <c:v>48.241100000000003</c:v>
                </c:pt>
                <c:pt idx="11709">
                  <c:v>38.1128</c:v>
                </c:pt>
                <c:pt idx="11710">
                  <c:v>22.291599999999999</c:v>
                </c:pt>
                <c:pt idx="11711">
                  <c:v>22.236699999999999</c:v>
                </c:pt>
                <c:pt idx="11712">
                  <c:v>22.8964</c:v>
                </c:pt>
                <c:pt idx="11713">
                  <c:v>23.463799999999999</c:v>
                </c:pt>
                <c:pt idx="11714">
                  <c:v>37.7286</c:v>
                </c:pt>
                <c:pt idx="11715">
                  <c:v>40.700099999999999</c:v>
                </c:pt>
                <c:pt idx="11716">
                  <c:v>36.637099999999997</c:v>
                </c:pt>
                <c:pt idx="11717">
                  <c:v>20.4754</c:v>
                </c:pt>
                <c:pt idx="11718">
                  <c:v>48.799300000000002</c:v>
                </c:pt>
                <c:pt idx="11719">
                  <c:v>48.241100000000003</c:v>
                </c:pt>
                <c:pt idx="11720">
                  <c:v>38.1128</c:v>
                </c:pt>
                <c:pt idx="11721">
                  <c:v>22.291599999999999</c:v>
                </c:pt>
                <c:pt idx="11722">
                  <c:v>22.236699999999999</c:v>
                </c:pt>
                <c:pt idx="11723">
                  <c:v>22.8964</c:v>
                </c:pt>
                <c:pt idx="11724">
                  <c:v>23.463799999999999</c:v>
                </c:pt>
                <c:pt idx="11725">
                  <c:v>37.7286</c:v>
                </c:pt>
                <c:pt idx="11726">
                  <c:v>40.700099999999999</c:v>
                </c:pt>
                <c:pt idx="11727">
                  <c:v>36.637099999999997</c:v>
                </c:pt>
                <c:pt idx="11728">
                  <c:v>20.4754</c:v>
                </c:pt>
                <c:pt idx="11729">
                  <c:v>48.799300000000002</c:v>
                </c:pt>
                <c:pt idx="11730">
                  <c:v>48.241100000000003</c:v>
                </c:pt>
                <c:pt idx="11731">
                  <c:v>38.1128</c:v>
                </c:pt>
                <c:pt idx="11732">
                  <c:v>22.291599999999999</c:v>
                </c:pt>
                <c:pt idx="11733">
                  <c:v>22.236699999999999</c:v>
                </c:pt>
                <c:pt idx="11734">
                  <c:v>22.8964</c:v>
                </c:pt>
                <c:pt idx="11735">
                  <c:v>23.463799999999999</c:v>
                </c:pt>
                <c:pt idx="11736">
                  <c:v>37.7286</c:v>
                </c:pt>
                <c:pt idx="11737">
                  <c:v>40.700099999999999</c:v>
                </c:pt>
                <c:pt idx="11738">
                  <c:v>36.637099999999997</c:v>
                </c:pt>
                <c:pt idx="11739">
                  <c:v>20.4754</c:v>
                </c:pt>
                <c:pt idx="11740">
                  <c:v>48.799300000000002</c:v>
                </c:pt>
                <c:pt idx="11741">
                  <c:v>48.241100000000003</c:v>
                </c:pt>
                <c:pt idx="11742">
                  <c:v>38.1128</c:v>
                </c:pt>
                <c:pt idx="11743">
                  <c:v>22.291599999999999</c:v>
                </c:pt>
                <c:pt idx="11744">
                  <c:v>22.236699999999999</c:v>
                </c:pt>
                <c:pt idx="11745">
                  <c:v>22.8964</c:v>
                </c:pt>
                <c:pt idx="11746">
                  <c:v>23.463799999999999</c:v>
                </c:pt>
                <c:pt idx="11747">
                  <c:v>34.501300000000001</c:v>
                </c:pt>
                <c:pt idx="11748">
                  <c:v>39.780700000000003</c:v>
                </c:pt>
                <c:pt idx="11749">
                  <c:v>48.336500000000001</c:v>
                </c:pt>
                <c:pt idx="11750">
                  <c:v>51.853499999999997</c:v>
                </c:pt>
                <c:pt idx="11751">
                  <c:v>54.764400000000002</c:v>
                </c:pt>
                <c:pt idx="11752">
                  <c:v>57.656599999999997</c:v>
                </c:pt>
                <c:pt idx="11753">
                  <c:v>60.075299999999999</c:v>
                </c:pt>
                <c:pt idx="11754">
                  <c:v>62.552199999999999</c:v>
                </c:pt>
                <c:pt idx="11755">
                  <c:v>63.943600000000004</c:v>
                </c:pt>
                <c:pt idx="11756">
                  <c:v>69.873400000000004</c:v>
                </c:pt>
                <c:pt idx="11757">
                  <c:v>74.047799999999995</c:v>
                </c:pt>
                <c:pt idx="11758">
                  <c:v>37.7286</c:v>
                </c:pt>
                <c:pt idx="11759">
                  <c:v>40.700099999999999</c:v>
                </c:pt>
                <c:pt idx="11760">
                  <c:v>36.637099999999997</c:v>
                </c:pt>
                <c:pt idx="11761">
                  <c:v>20.4754</c:v>
                </c:pt>
                <c:pt idx="11762">
                  <c:v>48.799300000000002</c:v>
                </c:pt>
                <c:pt idx="11763">
                  <c:v>48.241100000000003</c:v>
                </c:pt>
                <c:pt idx="11764">
                  <c:v>38.1128</c:v>
                </c:pt>
                <c:pt idx="11765">
                  <c:v>22.291599999999999</c:v>
                </c:pt>
                <c:pt idx="11766">
                  <c:v>22.236699999999999</c:v>
                </c:pt>
                <c:pt idx="11767">
                  <c:v>22.8964</c:v>
                </c:pt>
                <c:pt idx="11768">
                  <c:v>23.463799999999999</c:v>
                </c:pt>
                <c:pt idx="11769">
                  <c:v>37.7286</c:v>
                </c:pt>
                <c:pt idx="11770">
                  <c:v>40.700099999999999</c:v>
                </c:pt>
                <c:pt idx="11771">
                  <c:v>36.637099999999997</c:v>
                </c:pt>
                <c:pt idx="11772">
                  <c:v>20.4754</c:v>
                </c:pt>
                <c:pt idx="11773">
                  <c:v>48.799300000000002</c:v>
                </c:pt>
                <c:pt idx="11774">
                  <c:v>48.241100000000003</c:v>
                </c:pt>
                <c:pt idx="11775">
                  <c:v>38.1128</c:v>
                </c:pt>
                <c:pt idx="11776">
                  <c:v>22.291599999999999</c:v>
                </c:pt>
                <c:pt idx="11777">
                  <c:v>22.236699999999999</c:v>
                </c:pt>
                <c:pt idx="11778">
                  <c:v>22.8964</c:v>
                </c:pt>
                <c:pt idx="11779">
                  <c:v>23.463799999999999</c:v>
                </c:pt>
                <c:pt idx="11780">
                  <c:v>37.7286</c:v>
                </c:pt>
                <c:pt idx="11781">
                  <c:v>40.700099999999999</c:v>
                </c:pt>
                <c:pt idx="11782">
                  <c:v>36.637099999999997</c:v>
                </c:pt>
                <c:pt idx="11783">
                  <c:v>20.4754</c:v>
                </c:pt>
                <c:pt idx="11784">
                  <c:v>48.799300000000002</c:v>
                </c:pt>
                <c:pt idx="11785">
                  <c:v>48.241100000000003</c:v>
                </c:pt>
                <c:pt idx="11786">
                  <c:v>38.1128</c:v>
                </c:pt>
                <c:pt idx="11787">
                  <c:v>22.291599999999999</c:v>
                </c:pt>
                <c:pt idx="11788">
                  <c:v>22.236699999999999</c:v>
                </c:pt>
                <c:pt idx="11789">
                  <c:v>22.8964</c:v>
                </c:pt>
                <c:pt idx="11790">
                  <c:v>23.463799999999999</c:v>
                </c:pt>
                <c:pt idx="11791">
                  <c:v>37.7286</c:v>
                </c:pt>
                <c:pt idx="11792">
                  <c:v>40.700099999999999</c:v>
                </c:pt>
                <c:pt idx="11793">
                  <c:v>36.637099999999997</c:v>
                </c:pt>
                <c:pt idx="11794">
                  <c:v>20.4754</c:v>
                </c:pt>
                <c:pt idx="11795">
                  <c:v>48.799300000000002</c:v>
                </c:pt>
                <c:pt idx="11796">
                  <c:v>48.241100000000003</c:v>
                </c:pt>
                <c:pt idx="11797">
                  <c:v>38.1128</c:v>
                </c:pt>
                <c:pt idx="11798">
                  <c:v>22.291599999999999</c:v>
                </c:pt>
                <c:pt idx="11799">
                  <c:v>22.236699999999999</c:v>
                </c:pt>
                <c:pt idx="11800">
                  <c:v>22.8964</c:v>
                </c:pt>
                <c:pt idx="11801">
                  <c:v>23.463799999999999</c:v>
                </c:pt>
                <c:pt idx="11802">
                  <c:v>37.7286</c:v>
                </c:pt>
                <c:pt idx="11803">
                  <c:v>40.700099999999999</c:v>
                </c:pt>
                <c:pt idx="11804">
                  <c:v>36.637099999999997</c:v>
                </c:pt>
                <c:pt idx="11805">
                  <c:v>20.4754</c:v>
                </c:pt>
                <c:pt idx="11806">
                  <c:v>48.799300000000002</c:v>
                </c:pt>
                <c:pt idx="11807">
                  <c:v>48.241100000000003</c:v>
                </c:pt>
                <c:pt idx="11808">
                  <c:v>38.1128</c:v>
                </c:pt>
                <c:pt idx="11809">
                  <c:v>22.291599999999999</c:v>
                </c:pt>
                <c:pt idx="11810">
                  <c:v>22.236699999999999</c:v>
                </c:pt>
                <c:pt idx="11811">
                  <c:v>22.8964</c:v>
                </c:pt>
                <c:pt idx="11812">
                  <c:v>23.463799999999999</c:v>
                </c:pt>
                <c:pt idx="11813">
                  <c:v>37.7286</c:v>
                </c:pt>
                <c:pt idx="11814">
                  <c:v>40.700099999999999</c:v>
                </c:pt>
                <c:pt idx="11815">
                  <c:v>36.637099999999997</c:v>
                </c:pt>
                <c:pt idx="11816">
                  <c:v>20.4754</c:v>
                </c:pt>
                <c:pt idx="11817">
                  <c:v>48.799300000000002</c:v>
                </c:pt>
                <c:pt idx="11818">
                  <c:v>48.241100000000003</c:v>
                </c:pt>
                <c:pt idx="11819">
                  <c:v>38.1128</c:v>
                </c:pt>
                <c:pt idx="11820">
                  <c:v>22.291599999999999</c:v>
                </c:pt>
                <c:pt idx="11821">
                  <c:v>22.236699999999999</c:v>
                </c:pt>
                <c:pt idx="11822">
                  <c:v>22.8964</c:v>
                </c:pt>
                <c:pt idx="11823">
                  <c:v>23.463799999999999</c:v>
                </c:pt>
                <c:pt idx="11824">
                  <c:v>37.7286</c:v>
                </c:pt>
                <c:pt idx="11825">
                  <c:v>40.700099999999999</c:v>
                </c:pt>
                <c:pt idx="11826">
                  <c:v>36.637099999999997</c:v>
                </c:pt>
                <c:pt idx="11827">
                  <c:v>20.4754</c:v>
                </c:pt>
                <c:pt idx="11828">
                  <c:v>48.799300000000002</c:v>
                </c:pt>
                <c:pt idx="11829">
                  <c:v>48.241100000000003</c:v>
                </c:pt>
                <c:pt idx="11830">
                  <c:v>38.1128</c:v>
                </c:pt>
                <c:pt idx="11831">
                  <c:v>22.291599999999999</c:v>
                </c:pt>
                <c:pt idx="11832">
                  <c:v>22.236699999999999</c:v>
                </c:pt>
                <c:pt idx="11833">
                  <c:v>22.8964</c:v>
                </c:pt>
                <c:pt idx="11834">
                  <c:v>23.463799999999999</c:v>
                </c:pt>
                <c:pt idx="11835">
                  <c:v>37.7286</c:v>
                </c:pt>
                <c:pt idx="11836">
                  <c:v>40.700099999999999</c:v>
                </c:pt>
                <c:pt idx="11837">
                  <c:v>36.637099999999997</c:v>
                </c:pt>
                <c:pt idx="11838">
                  <c:v>20.4754</c:v>
                </c:pt>
                <c:pt idx="11839">
                  <c:v>48.799300000000002</c:v>
                </c:pt>
                <c:pt idx="11840">
                  <c:v>48.241100000000003</c:v>
                </c:pt>
                <c:pt idx="11841">
                  <c:v>38.1128</c:v>
                </c:pt>
                <c:pt idx="11842">
                  <c:v>22.291599999999999</c:v>
                </c:pt>
                <c:pt idx="11843">
                  <c:v>22.236699999999999</c:v>
                </c:pt>
                <c:pt idx="11844">
                  <c:v>22.8964</c:v>
                </c:pt>
                <c:pt idx="11845">
                  <c:v>23.463799999999999</c:v>
                </c:pt>
                <c:pt idx="11846">
                  <c:v>37.7286</c:v>
                </c:pt>
                <c:pt idx="11847">
                  <c:v>40.700099999999999</c:v>
                </c:pt>
                <c:pt idx="11848">
                  <c:v>36.637099999999997</c:v>
                </c:pt>
                <c:pt idx="11849">
                  <c:v>20.4754</c:v>
                </c:pt>
                <c:pt idx="11850">
                  <c:v>48.799300000000002</c:v>
                </c:pt>
                <c:pt idx="11851">
                  <c:v>48.241100000000003</c:v>
                </c:pt>
                <c:pt idx="11852">
                  <c:v>38.1128</c:v>
                </c:pt>
                <c:pt idx="11853">
                  <c:v>22.291599999999999</c:v>
                </c:pt>
                <c:pt idx="11854">
                  <c:v>22.236699999999999</c:v>
                </c:pt>
                <c:pt idx="11855">
                  <c:v>22.8964</c:v>
                </c:pt>
                <c:pt idx="11856">
                  <c:v>23.463799999999999</c:v>
                </c:pt>
                <c:pt idx="11857">
                  <c:v>37.7286</c:v>
                </c:pt>
                <c:pt idx="11858">
                  <c:v>40.700099999999999</c:v>
                </c:pt>
                <c:pt idx="11859">
                  <c:v>36.637099999999997</c:v>
                </c:pt>
                <c:pt idx="11860">
                  <c:v>20.4754</c:v>
                </c:pt>
                <c:pt idx="11861">
                  <c:v>48.799300000000002</c:v>
                </c:pt>
                <c:pt idx="11862">
                  <c:v>48.241100000000003</c:v>
                </c:pt>
                <c:pt idx="11863">
                  <c:v>38.1128</c:v>
                </c:pt>
                <c:pt idx="11864">
                  <c:v>22.291599999999999</c:v>
                </c:pt>
                <c:pt idx="11865">
                  <c:v>22.236699999999999</c:v>
                </c:pt>
                <c:pt idx="11866">
                  <c:v>22.8964</c:v>
                </c:pt>
                <c:pt idx="11867">
                  <c:v>23.463799999999999</c:v>
                </c:pt>
                <c:pt idx="11868">
                  <c:v>37.7286</c:v>
                </c:pt>
                <c:pt idx="11869">
                  <c:v>40.700099999999999</c:v>
                </c:pt>
                <c:pt idx="11870">
                  <c:v>36.637099999999997</c:v>
                </c:pt>
                <c:pt idx="11871">
                  <c:v>20.4754</c:v>
                </c:pt>
                <c:pt idx="11872">
                  <c:v>48.799300000000002</c:v>
                </c:pt>
                <c:pt idx="11873">
                  <c:v>48.241100000000003</c:v>
                </c:pt>
                <c:pt idx="11874">
                  <c:v>38.1128</c:v>
                </c:pt>
                <c:pt idx="11875">
                  <c:v>22.291599999999999</c:v>
                </c:pt>
                <c:pt idx="11876">
                  <c:v>22.236699999999999</c:v>
                </c:pt>
                <c:pt idx="11877">
                  <c:v>22.8964</c:v>
                </c:pt>
                <c:pt idx="11878">
                  <c:v>23.463799999999999</c:v>
                </c:pt>
                <c:pt idx="11879">
                  <c:v>34.501300000000001</c:v>
                </c:pt>
                <c:pt idx="11880">
                  <c:v>39.780700000000003</c:v>
                </c:pt>
                <c:pt idx="11881">
                  <c:v>48.336500000000001</c:v>
                </c:pt>
                <c:pt idx="11882">
                  <c:v>51.853499999999997</c:v>
                </c:pt>
                <c:pt idx="11883">
                  <c:v>54.764400000000002</c:v>
                </c:pt>
                <c:pt idx="11884">
                  <c:v>57.656599999999997</c:v>
                </c:pt>
                <c:pt idx="11885">
                  <c:v>60.075299999999999</c:v>
                </c:pt>
                <c:pt idx="11886">
                  <c:v>62.4176</c:v>
                </c:pt>
                <c:pt idx="11887">
                  <c:v>61.335500000000003</c:v>
                </c:pt>
                <c:pt idx="11888">
                  <c:v>66.534199999999998</c:v>
                </c:pt>
                <c:pt idx="11889">
                  <c:v>71.174300000000002</c:v>
                </c:pt>
                <c:pt idx="11890">
                  <c:v>37.7286</c:v>
                </c:pt>
                <c:pt idx="11891">
                  <c:v>40.700099999999999</c:v>
                </c:pt>
                <c:pt idx="11892">
                  <c:v>36.637099999999997</c:v>
                </c:pt>
                <c:pt idx="11893">
                  <c:v>20.4754</c:v>
                </c:pt>
                <c:pt idx="11894">
                  <c:v>48.799300000000002</c:v>
                </c:pt>
                <c:pt idx="11895">
                  <c:v>48.241100000000003</c:v>
                </c:pt>
                <c:pt idx="11896">
                  <c:v>38.1128</c:v>
                </c:pt>
                <c:pt idx="11897">
                  <c:v>22.291599999999999</c:v>
                </c:pt>
                <c:pt idx="11898">
                  <c:v>22.236699999999999</c:v>
                </c:pt>
                <c:pt idx="11899">
                  <c:v>22.8964</c:v>
                </c:pt>
                <c:pt idx="11900">
                  <c:v>23.463799999999999</c:v>
                </c:pt>
                <c:pt idx="11901">
                  <c:v>37.7286</c:v>
                </c:pt>
                <c:pt idx="11902">
                  <c:v>40.700099999999999</c:v>
                </c:pt>
                <c:pt idx="11903">
                  <c:v>36.637099999999997</c:v>
                </c:pt>
                <c:pt idx="11904">
                  <c:v>20.4754</c:v>
                </c:pt>
                <c:pt idx="11905">
                  <c:v>48.799300000000002</c:v>
                </c:pt>
                <c:pt idx="11906">
                  <c:v>48.241100000000003</c:v>
                </c:pt>
                <c:pt idx="11907">
                  <c:v>38.1128</c:v>
                </c:pt>
                <c:pt idx="11908">
                  <c:v>22.291599999999999</c:v>
                </c:pt>
                <c:pt idx="11909">
                  <c:v>22.236699999999999</c:v>
                </c:pt>
                <c:pt idx="11910">
                  <c:v>22.8964</c:v>
                </c:pt>
                <c:pt idx="11911">
                  <c:v>23.463799999999999</c:v>
                </c:pt>
                <c:pt idx="11912">
                  <c:v>37.7286</c:v>
                </c:pt>
                <c:pt idx="11913">
                  <c:v>40.700099999999999</c:v>
                </c:pt>
                <c:pt idx="11914">
                  <c:v>36.637099999999997</c:v>
                </c:pt>
                <c:pt idx="11915">
                  <c:v>20.4754</c:v>
                </c:pt>
                <c:pt idx="11916">
                  <c:v>48.799300000000002</c:v>
                </c:pt>
                <c:pt idx="11917">
                  <c:v>48.241100000000003</c:v>
                </c:pt>
                <c:pt idx="11918">
                  <c:v>38.1128</c:v>
                </c:pt>
                <c:pt idx="11919">
                  <c:v>22.291599999999999</c:v>
                </c:pt>
                <c:pt idx="11920">
                  <c:v>22.236699999999999</c:v>
                </c:pt>
                <c:pt idx="11921">
                  <c:v>22.8964</c:v>
                </c:pt>
                <c:pt idx="11922">
                  <c:v>23.463799999999999</c:v>
                </c:pt>
                <c:pt idx="11923">
                  <c:v>37.7286</c:v>
                </c:pt>
                <c:pt idx="11924">
                  <c:v>40.700099999999999</c:v>
                </c:pt>
                <c:pt idx="11925">
                  <c:v>36.637099999999997</c:v>
                </c:pt>
                <c:pt idx="11926">
                  <c:v>20.4754</c:v>
                </c:pt>
                <c:pt idx="11927">
                  <c:v>48.799300000000002</c:v>
                </c:pt>
                <c:pt idx="11928">
                  <c:v>48.241100000000003</c:v>
                </c:pt>
                <c:pt idx="11929">
                  <c:v>38.1128</c:v>
                </c:pt>
                <c:pt idx="11930">
                  <c:v>22.291599999999999</c:v>
                </c:pt>
                <c:pt idx="11931">
                  <c:v>22.236699999999999</c:v>
                </c:pt>
                <c:pt idx="11932">
                  <c:v>22.8964</c:v>
                </c:pt>
                <c:pt idx="11933">
                  <c:v>23.463799999999999</c:v>
                </c:pt>
                <c:pt idx="11934">
                  <c:v>37.7286</c:v>
                </c:pt>
                <c:pt idx="11935">
                  <c:v>40.700099999999999</c:v>
                </c:pt>
                <c:pt idx="11936">
                  <c:v>36.637099999999997</c:v>
                </c:pt>
                <c:pt idx="11937">
                  <c:v>20.4754</c:v>
                </c:pt>
                <c:pt idx="11938">
                  <c:v>48.799300000000002</c:v>
                </c:pt>
                <c:pt idx="11939">
                  <c:v>48.241100000000003</c:v>
                </c:pt>
                <c:pt idx="11940">
                  <c:v>38.1128</c:v>
                </c:pt>
                <c:pt idx="11941">
                  <c:v>22.291599999999999</c:v>
                </c:pt>
                <c:pt idx="11942">
                  <c:v>22.236699999999999</c:v>
                </c:pt>
                <c:pt idx="11943">
                  <c:v>22.8964</c:v>
                </c:pt>
                <c:pt idx="11944">
                  <c:v>23.463799999999999</c:v>
                </c:pt>
                <c:pt idx="11945">
                  <c:v>37.7286</c:v>
                </c:pt>
                <c:pt idx="11946">
                  <c:v>40.700099999999999</c:v>
                </c:pt>
                <c:pt idx="11947">
                  <c:v>36.637099999999997</c:v>
                </c:pt>
                <c:pt idx="11948">
                  <c:v>20.4754</c:v>
                </c:pt>
                <c:pt idx="11949">
                  <c:v>48.799300000000002</c:v>
                </c:pt>
                <c:pt idx="11950">
                  <c:v>48.241100000000003</c:v>
                </c:pt>
                <c:pt idx="11951">
                  <c:v>38.1128</c:v>
                </c:pt>
                <c:pt idx="11952">
                  <c:v>22.291599999999999</c:v>
                </c:pt>
                <c:pt idx="11953">
                  <c:v>22.236699999999999</c:v>
                </c:pt>
                <c:pt idx="11954">
                  <c:v>22.8964</c:v>
                </c:pt>
                <c:pt idx="11955">
                  <c:v>23.463799999999999</c:v>
                </c:pt>
                <c:pt idx="11956">
                  <c:v>37.7286</c:v>
                </c:pt>
                <c:pt idx="11957">
                  <c:v>40.700099999999999</c:v>
                </c:pt>
                <c:pt idx="11958">
                  <c:v>36.637099999999997</c:v>
                </c:pt>
                <c:pt idx="11959">
                  <c:v>20.4754</c:v>
                </c:pt>
                <c:pt idx="11960">
                  <c:v>48.799300000000002</c:v>
                </c:pt>
                <c:pt idx="11961">
                  <c:v>48.241100000000003</c:v>
                </c:pt>
                <c:pt idx="11962">
                  <c:v>38.1128</c:v>
                </c:pt>
                <c:pt idx="11963">
                  <c:v>22.291599999999999</c:v>
                </c:pt>
                <c:pt idx="11964">
                  <c:v>22.236699999999999</c:v>
                </c:pt>
                <c:pt idx="11965">
                  <c:v>22.8964</c:v>
                </c:pt>
                <c:pt idx="11966">
                  <c:v>23.463799999999999</c:v>
                </c:pt>
                <c:pt idx="11967">
                  <c:v>37.7286</c:v>
                </c:pt>
                <c:pt idx="11968">
                  <c:v>40.700099999999999</c:v>
                </c:pt>
                <c:pt idx="11969">
                  <c:v>36.637099999999997</c:v>
                </c:pt>
                <c:pt idx="11970">
                  <c:v>20.4754</c:v>
                </c:pt>
                <c:pt idx="11971">
                  <c:v>48.799300000000002</c:v>
                </c:pt>
                <c:pt idx="11972">
                  <c:v>48.241100000000003</c:v>
                </c:pt>
                <c:pt idx="11973">
                  <c:v>38.1128</c:v>
                </c:pt>
                <c:pt idx="11974">
                  <c:v>22.291599999999999</c:v>
                </c:pt>
                <c:pt idx="11975">
                  <c:v>22.236699999999999</c:v>
                </c:pt>
                <c:pt idx="11976">
                  <c:v>22.8964</c:v>
                </c:pt>
                <c:pt idx="11977">
                  <c:v>23.463799999999999</c:v>
                </c:pt>
                <c:pt idx="11978">
                  <c:v>37.7286</c:v>
                </c:pt>
                <c:pt idx="11979">
                  <c:v>40.700099999999999</c:v>
                </c:pt>
                <c:pt idx="11980">
                  <c:v>36.637099999999997</c:v>
                </c:pt>
                <c:pt idx="11981">
                  <c:v>20.4754</c:v>
                </c:pt>
                <c:pt idx="11982">
                  <c:v>48.799300000000002</c:v>
                </c:pt>
                <c:pt idx="11983">
                  <c:v>48.241100000000003</c:v>
                </c:pt>
                <c:pt idx="11984">
                  <c:v>38.1128</c:v>
                </c:pt>
                <c:pt idx="11985">
                  <c:v>22.291599999999999</c:v>
                </c:pt>
                <c:pt idx="11986">
                  <c:v>22.236699999999999</c:v>
                </c:pt>
                <c:pt idx="11987">
                  <c:v>22.8964</c:v>
                </c:pt>
                <c:pt idx="11988">
                  <c:v>23.463799999999999</c:v>
                </c:pt>
                <c:pt idx="11989">
                  <c:v>37.7286</c:v>
                </c:pt>
                <c:pt idx="11990">
                  <c:v>40.700099999999999</c:v>
                </c:pt>
                <c:pt idx="11991">
                  <c:v>36.637099999999997</c:v>
                </c:pt>
                <c:pt idx="11992">
                  <c:v>20.4754</c:v>
                </c:pt>
                <c:pt idx="11993">
                  <c:v>48.799300000000002</c:v>
                </c:pt>
                <c:pt idx="11994">
                  <c:v>48.241100000000003</c:v>
                </c:pt>
                <c:pt idx="11995">
                  <c:v>38.1128</c:v>
                </c:pt>
                <c:pt idx="11996">
                  <c:v>22.291599999999999</c:v>
                </c:pt>
                <c:pt idx="11997">
                  <c:v>22.236699999999999</c:v>
                </c:pt>
                <c:pt idx="11998">
                  <c:v>22.8964</c:v>
                </c:pt>
                <c:pt idx="11999">
                  <c:v>23.463799999999999</c:v>
                </c:pt>
                <c:pt idx="12000">
                  <c:v>37.7286</c:v>
                </c:pt>
                <c:pt idx="12001">
                  <c:v>40.700099999999999</c:v>
                </c:pt>
                <c:pt idx="12002">
                  <c:v>36.637099999999997</c:v>
                </c:pt>
                <c:pt idx="12003">
                  <c:v>20.4754</c:v>
                </c:pt>
                <c:pt idx="12004">
                  <c:v>48.799300000000002</c:v>
                </c:pt>
                <c:pt idx="12005">
                  <c:v>48.241100000000003</c:v>
                </c:pt>
                <c:pt idx="12006">
                  <c:v>38.1128</c:v>
                </c:pt>
                <c:pt idx="12007">
                  <c:v>22.291599999999999</c:v>
                </c:pt>
                <c:pt idx="12008">
                  <c:v>22.236699999999999</c:v>
                </c:pt>
                <c:pt idx="12009">
                  <c:v>22.8964</c:v>
                </c:pt>
                <c:pt idx="12010">
                  <c:v>23.463799999999999</c:v>
                </c:pt>
                <c:pt idx="12011">
                  <c:v>34.501300000000001</c:v>
                </c:pt>
                <c:pt idx="12012">
                  <c:v>39.780700000000003</c:v>
                </c:pt>
                <c:pt idx="12013">
                  <c:v>48.336500000000001</c:v>
                </c:pt>
                <c:pt idx="12014">
                  <c:v>51.853499999999997</c:v>
                </c:pt>
                <c:pt idx="12015">
                  <c:v>54.764400000000002</c:v>
                </c:pt>
                <c:pt idx="12016">
                  <c:v>57.656599999999997</c:v>
                </c:pt>
                <c:pt idx="12017">
                  <c:v>60.075299999999999</c:v>
                </c:pt>
                <c:pt idx="12018">
                  <c:v>62.4176</c:v>
                </c:pt>
                <c:pt idx="12019">
                  <c:v>61.335500000000003</c:v>
                </c:pt>
                <c:pt idx="12020">
                  <c:v>64.847899999999996</c:v>
                </c:pt>
                <c:pt idx="12021">
                  <c:v>67.904799999999994</c:v>
                </c:pt>
                <c:pt idx="12022">
                  <c:v>37.7286</c:v>
                </c:pt>
                <c:pt idx="12023">
                  <c:v>40.700099999999999</c:v>
                </c:pt>
                <c:pt idx="12024">
                  <c:v>36.637099999999997</c:v>
                </c:pt>
                <c:pt idx="12025">
                  <c:v>20.4754</c:v>
                </c:pt>
                <c:pt idx="12026">
                  <c:v>48.799300000000002</c:v>
                </c:pt>
                <c:pt idx="12027">
                  <c:v>48.241100000000003</c:v>
                </c:pt>
                <c:pt idx="12028">
                  <c:v>38.1128</c:v>
                </c:pt>
                <c:pt idx="12029">
                  <c:v>22.291599999999999</c:v>
                </c:pt>
                <c:pt idx="12030">
                  <c:v>22.236699999999999</c:v>
                </c:pt>
                <c:pt idx="12031">
                  <c:v>22.8964</c:v>
                </c:pt>
                <c:pt idx="12032">
                  <c:v>23.463799999999999</c:v>
                </c:pt>
                <c:pt idx="12033">
                  <c:v>37.7286</c:v>
                </c:pt>
                <c:pt idx="12034">
                  <c:v>40.700099999999999</c:v>
                </c:pt>
                <c:pt idx="12035">
                  <c:v>36.637099999999997</c:v>
                </c:pt>
                <c:pt idx="12036">
                  <c:v>20.4754</c:v>
                </c:pt>
                <c:pt idx="12037">
                  <c:v>48.799300000000002</c:v>
                </c:pt>
                <c:pt idx="12038">
                  <c:v>48.241100000000003</c:v>
                </c:pt>
                <c:pt idx="12039">
                  <c:v>38.1128</c:v>
                </c:pt>
                <c:pt idx="12040">
                  <c:v>22.291599999999999</c:v>
                </c:pt>
                <c:pt idx="12041">
                  <c:v>22.236699999999999</c:v>
                </c:pt>
                <c:pt idx="12042">
                  <c:v>22.8964</c:v>
                </c:pt>
                <c:pt idx="12043">
                  <c:v>23.463799999999999</c:v>
                </c:pt>
                <c:pt idx="12044">
                  <c:v>37.7286</c:v>
                </c:pt>
                <c:pt idx="12045">
                  <c:v>40.700099999999999</c:v>
                </c:pt>
                <c:pt idx="12046">
                  <c:v>36.637099999999997</c:v>
                </c:pt>
                <c:pt idx="12047">
                  <c:v>20.4754</c:v>
                </c:pt>
                <c:pt idx="12048">
                  <c:v>48.799300000000002</c:v>
                </c:pt>
                <c:pt idx="12049">
                  <c:v>48.241100000000003</c:v>
                </c:pt>
                <c:pt idx="12050">
                  <c:v>38.1128</c:v>
                </c:pt>
                <c:pt idx="12051">
                  <c:v>22.291599999999999</c:v>
                </c:pt>
                <c:pt idx="12052">
                  <c:v>22.236699999999999</c:v>
                </c:pt>
                <c:pt idx="12053">
                  <c:v>22.8964</c:v>
                </c:pt>
                <c:pt idx="12054">
                  <c:v>23.463799999999999</c:v>
                </c:pt>
                <c:pt idx="12055">
                  <c:v>37.7286</c:v>
                </c:pt>
                <c:pt idx="12056">
                  <c:v>40.700099999999999</c:v>
                </c:pt>
                <c:pt idx="12057">
                  <c:v>36.637099999999997</c:v>
                </c:pt>
                <c:pt idx="12058">
                  <c:v>20.4754</c:v>
                </c:pt>
                <c:pt idx="12059">
                  <c:v>48.799300000000002</c:v>
                </c:pt>
                <c:pt idx="12060">
                  <c:v>48.241100000000003</c:v>
                </c:pt>
                <c:pt idx="12061">
                  <c:v>38.1128</c:v>
                </c:pt>
                <c:pt idx="12062">
                  <c:v>22.291599999999999</c:v>
                </c:pt>
                <c:pt idx="12063">
                  <c:v>22.236699999999999</c:v>
                </c:pt>
                <c:pt idx="12064">
                  <c:v>22.8964</c:v>
                </c:pt>
                <c:pt idx="12065">
                  <c:v>23.463799999999999</c:v>
                </c:pt>
                <c:pt idx="12066">
                  <c:v>37.7286</c:v>
                </c:pt>
                <c:pt idx="12067">
                  <c:v>40.700099999999999</c:v>
                </c:pt>
                <c:pt idx="12068">
                  <c:v>36.637099999999997</c:v>
                </c:pt>
                <c:pt idx="12069">
                  <c:v>20.4754</c:v>
                </c:pt>
                <c:pt idx="12070">
                  <c:v>48.799300000000002</c:v>
                </c:pt>
                <c:pt idx="12071">
                  <c:v>48.241100000000003</c:v>
                </c:pt>
                <c:pt idx="12072">
                  <c:v>38.1128</c:v>
                </c:pt>
                <c:pt idx="12073">
                  <c:v>22.291599999999999</c:v>
                </c:pt>
                <c:pt idx="12074">
                  <c:v>22.236699999999999</c:v>
                </c:pt>
                <c:pt idx="12075">
                  <c:v>22.8964</c:v>
                </c:pt>
                <c:pt idx="12076">
                  <c:v>23.463799999999999</c:v>
                </c:pt>
                <c:pt idx="12077">
                  <c:v>37.7286</c:v>
                </c:pt>
                <c:pt idx="12078">
                  <c:v>40.700099999999999</c:v>
                </c:pt>
                <c:pt idx="12079">
                  <c:v>36.637099999999997</c:v>
                </c:pt>
                <c:pt idx="12080">
                  <c:v>20.4754</c:v>
                </c:pt>
                <c:pt idx="12081">
                  <c:v>48.799300000000002</c:v>
                </c:pt>
                <c:pt idx="12082">
                  <c:v>48.241100000000003</c:v>
                </c:pt>
                <c:pt idx="12083">
                  <c:v>38.1128</c:v>
                </c:pt>
                <c:pt idx="12084">
                  <c:v>22.291599999999999</c:v>
                </c:pt>
                <c:pt idx="12085">
                  <c:v>22.236699999999999</c:v>
                </c:pt>
                <c:pt idx="12086">
                  <c:v>22.8964</c:v>
                </c:pt>
                <c:pt idx="12087">
                  <c:v>23.463799999999999</c:v>
                </c:pt>
                <c:pt idx="12088">
                  <c:v>37.7286</c:v>
                </c:pt>
                <c:pt idx="12089">
                  <c:v>40.700099999999999</c:v>
                </c:pt>
                <c:pt idx="12090">
                  <c:v>36.637099999999997</c:v>
                </c:pt>
                <c:pt idx="12091">
                  <c:v>20.4754</c:v>
                </c:pt>
                <c:pt idx="12092">
                  <c:v>48.799300000000002</c:v>
                </c:pt>
                <c:pt idx="12093">
                  <c:v>48.241100000000003</c:v>
                </c:pt>
                <c:pt idx="12094">
                  <c:v>38.1128</c:v>
                </c:pt>
                <c:pt idx="12095">
                  <c:v>22.291599999999999</c:v>
                </c:pt>
                <c:pt idx="12096">
                  <c:v>22.236699999999999</c:v>
                </c:pt>
                <c:pt idx="12097">
                  <c:v>22.8964</c:v>
                </c:pt>
                <c:pt idx="12098">
                  <c:v>23.463799999999999</c:v>
                </c:pt>
                <c:pt idx="12099">
                  <c:v>37.7286</c:v>
                </c:pt>
                <c:pt idx="12100">
                  <c:v>40.700099999999999</c:v>
                </c:pt>
                <c:pt idx="12101">
                  <c:v>36.637099999999997</c:v>
                </c:pt>
                <c:pt idx="12102">
                  <c:v>20.4754</c:v>
                </c:pt>
                <c:pt idx="12103">
                  <c:v>48.799300000000002</c:v>
                </c:pt>
                <c:pt idx="12104">
                  <c:v>48.241100000000003</c:v>
                </c:pt>
                <c:pt idx="12105">
                  <c:v>38.1128</c:v>
                </c:pt>
                <c:pt idx="12106">
                  <c:v>22.291599999999999</c:v>
                </c:pt>
                <c:pt idx="12107">
                  <c:v>22.236699999999999</c:v>
                </c:pt>
                <c:pt idx="12108">
                  <c:v>22.8964</c:v>
                </c:pt>
                <c:pt idx="12109">
                  <c:v>23.463799999999999</c:v>
                </c:pt>
                <c:pt idx="12110">
                  <c:v>37.7286</c:v>
                </c:pt>
                <c:pt idx="12111">
                  <c:v>40.700099999999999</c:v>
                </c:pt>
                <c:pt idx="12112">
                  <c:v>36.637099999999997</c:v>
                </c:pt>
                <c:pt idx="12113">
                  <c:v>20.4754</c:v>
                </c:pt>
                <c:pt idx="12114">
                  <c:v>48.799300000000002</c:v>
                </c:pt>
                <c:pt idx="12115">
                  <c:v>48.241100000000003</c:v>
                </c:pt>
                <c:pt idx="12116">
                  <c:v>38.1128</c:v>
                </c:pt>
                <c:pt idx="12117">
                  <c:v>22.291599999999999</c:v>
                </c:pt>
                <c:pt idx="12118">
                  <c:v>22.236699999999999</c:v>
                </c:pt>
                <c:pt idx="12119">
                  <c:v>22.8964</c:v>
                </c:pt>
                <c:pt idx="12120">
                  <c:v>23.463799999999999</c:v>
                </c:pt>
                <c:pt idx="12121">
                  <c:v>37.7286</c:v>
                </c:pt>
                <c:pt idx="12122">
                  <c:v>40.700099999999999</c:v>
                </c:pt>
                <c:pt idx="12123">
                  <c:v>36.637099999999997</c:v>
                </c:pt>
                <c:pt idx="12124">
                  <c:v>20.4754</c:v>
                </c:pt>
                <c:pt idx="12125">
                  <c:v>48.799300000000002</c:v>
                </c:pt>
                <c:pt idx="12126">
                  <c:v>48.241100000000003</c:v>
                </c:pt>
                <c:pt idx="12127">
                  <c:v>38.1128</c:v>
                </c:pt>
                <c:pt idx="12128">
                  <c:v>22.291599999999999</c:v>
                </c:pt>
                <c:pt idx="12129">
                  <c:v>22.236699999999999</c:v>
                </c:pt>
                <c:pt idx="12130">
                  <c:v>22.8964</c:v>
                </c:pt>
                <c:pt idx="12131">
                  <c:v>23.463799999999999</c:v>
                </c:pt>
                <c:pt idx="12132">
                  <c:v>37.7286</c:v>
                </c:pt>
                <c:pt idx="12133">
                  <c:v>40.700099999999999</c:v>
                </c:pt>
                <c:pt idx="12134">
                  <c:v>36.637099999999997</c:v>
                </c:pt>
                <c:pt idx="12135">
                  <c:v>20.4754</c:v>
                </c:pt>
                <c:pt idx="12136">
                  <c:v>48.799300000000002</c:v>
                </c:pt>
                <c:pt idx="12137">
                  <c:v>48.241100000000003</c:v>
                </c:pt>
                <c:pt idx="12138">
                  <c:v>38.1128</c:v>
                </c:pt>
                <c:pt idx="12139">
                  <c:v>22.291599999999999</c:v>
                </c:pt>
                <c:pt idx="12140">
                  <c:v>22.236699999999999</c:v>
                </c:pt>
                <c:pt idx="12141">
                  <c:v>22.8964</c:v>
                </c:pt>
                <c:pt idx="12142">
                  <c:v>23.463799999999999</c:v>
                </c:pt>
                <c:pt idx="12143">
                  <c:v>34.501300000000001</c:v>
                </c:pt>
                <c:pt idx="12144">
                  <c:v>39.780700000000003</c:v>
                </c:pt>
                <c:pt idx="12145">
                  <c:v>48.336500000000001</c:v>
                </c:pt>
                <c:pt idx="12146">
                  <c:v>51.853499999999997</c:v>
                </c:pt>
                <c:pt idx="12147">
                  <c:v>54.764400000000002</c:v>
                </c:pt>
                <c:pt idx="12148">
                  <c:v>57.656599999999997</c:v>
                </c:pt>
                <c:pt idx="12149">
                  <c:v>60.075299999999999</c:v>
                </c:pt>
                <c:pt idx="12150">
                  <c:v>62.4176</c:v>
                </c:pt>
                <c:pt idx="12151">
                  <c:v>61.335500000000003</c:v>
                </c:pt>
                <c:pt idx="12152">
                  <c:v>64.847899999999996</c:v>
                </c:pt>
                <c:pt idx="12153">
                  <c:v>66.729600000000005</c:v>
                </c:pt>
                <c:pt idx="12154">
                  <c:v>37.7286</c:v>
                </c:pt>
                <c:pt idx="12155">
                  <c:v>40.700099999999999</c:v>
                </c:pt>
                <c:pt idx="12156">
                  <c:v>36.637099999999997</c:v>
                </c:pt>
                <c:pt idx="12157">
                  <c:v>20.4754</c:v>
                </c:pt>
                <c:pt idx="12158">
                  <c:v>48.799300000000002</c:v>
                </c:pt>
                <c:pt idx="12159">
                  <c:v>48.241100000000003</c:v>
                </c:pt>
                <c:pt idx="12160">
                  <c:v>38.1128</c:v>
                </c:pt>
                <c:pt idx="12161">
                  <c:v>22.291599999999999</c:v>
                </c:pt>
                <c:pt idx="12162">
                  <c:v>22.236699999999999</c:v>
                </c:pt>
                <c:pt idx="12163">
                  <c:v>22.8964</c:v>
                </c:pt>
                <c:pt idx="12164">
                  <c:v>23.463799999999999</c:v>
                </c:pt>
                <c:pt idx="12165">
                  <c:v>37.7286</c:v>
                </c:pt>
                <c:pt idx="12166">
                  <c:v>40.700099999999999</c:v>
                </c:pt>
                <c:pt idx="12167">
                  <c:v>36.637099999999997</c:v>
                </c:pt>
                <c:pt idx="12168">
                  <c:v>20.4754</c:v>
                </c:pt>
                <c:pt idx="12169">
                  <c:v>48.799300000000002</c:v>
                </c:pt>
                <c:pt idx="12170">
                  <c:v>48.241100000000003</c:v>
                </c:pt>
                <c:pt idx="12171">
                  <c:v>38.1128</c:v>
                </c:pt>
                <c:pt idx="12172">
                  <c:v>22.291599999999999</c:v>
                </c:pt>
                <c:pt idx="12173">
                  <c:v>22.236699999999999</c:v>
                </c:pt>
                <c:pt idx="12174">
                  <c:v>22.8964</c:v>
                </c:pt>
                <c:pt idx="12175">
                  <c:v>23.463799999999999</c:v>
                </c:pt>
                <c:pt idx="12176">
                  <c:v>37.7286</c:v>
                </c:pt>
                <c:pt idx="12177">
                  <c:v>40.700099999999999</c:v>
                </c:pt>
                <c:pt idx="12178">
                  <c:v>36.637099999999997</c:v>
                </c:pt>
                <c:pt idx="12179">
                  <c:v>20.4754</c:v>
                </c:pt>
                <c:pt idx="12180">
                  <c:v>48.799300000000002</c:v>
                </c:pt>
                <c:pt idx="12181">
                  <c:v>48.241100000000003</c:v>
                </c:pt>
                <c:pt idx="12182">
                  <c:v>38.1128</c:v>
                </c:pt>
                <c:pt idx="12183">
                  <c:v>22.291599999999999</c:v>
                </c:pt>
                <c:pt idx="12184">
                  <c:v>22.236699999999999</c:v>
                </c:pt>
                <c:pt idx="12185">
                  <c:v>22.8964</c:v>
                </c:pt>
                <c:pt idx="12186">
                  <c:v>23.463799999999999</c:v>
                </c:pt>
                <c:pt idx="12187">
                  <c:v>37.7286</c:v>
                </c:pt>
                <c:pt idx="12188">
                  <c:v>40.700099999999999</c:v>
                </c:pt>
                <c:pt idx="12189">
                  <c:v>36.637099999999997</c:v>
                </c:pt>
                <c:pt idx="12190">
                  <c:v>20.4754</c:v>
                </c:pt>
                <c:pt idx="12191">
                  <c:v>48.799300000000002</c:v>
                </c:pt>
                <c:pt idx="12192">
                  <c:v>48.241100000000003</c:v>
                </c:pt>
                <c:pt idx="12193">
                  <c:v>38.1128</c:v>
                </c:pt>
                <c:pt idx="12194">
                  <c:v>22.291599999999999</c:v>
                </c:pt>
                <c:pt idx="12195">
                  <c:v>22.236699999999999</c:v>
                </c:pt>
                <c:pt idx="12196">
                  <c:v>22.8964</c:v>
                </c:pt>
                <c:pt idx="12197">
                  <c:v>23.463799999999999</c:v>
                </c:pt>
                <c:pt idx="12198">
                  <c:v>37.7286</c:v>
                </c:pt>
                <c:pt idx="12199">
                  <c:v>40.700099999999999</c:v>
                </c:pt>
                <c:pt idx="12200">
                  <c:v>36.637099999999997</c:v>
                </c:pt>
                <c:pt idx="12201">
                  <c:v>20.4754</c:v>
                </c:pt>
                <c:pt idx="12202">
                  <c:v>48.799300000000002</c:v>
                </c:pt>
                <c:pt idx="12203">
                  <c:v>48.241100000000003</c:v>
                </c:pt>
                <c:pt idx="12204">
                  <c:v>38.1128</c:v>
                </c:pt>
                <c:pt idx="12205">
                  <c:v>22.291599999999999</c:v>
                </c:pt>
                <c:pt idx="12206">
                  <c:v>22.236699999999999</c:v>
                </c:pt>
                <c:pt idx="12207">
                  <c:v>22.8964</c:v>
                </c:pt>
                <c:pt idx="12208">
                  <c:v>23.463799999999999</c:v>
                </c:pt>
                <c:pt idx="12209">
                  <c:v>37.7286</c:v>
                </c:pt>
                <c:pt idx="12210">
                  <c:v>40.700099999999999</c:v>
                </c:pt>
                <c:pt idx="12211">
                  <c:v>36.637099999999997</c:v>
                </c:pt>
                <c:pt idx="12212">
                  <c:v>20.4754</c:v>
                </c:pt>
                <c:pt idx="12213">
                  <c:v>48.799300000000002</c:v>
                </c:pt>
                <c:pt idx="12214">
                  <c:v>48.241100000000003</c:v>
                </c:pt>
                <c:pt idx="12215">
                  <c:v>38.1128</c:v>
                </c:pt>
                <c:pt idx="12216">
                  <c:v>22.291599999999999</c:v>
                </c:pt>
                <c:pt idx="12217">
                  <c:v>22.236699999999999</c:v>
                </c:pt>
                <c:pt idx="12218">
                  <c:v>22.8964</c:v>
                </c:pt>
                <c:pt idx="12219">
                  <c:v>23.463799999999999</c:v>
                </c:pt>
                <c:pt idx="12220">
                  <c:v>37.7286</c:v>
                </c:pt>
                <c:pt idx="12221">
                  <c:v>40.700099999999999</c:v>
                </c:pt>
                <c:pt idx="12222">
                  <c:v>36.637099999999997</c:v>
                </c:pt>
                <c:pt idx="12223">
                  <c:v>20.4754</c:v>
                </c:pt>
                <c:pt idx="12224">
                  <c:v>48.799300000000002</c:v>
                </c:pt>
                <c:pt idx="12225">
                  <c:v>48.241100000000003</c:v>
                </c:pt>
                <c:pt idx="12226">
                  <c:v>38.1128</c:v>
                </c:pt>
                <c:pt idx="12227">
                  <c:v>22.291599999999999</c:v>
                </c:pt>
                <c:pt idx="12228">
                  <c:v>22.236699999999999</c:v>
                </c:pt>
                <c:pt idx="12229">
                  <c:v>22.8964</c:v>
                </c:pt>
                <c:pt idx="12230">
                  <c:v>23.463799999999999</c:v>
                </c:pt>
                <c:pt idx="12231">
                  <c:v>37.7286</c:v>
                </c:pt>
                <c:pt idx="12232">
                  <c:v>40.700099999999999</c:v>
                </c:pt>
                <c:pt idx="12233">
                  <c:v>36.637099999999997</c:v>
                </c:pt>
                <c:pt idx="12234">
                  <c:v>20.4754</c:v>
                </c:pt>
                <c:pt idx="12235">
                  <c:v>48.799300000000002</c:v>
                </c:pt>
                <c:pt idx="12236">
                  <c:v>48.241100000000003</c:v>
                </c:pt>
                <c:pt idx="12237">
                  <c:v>38.1128</c:v>
                </c:pt>
                <c:pt idx="12238">
                  <c:v>22.291599999999999</c:v>
                </c:pt>
                <c:pt idx="12239">
                  <c:v>22.236699999999999</c:v>
                </c:pt>
                <c:pt idx="12240">
                  <c:v>22.8964</c:v>
                </c:pt>
                <c:pt idx="12241">
                  <c:v>23.463799999999999</c:v>
                </c:pt>
                <c:pt idx="12242">
                  <c:v>37.7286</c:v>
                </c:pt>
                <c:pt idx="12243">
                  <c:v>40.700099999999999</c:v>
                </c:pt>
                <c:pt idx="12244">
                  <c:v>36.637099999999997</c:v>
                </c:pt>
                <c:pt idx="12245">
                  <c:v>20.4754</c:v>
                </c:pt>
                <c:pt idx="12246">
                  <c:v>48.799300000000002</c:v>
                </c:pt>
                <c:pt idx="12247">
                  <c:v>48.241100000000003</c:v>
                </c:pt>
                <c:pt idx="12248">
                  <c:v>38.1128</c:v>
                </c:pt>
                <c:pt idx="12249">
                  <c:v>22.291599999999999</c:v>
                </c:pt>
                <c:pt idx="12250">
                  <c:v>22.236699999999999</c:v>
                </c:pt>
                <c:pt idx="12251">
                  <c:v>22.8964</c:v>
                </c:pt>
                <c:pt idx="12252">
                  <c:v>23.463799999999999</c:v>
                </c:pt>
                <c:pt idx="12253">
                  <c:v>37.7286</c:v>
                </c:pt>
                <c:pt idx="12254">
                  <c:v>40.700099999999999</c:v>
                </c:pt>
                <c:pt idx="12255">
                  <c:v>36.637099999999997</c:v>
                </c:pt>
                <c:pt idx="12256">
                  <c:v>20.4754</c:v>
                </c:pt>
                <c:pt idx="12257">
                  <c:v>48.799300000000002</c:v>
                </c:pt>
                <c:pt idx="12258">
                  <c:v>48.241100000000003</c:v>
                </c:pt>
                <c:pt idx="12259">
                  <c:v>38.1128</c:v>
                </c:pt>
                <c:pt idx="12260">
                  <c:v>22.291599999999999</c:v>
                </c:pt>
                <c:pt idx="12261">
                  <c:v>22.236699999999999</c:v>
                </c:pt>
                <c:pt idx="12262">
                  <c:v>22.8964</c:v>
                </c:pt>
                <c:pt idx="12263">
                  <c:v>23.463799999999999</c:v>
                </c:pt>
                <c:pt idx="12264">
                  <c:v>37.7286</c:v>
                </c:pt>
                <c:pt idx="12265">
                  <c:v>40.700099999999999</c:v>
                </c:pt>
                <c:pt idx="12266">
                  <c:v>36.637099999999997</c:v>
                </c:pt>
                <c:pt idx="12267">
                  <c:v>20.4754</c:v>
                </c:pt>
                <c:pt idx="12268">
                  <c:v>48.799300000000002</c:v>
                </c:pt>
                <c:pt idx="12269">
                  <c:v>48.241100000000003</c:v>
                </c:pt>
                <c:pt idx="12270">
                  <c:v>38.1128</c:v>
                </c:pt>
                <c:pt idx="12271">
                  <c:v>22.291599999999999</c:v>
                </c:pt>
                <c:pt idx="12272">
                  <c:v>22.236699999999999</c:v>
                </c:pt>
                <c:pt idx="12273">
                  <c:v>22.8964</c:v>
                </c:pt>
                <c:pt idx="12274">
                  <c:v>23.463799999999999</c:v>
                </c:pt>
                <c:pt idx="12275">
                  <c:v>34.501300000000001</c:v>
                </c:pt>
                <c:pt idx="12276">
                  <c:v>39.780700000000003</c:v>
                </c:pt>
                <c:pt idx="12277">
                  <c:v>48.336500000000001</c:v>
                </c:pt>
                <c:pt idx="12278">
                  <c:v>51.853499999999997</c:v>
                </c:pt>
                <c:pt idx="12279">
                  <c:v>54.764400000000002</c:v>
                </c:pt>
                <c:pt idx="12280">
                  <c:v>57.656599999999997</c:v>
                </c:pt>
                <c:pt idx="12281">
                  <c:v>60.075299999999999</c:v>
                </c:pt>
                <c:pt idx="12282">
                  <c:v>62.4176</c:v>
                </c:pt>
                <c:pt idx="12283">
                  <c:v>61.335500000000003</c:v>
                </c:pt>
                <c:pt idx="12284">
                  <c:v>64.847899999999996</c:v>
                </c:pt>
                <c:pt idx="12285">
                  <c:v>66.729600000000005</c:v>
                </c:pt>
                <c:pt idx="12286">
                  <c:v>37.7286</c:v>
                </c:pt>
                <c:pt idx="12287">
                  <c:v>40.700099999999999</c:v>
                </c:pt>
                <c:pt idx="12288">
                  <c:v>36.637099999999997</c:v>
                </c:pt>
                <c:pt idx="12289">
                  <c:v>20.4754</c:v>
                </c:pt>
                <c:pt idx="12290">
                  <c:v>48.799300000000002</c:v>
                </c:pt>
                <c:pt idx="12291">
                  <c:v>48.241100000000003</c:v>
                </c:pt>
                <c:pt idx="12292">
                  <c:v>38.1128</c:v>
                </c:pt>
                <c:pt idx="12293">
                  <c:v>22.291599999999999</c:v>
                </c:pt>
                <c:pt idx="12294">
                  <c:v>22.236699999999999</c:v>
                </c:pt>
                <c:pt idx="12295">
                  <c:v>22.8964</c:v>
                </c:pt>
                <c:pt idx="12296">
                  <c:v>23.463799999999999</c:v>
                </c:pt>
                <c:pt idx="12297">
                  <c:v>37.7286</c:v>
                </c:pt>
                <c:pt idx="12298">
                  <c:v>40.700099999999999</c:v>
                </c:pt>
                <c:pt idx="12299">
                  <c:v>36.637099999999997</c:v>
                </c:pt>
                <c:pt idx="12300">
                  <c:v>20.4754</c:v>
                </c:pt>
                <c:pt idx="12301">
                  <c:v>48.799300000000002</c:v>
                </c:pt>
                <c:pt idx="12302">
                  <c:v>48.241100000000003</c:v>
                </c:pt>
                <c:pt idx="12303">
                  <c:v>38.1128</c:v>
                </c:pt>
                <c:pt idx="12304">
                  <c:v>22.291599999999999</c:v>
                </c:pt>
                <c:pt idx="12305">
                  <c:v>22.236699999999999</c:v>
                </c:pt>
                <c:pt idx="12306">
                  <c:v>22.8964</c:v>
                </c:pt>
                <c:pt idx="12307">
                  <c:v>23.463799999999999</c:v>
                </c:pt>
                <c:pt idx="12308">
                  <c:v>37.7286</c:v>
                </c:pt>
                <c:pt idx="12309">
                  <c:v>40.700099999999999</c:v>
                </c:pt>
                <c:pt idx="12310">
                  <c:v>36.637099999999997</c:v>
                </c:pt>
                <c:pt idx="12311">
                  <c:v>20.4754</c:v>
                </c:pt>
                <c:pt idx="12312">
                  <c:v>48.799300000000002</c:v>
                </c:pt>
                <c:pt idx="12313">
                  <c:v>48.241100000000003</c:v>
                </c:pt>
                <c:pt idx="12314">
                  <c:v>38.1128</c:v>
                </c:pt>
                <c:pt idx="12315">
                  <c:v>22.291599999999999</c:v>
                </c:pt>
                <c:pt idx="12316">
                  <c:v>22.236699999999999</c:v>
                </c:pt>
                <c:pt idx="12317">
                  <c:v>22.8964</c:v>
                </c:pt>
                <c:pt idx="12318">
                  <c:v>23.463799999999999</c:v>
                </c:pt>
                <c:pt idx="12319">
                  <c:v>37.7286</c:v>
                </c:pt>
                <c:pt idx="12320">
                  <c:v>40.700099999999999</c:v>
                </c:pt>
                <c:pt idx="12321">
                  <c:v>36.637099999999997</c:v>
                </c:pt>
                <c:pt idx="12322">
                  <c:v>20.4754</c:v>
                </c:pt>
                <c:pt idx="12323">
                  <c:v>48.799300000000002</c:v>
                </c:pt>
                <c:pt idx="12324">
                  <c:v>48.241100000000003</c:v>
                </c:pt>
                <c:pt idx="12325">
                  <c:v>38.1128</c:v>
                </c:pt>
                <c:pt idx="12326">
                  <c:v>22.291599999999999</c:v>
                </c:pt>
                <c:pt idx="12327">
                  <c:v>22.236699999999999</c:v>
                </c:pt>
                <c:pt idx="12328">
                  <c:v>22.8964</c:v>
                </c:pt>
                <c:pt idx="12329">
                  <c:v>23.463799999999999</c:v>
                </c:pt>
                <c:pt idx="12330">
                  <c:v>37.7286</c:v>
                </c:pt>
                <c:pt idx="12331">
                  <c:v>40.700099999999999</c:v>
                </c:pt>
                <c:pt idx="12332">
                  <c:v>36.637099999999997</c:v>
                </c:pt>
                <c:pt idx="12333">
                  <c:v>20.4754</c:v>
                </c:pt>
                <c:pt idx="12334">
                  <c:v>48.799300000000002</c:v>
                </c:pt>
                <c:pt idx="12335">
                  <c:v>48.241100000000003</c:v>
                </c:pt>
                <c:pt idx="12336">
                  <c:v>38.1128</c:v>
                </c:pt>
                <c:pt idx="12337">
                  <c:v>22.291599999999999</c:v>
                </c:pt>
                <c:pt idx="12338">
                  <c:v>22.236699999999999</c:v>
                </c:pt>
                <c:pt idx="12339">
                  <c:v>22.8964</c:v>
                </c:pt>
                <c:pt idx="12340">
                  <c:v>23.463799999999999</c:v>
                </c:pt>
                <c:pt idx="12341">
                  <c:v>37.7286</c:v>
                </c:pt>
                <c:pt idx="12342">
                  <c:v>40.700099999999999</c:v>
                </c:pt>
                <c:pt idx="12343">
                  <c:v>36.637099999999997</c:v>
                </c:pt>
                <c:pt idx="12344">
                  <c:v>20.4754</c:v>
                </c:pt>
                <c:pt idx="12345">
                  <c:v>48.799300000000002</c:v>
                </c:pt>
                <c:pt idx="12346">
                  <c:v>48.241100000000003</c:v>
                </c:pt>
                <c:pt idx="12347">
                  <c:v>38.1128</c:v>
                </c:pt>
                <c:pt idx="12348">
                  <c:v>22.291599999999999</c:v>
                </c:pt>
                <c:pt idx="12349">
                  <c:v>22.236699999999999</c:v>
                </c:pt>
                <c:pt idx="12350">
                  <c:v>22.8964</c:v>
                </c:pt>
                <c:pt idx="12351">
                  <c:v>23.463799999999999</c:v>
                </c:pt>
                <c:pt idx="12352">
                  <c:v>37.7286</c:v>
                </c:pt>
                <c:pt idx="12353">
                  <c:v>40.700099999999999</c:v>
                </c:pt>
                <c:pt idx="12354">
                  <c:v>36.637099999999997</c:v>
                </c:pt>
                <c:pt idx="12355">
                  <c:v>20.4754</c:v>
                </c:pt>
                <c:pt idx="12356">
                  <c:v>48.799300000000002</c:v>
                </c:pt>
                <c:pt idx="12357">
                  <c:v>48.241100000000003</c:v>
                </c:pt>
                <c:pt idx="12358">
                  <c:v>38.1128</c:v>
                </c:pt>
                <c:pt idx="12359">
                  <c:v>22.291599999999999</c:v>
                </c:pt>
                <c:pt idx="12360">
                  <c:v>22.236699999999999</c:v>
                </c:pt>
                <c:pt idx="12361">
                  <c:v>22.8964</c:v>
                </c:pt>
                <c:pt idx="12362">
                  <c:v>23.463799999999999</c:v>
                </c:pt>
                <c:pt idx="12363">
                  <c:v>37.7286</c:v>
                </c:pt>
                <c:pt idx="12364">
                  <c:v>40.700099999999999</c:v>
                </c:pt>
                <c:pt idx="12365">
                  <c:v>36.637099999999997</c:v>
                </c:pt>
                <c:pt idx="12366">
                  <c:v>20.4754</c:v>
                </c:pt>
                <c:pt idx="12367">
                  <c:v>48.799300000000002</c:v>
                </c:pt>
                <c:pt idx="12368">
                  <c:v>48.241100000000003</c:v>
                </c:pt>
                <c:pt idx="12369">
                  <c:v>38.1128</c:v>
                </c:pt>
                <c:pt idx="12370">
                  <c:v>22.291599999999999</c:v>
                </c:pt>
                <c:pt idx="12371">
                  <c:v>22.236699999999999</c:v>
                </c:pt>
                <c:pt idx="12372">
                  <c:v>22.8964</c:v>
                </c:pt>
                <c:pt idx="12373">
                  <c:v>23.463799999999999</c:v>
                </c:pt>
                <c:pt idx="12374">
                  <c:v>37.7286</c:v>
                </c:pt>
                <c:pt idx="12375">
                  <c:v>40.700099999999999</c:v>
                </c:pt>
                <c:pt idx="12376">
                  <c:v>36.637099999999997</c:v>
                </c:pt>
                <c:pt idx="12377">
                  <c:v>20.4754</c:v>
                </c:pt>
                <c:pt idx="12378">
                  <c:v>48.799300000000002</c:v>
                </c:pt>
                <c:pt idx="12379">
                  <c:v>48.241100000000003</c:v>
                </c:pt>
                <c:pt idx="12380">
                  <c:v>38.1128</c:v>
                </c:pt>
                <c:pt idx="12381">
                  <c:v>22.291599999999999</c:v>
                </c:pt>
                <c:pt idx="12382">
                  <c:v>22.236699999999999</c:v>
                </c:pt>
                <c:pt idx="12383">
                  <c:v>22.8964</c:v>
                </c:pt>
                <c:pt idx="12384">
                  <c:v>23.463799999999999</c:v>
                </c:pt>
                <c:pt idx="12385">
                  <c:v>37.7286</c:v>
                </c:pt>
                <c:pt idx="12386">
                  <c:v>40.700099999999999</c:v>
                </c:pt>
                <c:pt idx="12387">
                  <c:v>36.637099999999997</c:v>
                </c:pt>
                <c:pt idx="12388">
                  <c:v>20.4754</c:v>
                </c:pt>
                <c:pt idx="12389">
                  <c:v>48.799300000000002</c:v>
                </c:pt>
                <c:pt idx="12390">
                  <c:v>48.241100000000003</c:v>
                </c:pt>
                <c:pt idx="12391">
                  <c:v>38.1128</c:v>
                </c:pt>
                <c:pt idx="12392">
                  <c:v>22.291599999999999</c:v>
                </c:pt>
                <c:pt idx="12393">
                  <c:v>22.236699999999999</c:v>
                </c:pt>
                <c:pt idx="12394">
                  <c:v>22.8964</c:v>
                </c:pt>
                <c:pt idx="12395">
                  <c:v>23.463799999999999</c:v>
                </c:pt>
                <c:pt idx="12396">
                  <c:v>37.7286</c:v>
                </c:pt>
                <c:pt idx="12397">
                  <c:v>40.700099999999999</c:v>
                </c:pt>
                <c:pt idx="12398">
                  <c:v>36.637099999999997</c:v>
                </c:pt>
                <c:pt idx="12399">
                  <c:v>20.4754</c:v>
                </c:pt>
                <c:pt idx="12400">
                  <c:v>48.799300000000002</c:v>
                </c:pt>
                <c:pt idx="12401">
                  <c:v>48.241100000000003</c:v>
                </c:pt>
                <c:pt idx="12402">
                  <c:v>38.1128</c:v>
                </c:pt>
                <c:pt idx="12403">
                  <c:v>22.291599999999999</c:v>
                </c:pt>
                <c:pt idx="12404">
                  <c:v>22.236699999999999</c:v>
                </c:pt>
                <c:pt idx="12405">
                  <c:v>22.8964</c:v>
                </c:pt>
                <c:pt idx="12406">
                  <c:v>23.463799999999999</c:v>
                </c:pt>
                <c:pt idx="12407">
                  <c:v>34.501300000000001</c:v>
                </c:pt>
                <c:pt idx="12408">
                  <c:v>39.780700000000003</c:v>
                </c:pt>
                <c:pt idx="12409">
                  <c:v>48.336500000000001</c:v>
                </c:pt>
                <c:pt idx="12410">
                  <c:v>51.853499999999997</c:v>
                </c:pt>
                <c:pt idx="12411">
                  <c:v>54.764400000000002</c:v>
                </c:pt>
                <c:pt idx="12412">
                  <c:v>57.656599999999997</c:v>
                </c:pt>
                <c:pt idx="12413">
                  <c:v>60.075299999999999</c:v>
                </c:pt>
                <c:pt idx="12414">
                  <c:v>62.4176</c:v>
                </c:pt>
                <c:pt idx="12415">
                  <c:v>61.335500000000003</c:v>
                </c:pt>
                <c:pt idx="12416">
                  <c:v>64.847899999999996</c:v>
                </c:pt>
                <c:pt idx="12417">
                  <c:v>66.729600000000005</c:v>
                </c:pt>
                <c:pt idx="12418">
                  <c:v>37.7286</c:v>
                </c:pt>
                <c:pt idx="12419">
                  <c:v>40.700099999999999</c:v>
                </c:pt>
                <c:pt idx="12420">
                  <c:v>36.637099999999997</c:v>
                </c:pt>
                <c:pt idx="12421">
                  <c:v>20.4754</c:v>
                </c:pt>
                <c:pt idx="12422">
                  <c:v>48.799300000000002</c:v>
                </c:pt>
                <c:pt idx="12423">
                  <c:v>48.241100000000003</c:v>
                </c:pt>
                <c:pt idx="12424">
                  <c:v>38.1128</c:v>
                </c:pt>
                <c:pt idx="12425">
                  <c:v>22.291599999999999</c:v>
                </c:pt>
                <c:pt idx="12426">
                  <c:v>22.236699999999999</c:v>
                </c:pt>
                <c:pt idx="12427">
                  <c:v>22.8964</c:v>
                </c:pt>
                <c:pt idx="12428">
                  <c:v>23.463799999999999</c:v>
                </c:pt>
                <c:pt idx="12429">
                  <c:v>37.7286</c:v>
                </c:pt>
                <c:pt idx="12430">
                  <c:v>40.700099999999999</c:v>
                </c:pt>
                <c:pt idx="12431">
                  <c:v>36.637099999999997</c:v>
                </c:pt>
                <c:pt idx="12432">
                  <c:v>20.4754</c:v>
                </c:pt>
                <c:pt idx="12433">
                  <c:v>48.799300000000002</c:v>
                </c:pt>
                <c:pt idx="12434">
                  <c:v>48.241100000000003</c:v>
                </c:pt>
                <c:pt idx="12435">
                  <c:v>38.1128</c:v>
                </c:pt>
                <c:pt idx="12436">
                  <c:v>22.291599999999999</c:v>
                </c:pt>
                <c:pt idx="12437">
                  <c:v>22.236699999999999</c:v>
                </c:pt>
                <c:pt idx="12438">
                  <c:v>22.8964</c:v>
                </c:pt>
                <c:pt idx="12439">
                  <c:v>23.463799999999999</c:v>
                </c:pt>
                <c:pt idx="12440">
                  <c:v>37.7286</c:v>
                </c:pt>
                <c:pt idx="12441">
                  <c:v>40.700099999999999</c:v>
                </c:pt>
                <c:pt idx="12442">
                  <c:v>36.637099999999997</c:v>
                </c:pt>
                <c:pt idx="12443">
                  <c:v>20.4754</c:v>
                </c:pt>
                <c:pt idx="12444">
                  <c:v>48.799300000000002</c:v>
                </c:pt>
                <c:pt idx="12445">
                  <c:v>48.241100000000003</c:v>
                </c:pt>
                <c:pt idx="12446">
                  <c:v>38.1128</c:v>
                </c:pt>
                <c:pt idx="12447">
                  <c:v>22.291599999999999</c:v>
                </c:pt>
                <c:pt idx="12448">
                  <c:v>22.236699999999999</c:v>
                </c:pt>
                <c:pt idx="12449">
                  <c:v>22.8964</c:v>
                </c:pt>
                <c:pt idx="12450">
                  <c:v>23.463799999999999</c:v>
                </c:pt>
                <c:pt idx="12451">
                  <c:v>37.7286</c:v>
                </c:pt>
                <c:pt idx="12452">
                  <c:v>40.700099999999999</c:v>
                </c:pt>
                <c:pt idx="12453">
                  <c:v>36.637099999999997</c:v>
                </c:pt>
                <c:pt idx="12454">
                  <c:v>20.4754</c:v>
                </c:pt>
                <c:pt idx="12455">
                  <c:v>48.799300000000002</c:v>
                </c:pt>
                <c:pt idx="12456">
                  <c:v>48.241100000000003</c:v>
                </c:pt>
                <c:pt idx="12457">
                  <c:v>38.1128</c:v>
                </c:pt>
                <c:pt idx="12458">
                  <c:v>22.291599999999999</c:v>
                </c:pt>
                <c:pt idx="12459">
                  <c:v>22.236699999999999</c:v>
                </c:pt>
                <c:pt idx="12460">
                  <c:v>22.8964</c:v>
                </c:pt>
                <c:pt idx="12461">
                  <c:v>23.463799999999999</c:v>
                </c:pt>
                <c:pt idx="12462">
                  <c:v>37.7286</c:v>
                </c:pt>
                <c:pt idx="12463">
                  <c:v>40.700099999999999</c:v>
                </c:pt>
                <c:pt idx="12464">
                  <c:v>36.637099999999997</c:v>
                </c:pt>
                <c:pt idx="12465">
                  <c:v>20.4754</c:v>
                </c:pt>
                <c:pt idx="12466">
                  <c:v>48.799300000000002</c:v>
                </c:pt>
                <c:pt idx="12467">
                  <c:v>48.241100000000003</c:v>
                </c:pt>
                <c:pt idx="12468">
                  <c:v>38.1128</c:v>
                </c:pt>
                <c:pt idx="12469">
                  <c:v>22.291599999999999</c:v>
                </c:pt>
                <c:pt idx="12470">
                  <c:v>22.236699999999999</c:v>
                </c:pt>
                <c:pt idx="12471">
                  <c:v>22.8964</c:v>
                </c:pt>
                <c:pt idx="12472">
                  <c:v>23.463799999999999</c:v>
                </c:pt>
                <c:pt idx="12473">
                  <c:v>37.7286</c:v>
                </c:pt>
                <c:pt idx="12474">
                  <c:v>40.700099999999999</c:v>
                </c:pt>
                <c:pt idx="12475">
                  <c:v>36.637099999999997</c:v>
                </c:pt>
                <c:pt idx="12476">
                  <c:v>20.4754</c:v>
                </c:pt>
                <c:pt idx="12477">
                  <c:v>48.799300000000002</c:v>
                </c:pt>
                <c:pt idx="12478">
                  <c:v>48.241100000000003</c:v>
                </c:pt>
                <c:pt idx="12479">
                  <c:v>38.1128</c:v>
                </c:pt>
                <c:pt idx="12480">
                  <c:v>22.291599999999999</c:v>
                </c:pt>
                <c:pt idx="12481">
                  <c:v>22.236699999999999</c:v>
                </c:pt>
                <c:pt idx="12482">
                  <c:v>22.8964</c:v>
                </c:pt>
                <c:pt idx="12483">
                  <c:v>23.463799999999999</c:v>
                </c:pt>
                <c:pt idx="12484">
                  <c:v>37.7286</c:v>
                </c:pt>
                <c:pt idx="12485">
                  <c:v>40.700099999999999</c:v>
                </c:pt>
                <c:pt idx="12486">
                  <c:v>36.637099999999997</c:v>
                </c:pt>
                <c:pt idx="12487">
                  <c:v>20.4754</c:v>
                </c:pt>
                <c:pt idx="12488">
                  <c:v>48.799300000000002</c:v>
                </c:pt>
                <c:pt idx="12489">
                  <c:v>48.241100000000003</c:v>
                </c:pt>
                <c:pt idx="12490">
                  <c:v>38.1128</c:v>
                </c:pt>
                <c:pt idx="12491">
                  <c:v>22.291599999999999</c:v>
                </c:pt>
                <c:pt idx="12492">
                  <c:v>22.236699999999999</c:v>
                </c:pt>
                <c:pt idx="12493">
                  <c:v>22.8964</c:v>
                </c:pt>
                <c:pt idx="12494">
                  <c:v>23.463799999999999</c:v>
                </c:pt>
                <c:pt idx="12495">
                  <c:v>37.7286</c:v>
                </c:pt>
                <c:pt idx="12496">
                  <c:v>40.700099999999999</c:v>
                </c:pt>
                <c:pt idx="12497">
                  <c:v>36.637099999999997</c:v>
                </c:pt>
                <c:pt idx="12498">
                  <c:v>20.4754</c:v>
                </c:pt>
                <c:pt idx="12499">
                  <c:v>48.799300000000002</c:v>
                </c:pt>
                <c:pt idx="12500">
                  <c:v>48.241100000000003</c:v>
                </c:pt>
                <c:pt idx="12501">
                  <c:v>38.1128</c:v>
                </c:pt>
                <c:pt idx="12502">
                  <c:v>22.291599999999999</c:v>
                </c:pt>
                <c:pt idx="12503">
                  <c:v>22.236699999999999</c:v>
                </c:pt>
                <c:pt idx="12504">
                  <c:v>22.8964</c:v>
                </c:pt>
                <c:pt idx="12505">
                  <c:v>23.463799999999999</c:v>
                </c:pt>
                <c:pt idx="12506">
                  <c:v>37.7286</c:v>
                </c:pt>
                <c:pt idx="12507">
                  <c:v>40.700099999999999</c:v>
                </c:pt>
                <c:pt idx="12508">
                  <c:v>36.637099999999997</c:v>
                </c:pt>
                <c:pt idx="12509">
                  <c:v>20.4754</c:v>
                </c:pt>
                <c:pt idx="12510">
                  <c:v>48.799300000000002</c:v>
                </c:pt>
                <c:pt idx="12511">
                  <c:v>48.241100000000003</c:v>
                </c:pt>
                <c:pt idx="12512">
                  <c:v>38.1128</c:v>
                </c:pt>
                <c:pt idx="12513">
                  <c:v>22.291599999999999</c:v>
                </c:pt>
                <c:pt idx="12514">
                  <c:v>22.236699999999999</c:v>
                </c:pt>
                <c:pt idx="12515">
                  <c:v>22.8964</c:v>
                </c:pt>
                <c:pt idx="12516">
                  <c:v>23.463799999999999</c:v>
                </c:pt>
                <c:pt idx="12517">
                  <c:v>37.7286</c:v>
                </c:pt>
                <c:pt idx="12518">
                  <c:v>40.700099999999999</c:v>
                </c:pt>
                <c:pt idx="12519">
                  <c:v>36.637099999999997</c:v>
                </c:pt>
                <c:pt idx="12520">
                  <c:v>20.4754</c:v>
                </c:pt>
                <c:pt idx="12521">
                  <c:v>48.799300000000002</c:v>
                </c:pt>
                <c:pt idx="12522">
                  <c:v>48.241100000000003</c:v>
                </c:pt>
                <c:pt idx="12523">
                  <c:v>38.1128</c:v>
                </c:pt>
                <c:pt idx="12524">
                  <c:v>22.291599999999999</c:v>
                </c:pt>
                <c:pt idx="12525">
                  <c:v>22.236699999999999</c:v>
                </c:pt>
                <c:pt idx="12526">
                  <c:v>22.8964</c:v>
                </c:pt>
                <c:pt idx="12527">
                  <c:v>23.463799999999999</c:v>
                </c:pt>
                <c:pt idx="12528">
                  <c:v>37.7286</c:v>
                </c:pt>
                <c:pt idx="12529">
                  <c:v>40.700099999999999</c:v>
                </c:pt>
                <c:pt idx="12530">
                  <c:v>36.637099999999997</c:v>
                </c:pt>
                <c:pt idx="12531">
                  <c:v>20.4754</c:v>
                </c:pt>
                <c:pt idx="12532">
                  <c:v>48.799300000000002</c:v>
                </c:pt>
                <c:pt idx="12533">
                  <c:v>48.241100000000003</c:v>
                </c:pt>
                <c:pt idx="12534">
                  <c:v>38.1128</c:v>
                </c:pt>
                <c:pt idx="12535">
                  <c:v>22.291599999999999</c:v>
                </c:pt>
                <c:pt idx="12536">
                  <c:v>22.236699999999999</c:v>
                </c:pt>
                <c:pt idx="12537">
                  <c:v>22.8964</c:v>
                </c:pt>
                <c:pt idx="12538">
                  <c:v>23.463799999999999</c:v>
                </c:pt>
                <c:pt idx="12539">
                  <c:v>34.501300000000001</c:v>
                </c:pt>
                <c:pt idx="12540">
                  <c:v>39.780700000000003</c:v>
                </c:pt>
                <c:pt idx="12541">
                  <c:v>48.336500000000001</c:v>
                </c:pt>
                <c:pt idx="12542">
                  <c:v>51.853499999999997</c:v>
                </c:pt>
                <c:pt idx="12543">
                  <c:v>54.764400000000002</c:v>
                </c:pt>
                <c:pt idx="12544">
                  <c:v>57.656599999999997</c:v>
                </c:pt>
                <c:pt idx="12545">
                  <c:v>60.075299999999999</c:v>
                </c:pt>
                <c:pt idx="12546">
                  <c:v>62.4176</c:v>
                </c:pt>
                <c:pt idx="12547">
                  <c:v>61.335500000000003</c:v>
                </c:pt>
                <c:pt idx="12548">
                  <c:v>64.847899999999996</c:v>
                </c:pt>
                <c:pt idx="12549">
                  <c:v>66.729600000000005</c:v>
                </c:pt>
                <c:pt idx="12550">
                  <c:v>37.7286</c:v>
                </c:pt>
                <c:pt idx="12551">
                  <c:v>40.700099999999999</c:v>
                </c:pt>
                <c:pt idx="12552">
                  <c:v>36.637099999999997</c:v>
                </c:pt>
                <c:pt idx="12553">
                  <c:v>20.4754</c:v>
                </c:pt>
                <c:pt idx="12554">
                  <c:v>48.799300000000002</c:v>
                </c:pt>
                <c:pt idx="12555">
                  <c:v>48.241100000000003</c:v>
                </c:pt>
                <c:pt idx="12556">
                  <c:v>38.1128</c:v>
                </c:pt>
                <c:pt idx="12557">
                  <c:v>22.291599999999999</c:v>
                </c:pt>
                <c:pt idx="12558">
                  <c:v>22.236699999999999</c:v>
                </c:pt>
                <c:pt idx="12559">
                  <c:v>22.8964</c:v>
                </c:pt>
                <c:pt idx="12560">
                  <c:v>23.463799999999999</c:v>
                </c:pt>
                <c:pt idx="12561">
                  <c:v>37.7286</c:v>
                </c:pt>
                <c:pt idx="12562">
                  <c:v>40.700099999999999</c:v>
                </c:pt>
                <c:pt idx="12563">
                  <c:v>36.637099999999997</c:v>
                </c:pt>
                <c:pt idx="12564">
                  <c:v>20.4754</c:v>
                </c:pt>
                <c:pt idx="12565">
                  <c:v>48.799300000000002</c:v>
                </c:pt>
                <c:pt idx="12566">
                  <c:v>48.241100000000003</c:v>
                </c:pt>
                <c:pt idx="12567">
                  <c:v>38.1128</c:v>
                </c:pt>
                <c:pt idx="12568">
                  <c:v>22.291599999999999</c:v>
                </c:pt>
                <c:pt idx="12569">
                  <c:v>22.236699999999999</c:v>
                </c:pt>
                <c:pt idx="12570">
                  <c:v>22.8964</c:v>
                </c:pt>
                <c:pt idx="12571">
                  <c:v>23.463799999999999</c:v>
                </c:pt>
                <c:pt idx="12572">
                  <c:v>37.7286</c:v>
                </c:pt>
                <c:pt idx="12573">
                  <c:v>40.700099999999999</c:v>
                </c:pt>
                <c:pt idx="12574">
                  <c:v>36.637099999999997</c:v>
                </c:pt>
                <c:pt idx="12575">
                  <c:v>20.4754</c:v>
                </c:pt>
                <c:pt idx="12576">
                  <c:v>48.799300000000002</c:v>
                </c:pt>
                <c:pt idx="12577">
                  <c:v>48.241100000000003</c:v>
                </c:pt>
                <c:pt idx="12578">
                  <c:v>38.1128</c:v>
                </c:pt>
                <c:pt idx="12579">
                  <c:v>22.291599999999999</c:v>
                </c:pt>
                <c:pt idx="12580">
                  <c:v>22.236699999999999</c:v>
                </c:pt>
                <c:pt idx="12581">
                  <c:v>22.8964</c:v>
                </c:pt>
                <c:pt idx="12582">
                  <c:v>23.463799999999999</c:v>
                </c:pt>
                <c:pt idx="12583">
                  <c:v>37.7286</c:v>
                </c:pt>
                <c:pt idx="12584">
                  <c:v>40.700099999999999</c:v>
                </c:pt>
                <c:pt idx="12585">
                  <c:v>36.637099999999997</c:v>
                </c:pt>
                <c:pt idx="12586">
                  <c:v>20.4754</c:v>
                </c:pt>
                <c:pt idx="12587">
                  <c:v>48.799300000000002</c:v>
                </c:pt>
                <c:pt idx="12588">
                  <c:v>48.241100000000003</c:v>
                </c:pt>
                <c:pt idx="12589">
                  <c:v>38.1128</c:v>
                </c:pt>
                <c:pt idx="12590">
                  <c:v>22.291599999999999</c:v>
                </c:pt>
                <c:pt idx="12591">
                  <c:v>22.236699999999999</c:v>
                </c:pt>
                <c:pt idx="12592">
                  <c:v>22.8964</c:v>
                </c:pt>
                <c:pt idx="12593">
                  <c:v>23.463799999999999</c:v>
                </c:pt>
                <c:pt idx="12594">
                  <c:v>37.7286</c:v>
                </c:pt>
                <c:pt idx="12595">
                  <c:v>40.700099999999999</c:v>
                </c:pt>
                <c:pt idx="12596">
                  <c:v>36.637099999999997</c:v>
                </c:pt>
                <c:pt idx="12597">
                  <c:v>20.4754</c:v>
                </c:pt>
                <c:pt idx="12598">
                  <c:v>48.799300000000002</c:v>
                </c:pt>
                <c:pt idx="12599">
                  <c:v>48.241100000000003</c:v>
                </c:pt>
                <c:pt idx="12600">
                  <c:v>38.1128</c:v>
                </c:pt>
                <c:pt idx="12601">
                  <c:v>22.291599999999999</c:v>
                </c:pt>
                <c:pt idx="12602">
                  <c:v>22.236699999999999</c:v>
                </c:pt>
                <c:pt idx="12603">
                  <c:v>22.8964</c:v>
                </c:pt>
                <c:pt idx="12604">
                  <c:v>23.463799999999999</c:v>
                </c:pt>
                <c:pt idx="12605">
                  <c:v>37.7286</c:v>
                </c:pt>
                <c:pt idx="12606">
                  <c:v>40.700099999999999</c:v>
                </c:pt>
                <c:pt idx="12607">
                  <c:v>36.637099999999997</c:v>
                </c:pt>
                <c:pt idx="12608">
                  <c:v>20.4754</c:v>
                </c:pt>
                <c:pt idx="12609">
                  <c:v>48.799300000000002</c:v>
                </c:pt>
                <c:pt idx="12610">
                  <c:v>48.241100000000003</c:v>
                </c:pt>
                <c:pt idx="12611">
                  <c:v>38.1128</c:v>
                </c:pt>
                <c:pt idx="12612">
                  <c:v>22.291599999999999</c:v>
                </c:pt>
                <c:pt idx="12613">
                  <c:v>22.236699999999999</c:v>
                </c:pt>
                <c:pt idx="12614">
                  <c:v>22.8964</c:v>
                </c:pt>
                <c:pt idx="12615">
                  <c:v>23.463799999999999</c:v>
                </c:pt>
                <c:pt idx="12616">
                  <c:v>37.7286</c:v>
                </c:pt>
                <c:pt idx="12617">
                  <c:v>40.700099999999999</c:v>
                </c:pt>
                <c:pt idx="12618">
                  <c:v>36.637099999999997</c:v>
                </c:pt>
                <c:pt idx="12619">
                  <c:v>20.4754</c:v>
                </c:pt>
                <c:pt idx="12620">
                  <c:v>48.799300000000002</c:v>
                </c:pt>
                <c:pt idx="12621">
                  <c:v>48.241100000000003</c:v>
                </c:pt>
                <c:pt idx="12622">
                  <c:v>38.1128</c:v>
                </c:pt>
                <c:pt idx="12623">
                  <c:v>22.291599999999999</c:v>
                </c:pt>
                <c:pt idx="12624">
                  <c:v>22.236699999999999</c:v>
                </c:pt>
                <c:pt idx="12625">
                  <c:v>22.8964</c:v>
                </c:pt>
                <c:pt idx="12626">
                  <c:v>23.463799999999999</c:v>
                </c:pt>
                <c:pt idx="12627">
                  <c:v>37.7286</c:v>
                </c:pt>
                <c:pt idx="12628">
                  <c:v>40.700099999999999</c:v>
                </c:pt>
                <c:pt idx="12629">
                  <c:v>36.637099999999997</c:v>
                </c:pt>
                <c:pt idx="12630">
                  <c:v>20.4754</c:v>
                </c:pt>
                <c:pt idx="12631">
                  <c:v>48.799300000000002</c:v>
                </c:pt>
                <c:pt idx="12632">
                  <c:v>48.241100000000003</c:v>
                </c:pt>
                <c:pt idx="12633">
                  <c:v>38.1128</c:v>
                </c:pt>
                <c:pt idx="12634">
                  <c:v>22.291599999999999</c:v>
                </c:pt>
                <c:pt idx="12635">
                  <c:v>22.236699999999999</c:v>
                </c:pt>
                <c:pt idx="12636">
                  <c:v>22.8964</c:v>
                </c:pt>
                <c:pt idx="12637">
                  <c:v>23.463799999999999</c:v>
                </c:pt>
                <c:pt idx="12638">
                  <c:v>37.7286</c:v>
                </c:pt>
                <c:pt idx="12639">
                  <c:v>40.700099999999999</c:v>
                </c:pt>
                <c:pt idx="12640">
                  <c:v>36.637099999999997</c:v>
                </c:pt>
                <c:pt idx="12641">
                  <c:v>20.4754</c:v>
                </c:pt>
                <c:pt idx="12642">
                  <c:v>48.799300000000002</c:v>
                </c:pt>
                <c:pt idx="12643">
                  <c:v>48.241100000000003</c:v>
                </c:pt>
                <c:pt idx="12644">
                  <c:v>38.1128</c:v>
                </c:pt>
                <c:pt idx="12645">
                  <c:v>22.291599999999999</c:v>
                </c:pt>
                <c:pt idx="12646">
                  <c:v>22.236699999999999</c:v>
                </c:pt>
                <c:pt idx="12647">
                  <c:v>22.8964</c:v>
                </c:pt>
                <c:pt idx="12648">
                  <c:v>23.463799999999999</c:v>
                </c:pt>
                <c:pt idx="12649">
                  <c:v>37.7286</c:v>
                </c:pt>
                <c:pt idx="12650">
                  <c:v>40.700099999999999</c:v>
                </c:pt>
                <c:pt idx="12651">
                  <c:v>36.637099999999997</c:v>
                </c:pt>
                <c:pt idx="12652">
                  <c:v>20.4754</c:v>
                </c:pt>
                <c:pt idx="12653">
                  <c:v>48.799300000000002</c:v>
                </c:pt>
                <c:pt idx="12654">
                  <c:v>48.241100000000003</c:v>
                </c:pt>
                <c:pt idx="12655">
                  <c:v>38.1128</c:v>
                </c:pt>
                <c:pt idx="12656">
                  <c:v>22.291599999999999</c:v>
                </c:pt>
                <c:pt idx="12657">
                  <c:v>22.236699999999999</c:v>
                </c:pt>
                <c:pt idx="12658">
                  <c:v>22.8964</c:v>
                </c:pt>
                <c:pt idx="12659">
                  <c:v>23.463799999999999</c:v>
                </c:pt>
                <c:pt idx="12660">
                  <c:v>37.7286</c:v>
                </c:pt>
                <c:pt idx="12661">
                  <c:v>40.700099999999999</c:v>
                </c:pt>
                <c:pt idx="12662">
                  <c:v>36.637099999999997</c:v>
                </c:pt>
                <c:pt idx="12663">
                  <c:v>20.4754</c:v>
                </c:pt>
                <c:pt idx="12664">
                  <c:v>48.799300000000002</c:v>
                </c:pt>
                <c:pt idx="12665">
                  <c:v>48.241100000000003</c:v>
                </c:pt>
                <c:pt idx="12666">
                  <c:v>38.1128</c:v>
                </c:pt>
                <c:pt idx="12667">
                  <c:v>22.291599999999999</c:v>
                </c:pt>
                <c:pt idx="12668">
                  <c:v>22.236699999999999</c:v>
                </c:pt>
                <c:pt idx="12669">
                  <c:v>22.8964</c:v>
                </c:pt>
                <c:pt idx="12670">
                  <c:v>23.463799999999999</c:v>
                </c:pt>
                <c:pt idx="12671">
                  <c:v>60.063600000000001</c:v>
                </c:pt>
                <c:pt idx="12672">
                  <c:v>25.762499999999999</c:v>
                </c:pt>
                <c:pt idx="12673">
                  <c:v>53.918999999999997</c:v>
                </c:pt>
                <c:pt idx="12674">
                  <c:v>53.876800000000003</c:v>
                </c:pt>
                <c:pt idx="12675">
                  <c:v>52.351799999999997</c:v>
                </c:pt>
                <c:pt idx="12676">
                  <c:v>62.051699999999997</c:v>
                </c:pt>
                <c:pt idx="12677">
                  <c:v>62.0747</c:v>
                </c:pt>
                <c:pt idx="12678">
                  <c:v>66.211799999999997</c:v>
                </c:pt>
                <c:pt idx="12679">
                  <c:v>69.461699999999993</c:v>
                </c:pt>
                <c:pt idx="12680">
                  <c:v>71.868200000000002</c:v>
                </c:pt>
                <c:pt idx="12681">
                  <c:v>74.018600000000006</c:v>
                </c:pt>
                <c:pt idx="12682">
                  <c:v>60.063600000000001</c:v>
                </c:pt>
                <c:pt idx="12683">
                  <c:v>19.363600000000002</c:v>
                </c:pt>
                <c:pt idx="12684">
                  <c:v>58.347099999999998</c:v>
                </c:pt>
                <c:pt idx="12685">
                  <c:v>54.973199999999999</c:v>
                </c:pt>
                <c:pt idx="12686">
                  <c:v>52.2196</c:v>
                </c:pt>
                <c:pt idx="12687">
                  <c:v>50.3643</c:v>
                </c:pt>
                <c:pt idx="12688">
                  <c:v>56.6813</c:v>
                </c:pt>
                <c:pt idx="12689">
                  <c:v>55.567799999999998</c:v>
                </c:pt>
                <c:pt idx="12690">
                  <c:v>54.2273</c:v>
                </c:pt>
                <c:pt idx="12691">
                  <c:v>53.569299999999998</c:v>
                </c:pt>
                <c:pt idx="12692">
                  <c:v>53.111400000000003</c:v>
                </c:pt>
                <c:pt idx="12693">
                  <c:v>60.063600000000001</c:v>
                </c:pt>
                <c:pt idx="12694">
                  <c:v>19.363600000000002</c:v>
                </c:pt>
                <c:pt idx="12695">
                  <c:v>58.347099999999998</c:v>
                </c:pt>
                <c:pt idx="12696">
                  <c:v>54.973199999999999</c:v>
                </c:pt>
                <c:pt idx="12697">
                  <c:v>52.2196</c:v>
                </c:pt>
                <c:pt idx="12698">
                  <c:v>50.3643</c:v>
                </c:pt>
                <c:pt idx="12699">
                  <c:v>56.6813</c:v>
                </c:pt>
                <c:pt idx="12700">
                  <c:v>55.567799999999998</c:v>
                </c:pt>
                <c:pt idx="12701">
                  <c:v>54.2273</c:v>
                </c:pt>
                <c:pt idx="12702">
                  <c:v>53.569299999999998</c:v>
                </c:pt>
                <c:pt idx="12703">
                  <c:v>53.111400000000003</c:v>
                </c:pt>
                <c:pt idx="12704">
                  <c:v>60.063600000000001</c:v>
                </c:pt>
                <c:pt idx="12705">
                  <c:v>19.363600000000002</c:v>
                </c:pt>
                <c:pt idx="12706">
                  <c:v>58.347099999999998</c:v>
                </c:pt>
                <c:pt idx="12707">
                  <c:v>54.973199999999999</c:v>
                </c:pt>
                <c:pt idx="12708">
                  <c:v>52.2196</c:v>
                </c:pt>
                <c:pt idx="12709">
                  <c:v>50.3643</c:v>
                </c:pt>
                <c:pt idx="12710">
                  <c:v>56.6813</c:v>
                </c:pt>
                <c:pt idx="12711">
                  <c:v>55.567799999999998</c:v>
                </c:pt>
                <c:pt idx="12712">
                  <c:v>54.2273</c:v>
                </c:pt>
                <c:pt idx="12713">
                  <c:v>53.569299999999998</c:v>
                </c:pt>
                <c:pt idx="12714">
                  <c:v>53.111400000000003</c:v>
                </c:pt>
                <c:pt idx="12715">
                  <c:v>60.063600000000001</c:v>
                </c:pt>
                <c:pt idx="12716">
                  <c:v>19.363600000000002</c:v>
                </c:pt>
                <c:pt idx="12717">
                  <c:v>58.347099999999998</c:v>
                </c:pt>
                <c:pt idx="12718">
                  <c:v>54.973199999999999</c:v>
                </c:pt>
                <c:pt idx="12719">
                  <c:v>52.2196</c:v>
                </c:pt>
                <c:pt idx="12720">
                  <c:v>50.3643</c:v>
                </c:pt>
                <c:pt idx="12721">
                  <c:v>56.6813</c:v>
                </c:pt>
                <c:pt idx="12722">
                  <c:v>55.567799999999998</c:v>
                </c:pt>
                <c:pt idx="12723">
                  <c:v>54.2273</c:v>
                </c:pt>
                <c:pt idx="12724">
                  <c:v>53.569299999999998</c:v>
                </c:pt>
                <c:pt idx="12725">
                  <c:v>53.111400000000003</c:v>
                </c:pt>
                <c:pt idx="12726">
                  <c:v>60.063600000000001</c:v>
                </c:pt>
                <c:pt idx="12727">
                  <c:v>19.363600000000002</c:v>
                </c:pt>
                <c:pt idx="12728">
                  <c:v>58.347099999999998</c:v>
                </c:pt>
                <c:pt idx="12729">
                  <c:v>54.973199999999999</c:v>
                </c:pt>
                <c:pt idx="12730">
                  <c:v>52.2196</c:v>
                </c:pt>
                <c:pt idx="12731">
                  <c:v>50.3643</c:v>
                </c:pt>
                <c:pt idx="12732">
                  <c:v>56.6813</c:v>
                </c:pt>
                <c:pt idx="12733">
                  <c:v>55.567799999999998</c:v>
                </c:pt>
                <c:pt idx="12734">
                  <c:v>54.2273</c:v>
                </c:pt>
                <c:pt idx="12735">
                  <c:v>53.569299999999998</c:v>
                </c:pt>
                <c:pt idx="12736">
                  <c:v>53.111400000000003</c:v>
                </c:pt>
                <c:pt idx="12737">
                  <c:v>60.063600000000001</c:v>
                </c:pt>
                <c:pt idx="12738">
                  <c:v>19.363600000000002</c:v>
                </c:pt>
                <c:pt idx="12739">
                  <c:v>58.347099999999998</c:v>
                </c:pt>
                <c:pt idx="12740">
                  <c:v>54.973199999999999</c:v>
                </c:pt>
                <c:pt idx="12741">
                  <c:v>52.2196</c:v>
                </c:pt>
                <c:pt idx="12742">
                  <c:v>50.3643</c:v>
                </c:pt>
                <c:pt idx="12743">
                  <c:v>56.6813</c:v>
                </c:pt>
                <c:pt idx="12744">
                  <c:v>55.567799999999998</c:v>
                </c:pt>
                <c:pt idx="12745">
                  <c:v>54.2273</c:v>
                </c:pt>
                <c:pt idx="12746">
                  <c:v>53.569299999999998</c:v>
                </c:pt>
                <c:pt idx="12747">
                  <c:v>53.111400000000003</c:v>
                </c:pt>
                <c:pt idx="12748">
                  <c:v>60.063600000000001</c:v>
                </c:pt>
                <c:pt idx="12749">
                  <c:v>19.363600000000002</c:v>
                </c:pt>
                <c:pt idx="12750">
                  <c:v>58.347099999999998</c:v>
                </c:pt>
                <c:pt idx="12751">
                  <c:v>54.973199999999999</c:v>
                </c:pt>
                <c:pt idx="12752">
                  <c:v>52.2196</c:v>
                </c:pt>
                <c:pt idx="12753">
                  <c:v>50.3643</c:v>
                </c:pt>
                <c:pt idx="12754">
                  <c:v>56.6813</c:v>
                </c:pt>
                <c:pt idx="12755">
                  <c:v>55.567799999999998</c:v>
                </c:pt>
                <c:pt idx="12756">
                  <c:v>54.2273</c:v>
                </c:pt>
                <c:pt idx="12757">
                  <c:v>53.569299999999998</c:v>
                </c:pt>
                <c:pt idx="12758">
                  <c:v>53.111400000000003</c:v>
                </c:pt>
                <c:pt idx="12759">
                  <c:v>60.063600000000001</c:v>
                </c:pt>
                <c:pt idx="12760">
                  <c:v>19.363600000000002</c:v>
                </c:pt>
                <c:pt idx="12761">
                  <c:v>58.347099999999998</c:v>
                </c:pt>
                <c:pt idx="12762">
                  <c:v>54.973199999999999</c:v>
                </c:pt>
                <c:pt idx="12763">
                  <c:v>52.2196</c:v>
                </c:pt>
                <c:pt idx="12764">
                  <c:v>50.3643</c:v>
                </c:pt>
                <c:pt idx="12765">
                  <c:v>56.6813</c:v>
                </c:pt>
                <c:pt idx="12766">
                  <c:v>55.567799999999998</c:v>
                </c:pt>
                <c:pt idx="12767">
                  <c:v>54.2273</c:v>
                </c:pt>
                <c:pt idx="12768">
                  <c:v>53.569299999999998</c:v>
                </c:pt>
                <c:pt idx="12769">
                  <c:v>53.111400000000003</c:v>
                </c:pt>
                <c:pt idx="12770">
                  <c:v>60.063600000000001</c:v>
                </c:pt>
                <c:pt idx="12771">
                  <c:v>19.363600000000002</c:v>
                </c:pt>
                <c:pt idx="12772">
                  <c:v>58.347099999999998</c:v>
                </c:pt>
                <c:pt idx="12773">
                  <c:v>54.973199999999999</c:v>
                </c:pt>
                <c:pt idx="12774">
                  <c:v>52.2196</c:v>
                </c:pt>
                <c:pt idx="12775">
                  <c:v>50.3643</c:v>
                </c:pt>
                <c:pt idx="12776">
                  <c:v>56.6813</c:v>
                </c:pt>
                <c:pt idx="12777">
                  <c:v>55.567799999999998</c:v>
                </c:pt>
                <c:pt idx="12778">
                  <c:v>54.2273</c:v>
                </c:pt>
                <c:pt idx="12779">
                  <c:v>53.569299999999998</c:v>
                </c:pt>
                <c:pt idx="12780">
                  <c:v>53.111400000000003</c:v>
                </c:pt>
                <c:pt idx="12781">
                  <c:v>60.063600000000001</c:v>
                </c:pt>
                <c:pt idx="12782">
                  <c:v>19.363600000000002</c:v>
                </c:pt>
                <c:pt idx="12783">
                  <c:v>58.347099999999998</c:v>
                </c:pt>
                <c:pt idx="12784">
                  <c:v>54.973199999999999</c:v>
                </c:pt>
                <c:pt idx="12785">
                  <c:v>52.2196</c:v>
                </c:pt>
                <c:pt idx="12786">
                  <c:v>50.3643</c:v>
                </c:pt>
                <c:pt idx="12787">
                  <c:v>56.6813</c:v>
                </c:pt>
                <c:pt idx="12788">
                  <c:v>55.567799999999998</c:v>
                </c:pt>
                <c:pt idx="12789">
                  <c:v>54.2273</c:v>
                </c:pt>
                <c:pt idx="12790">
                  <c:v>53.569299999999998</c:v>
                </c:pt>
                <c:pt idx="12791">
                  <c:v>53.111400000000003</c:v>
                </c:pt>
                <c:pt idx="12792">
                  <c:v>60.063600000000001</c:v>
                </c:pt>
                <c:pt idx="12793">
                  <c:v>19.363600000000002</c:v>
                </c:pt>
                <c:pt idx="12794">
                  <c:v>58.347099999999998</c:v>
                </c:pt>
                <c:pt idx="12795">
                  <c:v>54.973199999999999</c:v>
                </c:pt>
                <c:pt idx="12796">
                  <c:v>52.2196</c:v>
                </c:pt>
                <c:pt idx="12797">
                  <c:v>50.3643</c:v>
                </c:pt>
                <c:pt idx="12798">
                  <c:v>56.6813</c:v>
                </c:pt>
                <c:pt idx="12799">
                  <c:v>55.567799999999998</c:v>
                </c:pt>
                <c:pt idx="12800">
                  <c:v>54.2273</c:v>
                </c:pt>
                <c:pt idx="12801">
                  <c:v>53.569299999999998</c:v>
                </c:pt>
                <c:pt idx="12802">
                  <c:v>53.111400000000003</c:v>
                </c:pt>
                <c:pt idx="12803">
                  <c:v>60.063600000000001</c:v>
                </c:pt>
                <c:pt idx="12804">
                  <c:v>24.382300000000001</c:v>
                </c:pt>
                <c:pt idx="12805">
                  <c:v>53.918999999999997</c:v>
                </c:pt>
                <c:pt idx="12806">
                  <c:v>51.892200000000003</c:v>
                </c:pt>
                <c:pt idx="12807">
                  <c:v>51.438000000000002</c:v>
                </c:pt>
                <c:pt idx="12808">
                  <c:v>59.270800000000001</c:v>
                </c:pt>
                <c:pt idx="12809">
                  <c:v>60.852600000000002</c:v>
                </c:pt>
                <c:pt idx="12810">
                  <c:v>64.787099999999995</c:v>
                </c:pt>
                <c:pt idx="12811">
                  <c:v>68.358500000000006</c:v>
                </c:pt>
                <c:pt idx="12812">
                  <c:v>71.271199999999993</c:v>
                </c:pt>
                <c:pt idx="12813">
                  <c:v>73.556399999999996</c:v>
                </c:pt>
                <c:pt idx="12814">
                  <c:v>60.063600000000001</c:v>
                </c:pt>
                <c:pt idx="12815">
                  <c:v>19.363600000000002</c:v>
                </c:pt>
                <c:pt idx="12816">
                  <c:v>58.347099999999998</c:v>
                </c:pt>
                <c:pt idx="12817">
                  <c:v>54.973199999999999</c:v>
                </c:pt>
                <c:pt idx="12818">
                  <c:v>52.2196</c:v>
                </c:pt>
                <c:pt idx="12819">
                  <c:v>50.3643</c:v>
                </c:pt>
                <c:pt idx="12820">
                  <c:v>56.6813</c:v>
                </c:pt>
                <c:pt idx="12821">
                  <c:v>55.567799999999998</c:v>
                </c:pt>
                <c:pt idx="12822">
                  <c:v>54.2273</c:v>
                </c:pt>
                <c:pt idx="12823">
                  <c:v>53.569299999999998</c:v>
                </c:pt>
                <c:pt idx="12824">
                  <c:v>53.111400000000003</c:v>
                </c:pt>
                <c:pt idx="12825">
                  <c:v>60.063600000000001</c:v>
                </c:pt>
                <c:pt idx="12826">
                  <c:v>19.363600000000002</c:v>
                </c:pt>
                <c:pt idx="12827">
                  <c:v>58.347099999999998</c:v>
                </c:pt>
                <c:pt idx="12828">
                  <c:v>54.973199999999999</c:v>
                </c:pt>
                <c:pt idx="12829">
                  <c:v>52.2196</c:v>
                </c:pt>
                <c:pt idx="12830">
                  <c:v>50.3643</c:v>
                </c:pt>
                <c:pt idx="12831">
                  <c:v>56.6813</c:v>
                </c:pt>
                <c:pt idx="12832">
                  <c:v>55.567799999999998</c:v>
                </c:pt>
                <c:pt idx="12833">
                  <c:v>54.2273</c:v>
                </c:pt>
                <c:pt idx="12834">
                  <c:v>53.569299999999998</c:v>
                </c:pt>
                <c:pt idx="12835">
                  <c:v>53.111400000000003</c:v>
                </c:pt>
                <c:pt idx="12836">
                  <c:v>60.063600000000001</c:v>
                </c:pt>
                <c:pt idx="12837">
                  <c:v>19.363600000000002</c:v>
                </c:pt>
                <c:pt idx="12838">
                  <c:v>58.347099999999998</c:v>
                </c:pt>
                <c:pt idx="12839">
                  <c:v>54.973199999999999</c:v>
                </c:pt>
                <c:pt idx="12840">
                  <c:v>52.2196</c:v>
                </c:pt>
                <c:pt idx="12841">
                  <c:v>50.3643</c:v>
                </c:pt>
                <c:pt idx="12842">
                  <c:v>56.6813</c:v>
                </c:pt>
                <c:pt idx="12843">
                  <c:v>55.567799999999998</c:v>
                </c:pt>
                <c:pt idx="12844">
                  <c:v>54.2273</c:v>
                </c:pt>
                <c:pt idx="12845">
                  <c:v>53.569299999999998</c:v>
                </c:pt>
                <c:pt idx="12846">
                  <c:v>53.111400000000003</c:v>
                </c:pt>
                <c:pt idx="12847">
                  <c:v>60.063600000000001</c:v>
                </c:pt>
                <c:pt idx="12848">
                  <c:v>19.363600000000002</c:v>
                </c:pt>
                <c:pt idx="12849">
                  <c:v>58.347099999999998</c:v>
                </c:pt>
                <c:pt idx="12850">
                  <c:v>54.973199999999999</c:v>
                </c:pt>
                <c:pt idx="12851">
                  <c:v>52.2196</c:v>
                </c:pt>
                <c:pt idx="12852">
                  <c:v>50.3643</c:v>
                </c:pt>
                <c:pt idx="12853">
                  <c:v>56.6813</c:v>
                </c:pt>
                <c:pt idx="12854">
                  <c:v>55.567799999999998</c:v>
                </c:pt>
                <c:pt idx="12855">
                  <c:v>54.2273</c:v>
                </c:pt>
                <c:pt idx="12856">
                  <c:v>53.569299999999998</c:v>
                </c:pt>
                <c:pt idx="12857">
                  <c:v>53.111400000000003</c:v>
                </c:pt>
                <c:pt idx="12858">
                  <c:v>60.063600000000001</c:v>
                </c:pt>
                <c:pt idx="12859">
                  <c:v>19.363600000000002</c:v>
                </c:pt>
                <c:pt idx="12860">
                  <c:v>58.347099999999998</c:v>
                </c:pt>
                <c:pt idx="12861">
                  <c:v>54.973199999999999</c:v>
                </c:pt>
                <c:pt idx="12862">
                  <c:v>52.2196</c:v>
                </c:pt>
                <c:pt idx="12863">
                  <c:v>50.3643</c:v>
                </c:pt>
                <c:pt idx="12864">
                  <c:v>56.6813</c:v>
                </c:pt>
                <c:pt idx="12865">
                  <c:v>55.567799999999998</c:v>
                </c:pt>
                <c:pt idx="12866">
                  <c:v>54.2273</c:v>
                </c:pt>
                <c:pt idx="12867">
                  <c:v>53.569299999999998</c:v>
                </c:pt>
                <c:pt idx="12868">
                  <c:v>53.111400000000003</c:v>
                </c:pt>
                <c:pt idx="12869">
                  <c:v>60.063600000000001</c:v>
                </c:pt>
                <c:pt idx="12870">
                  <c:v>19.363600000000002</c:v>
                </c:pt>
                <c:pt idx="12871">
                  <c:v>58.347099999999998</c:v>
                </c:pt>
                <c:pt idx="12872">
                  <c:v>54.973199999999999</c:v>
                </c:pt>
                <c:pt idx="12873">
                  <c:v>52.2196</c:v>
                </c:pt>
                <c:pt idx="12874">
                  <c:v>50.3643</c:v>
                </c:pt>
                <c:pt idx="12875">
                  <c:v>56.6813</c:v>
                </c:pt>
                <c:pt idx="12876">
                  <c:v>55.567799999999998</c:v>
                </c:pt>
                <c:pt idx="12877">
                  <c:v>54.2273</c:v>
                </c:pt>
                <c:pt idx="12878">
                  <c:v>53.569299999999998</c:v>
                </c:pt>
                <c:pt idx="12879">
                  <c:v>53.111400000000003</c:v>
                </c:pt>
                <c:pt idx="12880">
                  <c:v>60.063600000000001</c:v>
                </c:pt>
                <c:pt idx="12881">
                  <c:v>19.363600000000002</c:v>
                </c:pt>
                <c:pt idx="12882">
                  <c:v>58.347099999999998</c:v>
                </c:pt>
                <c:pt idx="12883">
                  <c:v>54.973199999999999</c:v>
                </c:pt>
                <c:pt idx="12884">
                  <c:v>52.2196</c:v>
                </c:pt>
                <c:pt idx="12885">
                  <c:v>50.3643</c:v>
                </c:pt>
                <c:pt idx="12886">
                  <c:v>56.6813</c:v>
                </c:pt>
                <c:pt idx="12887">
                  <c:v>55.567799999999998</c:v>
                </c:pt>
                <c:pt idx="12888">
                  <c:v>54.2273</c:v>
                </c:pt>
                <c:pt idx="12889">
                  <c:v>53.569299999999998</c:v>
                </c:pt>
                <c:pt idx="12890">
                  <c:v>53.111400000000003</c:v>
                </c:pt>
                <c:pt idx="12891">
                  <c:v>60.063600000000001</c:v>
                </c:pt>
                <c:pt idx="12892">
                  <c:v>19.363600000000002</c:v>
                </c:pt>
                <c:pt idx="12893">
                  <c:v>58.347099999999998</c:v>
                </c:pt>
                <c:pt idx="12894">
                  <c:v>54.973199999999999</c:v>
                </c:pt>
                <c:pt idx="12895">
                  <c:v>52.2196</c:v>
                </c:pt>
                <c:pt idx="12896">
                  <c:v>50.3643</c:v>
                </c:pt>
                <c:pt idx="12897">
                  <c:v>56.6813</c:v>
                </c:pt>
                <c:pt idx="12898">
                  <c:v>55.567799999999998</c:v>
                </c:pt>
                <c:pt idx="12899">
                  <c:v>54.2273</c:v>
                </c:pt>
                <c:pt idx="12900">
                  <c:v>53.569299999999998</c:v>
                </c:pt>
                <c:pt idx="12901">
                  <c:v>53.111400000000003</c:v>
                </c:pt>
                <c:pt idx="12902">
                  <c:v>60.063600000000001</c:v>
                </c:pt>
                <c:pt idx="12903">
                  <c:v>19.363600000000002</c:v>
                </c:pt>
                <c:pt idx="12904">
                  <c:v>58.347099999999998</c:v>
                </c:pt>
                <c:pt idx="12905">
                  <c:v>54.973199999999999</c:v>
                </c:pt>
                <c:pt idx="12906">
                  <c:v>52.2196</c:v>
                </c:pt>
                <c:pt idx="12907">
                  <c:v>50.3643</c:v>
                </c:pt>
                <c:pt idx="12908">
                  <c:v>56.6813</c:v>
                </c:pt>
                <c:pt idx="12909">
                  <c:v>55.567799999999998</c:v>
                </c:pt>
                <c:pt idx="12910">
                  <c:v>54.2273</c:v>
                </c:pt>
                <c:pt idx="12911">
                  <c:v>53.569299999999998</c:v>
                </c:pt>
                <c:pt idx="12912">
                  <c:v>53.111400000000003</c:v>
                </c:pt>
                <c:pt idx="12913">
                  <c:v>60.063600000000001</c:v>
                </c:pt>
                <c:pt idx="12914">
                  <c:v>19.363600000000002</c:v>
                </c:pt>
                <c:pt idx="12915">
                  <c:v>58.347099999999998</c:v>
                </c:pt>
                <c:pt idx="12916">
                  <c:v>54.973199999999999</c:v>
                </c:pt>
                <c:pt idx="12917">
                  <c:v>52.2196</c:v>
                </c:pt>
                <c:pt idx="12918">
                  <c:v>50.3643</c:v>
                </c:pt>
                <c:pt idx="12919">
                  <c:v>56.6813</c:v>
                </c:pt>
                <c:pt idx="12920">
                  <c:v>55.567799999999998</c:v>
                </c:pt>
                <c:pt idx="12921">
                  <c:v>54.2273</c:v>
                </c:pt>
                <c:pt idx="12922">
                  <c:v>53.569299999999998</c:v>
                </c:pt>
                <c:pt idx="12923">
                  <c:v>53.111400000000003</c:v>
                </c:pt>
                <c:pt idx="12924">
                  <c:v>60.063600000000001</c:v>
                </c:pt>
                <c:pt idx="12925">
                  <c:v>19.363600000000002</c:v>
                </c:pt>
                <c:pt idx="12926">
                  <c:v>58.347099999999998</c:v>
                </c:pt>
                <c:pt idx="12927">
                  <c:v>54.973199999999999</c:v>
                </c:pt>
                <c:pt idx="12928">
                  <c:v>52.2196</c:v>
                </c:pt>
                <c:pt idx="12929">
                  <c:v>50.3643</c:v>
                </c:pt>
                <c:pt idx="12930">
                  <c:v>56.6813</c:v>
                </c:pt>
                <c:pt idx="12931">
                  <c:v>55.567799999999998</c:v>
                </c:pt>
                <c:pt idx="12932">
                  <c:v>54.2273</c:v>
                </c:pt>
                <c:pt idx="12933">
                  <c:v>53.569299999999998</c:v>
                </c:pt>
                <c:pt idx="12934">
                  <c:v>53.111400000000003</c:v>
                </c:pt>
                <c:pt idx="12935">
                  <c:v>60.063600000000001</c:v>
                </c:pt>
                <c:pt idx="12936">
                  <c:v>23.903600000000001</c:v>
                </c:pt>
                <c:pt idx="12937">
                  <c:v>53.918999999999997</c:v>
                </c:pt>
                <c:pt idx="12938">
                  <c:v>50.161099999999998</c:v>
                </c:pt>
                <c:pt idx="12939">
                  <c:v>49.047400000000003</c:v>
                </c:pt>
                <c:pt idx="12940">
                  <c:v>56.165599999999998</c:v>
                </c:pt>
                <c:pt idx="12941">
                  <c:v>59.366100000000003</c:v>
                </c:pt>
                <c:pt idx="12942">
                  <c:v>62.476300000000002</c:v>
                </c:pt>
                <c:pt idx="12943">
                  <c:v>66.209199999999996</c:v>
                </c:pt>
                <c:pt idx="12944">
                  <c:v>69.335700000000003</c:v>
                </c:pt>
                <c:pt idx="12945">
                  <c:v>69.5167</c:v>
                </c:pt>
                <c:pt idx="12946">
                  <c:v>60.063600000000001</c:v>
                </c:pt>
                <c:pt idx="12947">
                  <c:v>19.363600000000002</c:v>
                </c:pt>
                <c:pt idx="12948">
                  <c:v>58.347099999999998</c:v>
                </c:pt>
                <c:pt idx="12949">
                  <c:v>54.973199999999999</c:v>
                </c:pt>
                <c:pt idx="12950">
                  <c:v>52.2196</c:v>
                </c:pt>
                <c:pt idx="12951">
                  <c:v>50.3643</c:v>
                </c:pt>
                <c:pt idx="12952">
                  <c:v>56.6813</c:v>
                </c:pt>
                <c:pt idx="12953">
                  <c:v>55.567799999999998</c:v>
                </c:pt>
                <c:pt idx="12954">
                  <c:v>54.2273</c:v>
                </c:pt>
                <c:pt idx="12955">
                  <c:v>53.569299999999998</c:v>
                </c:pt>
                <c:pt idx="12956">
                  <c:v>53.111400000000003</c:v>
                </c:pt>
                <c:pt idx="12957">
                  <c:v>60.063600000000001</c:v>
                </c:pt>
                <c:pt idx="12958">
                  <c:v>19.363600000000002</c:v>
                </c:pt>
                <c:pt idx="12959">
                  <c:v>58.347099999999998</c:v>
                </c:pt>
                <c:pt idx="12960">
                  <c:v>54.973199999999999</c:v>
                </c:pt>
                <c:pt idx="12961">
                  <c:v>52.2196</c:v>
                </c:pt>
                <c:pt idx="12962">
                  <c:v>50.3643</c:v>
                </c:pt>
                <c:pt idx="12963">
                  <c:v>56.6813</c:v>
                </c:pt>
                <c:pt idx="12964">
                  <c:v>55.567799999999998</c:v>
                </c:pt>
                <c:pt idx="12965">
                  <c:v>54.2273</c:v>
                </c:pt>
                <c:pt idx="12966">
                  <c:v>53.569299999999998</c:v>
                </c:pt>
                <c:pt idx="12967">
                  <c:v>53.111400000000003</c:v>
                </c:pt>
                <c:pt idx="12968">
                  <c:v>60.063600000000001</c:v>
                </c:pt>
                <c:pt idx="12969">
                  <c:v>19.363600000000002</c:v>
                </c:pt>
                <c:pt idx="12970">
                  <c:v>58.347099999999998</c:v>
                </c:pt>
                <c:pt idx="12971">
                  <c:v>54.973199999999999</c:v>
                </c:pt>
                <c:pt idx="12972">
                  <c:v>52.2196</c:v>
                </c:pt>
                <c:pt idx="12973">
                  <c:v>50.3643</c:v>
                </c:pt>
                <c:pt idx="12974">
                  <c:v>56.6813</c:v>
                </c:pt>
                <c:pt idx="12975">
                  <c:v>55.567799999999998</c:v>
                </c:pt>
                <c:pt idx="12976">
                  <c:v>54.2273</c:v>
                </c:pt>
                <c:pt idx="12977">
                  <c:v>53.569299999999998</c:v>
                </c:pt>
                <c:pt idx="12978">
                  <c:v>53.111400000000003</c:v>
                </c:pt>
                <c:pt idx="12979">
                  <c:v>60.063600000000001</c:v>
                </c:pt>
                <c:pt idx="12980">
                  <c:v>19.363600000000002</c:v>
                </c:pt>
                <c:pt idx="12981">
                  <c:v>58.347099999999998</c:v>
                </c:pt>
                <c:pt idx="12982">
                  <c:v>54.973199999999999</c:v>
                </c:pt>
                <c:pt idx="12983">
                  <c:v>52.2196</c:v>
                </c:pt>
                <c:pt idx="12984">
                  <c:v>50.3643</c:v>
                </c:pt>
                <c:pt idx="12985">
                  <c:v>56.6813</c:v>
                </c:pt>
                <c:pt idx="12986">
                  <c:v>55.567799999999998</c:v>
                </c:pt>
                <c:pt idx="12987">
                  <c:v>54.2273</c:v>
                </c:pt>
                <c:pt idx="12988">
                  <c:v>53.569299999999998</c:v>
                </c:pt>
                <c:pt idx="12989">
                  <c:v>53.111400000000003</c:v>
                </c:pt>
                <c:pt idx="12990">
                  <c:v>60.063600000000001</c:v>
                </c:pt>
                <c:pt idx="12991">
                  <c:v>19.363600000000002</c:v>
                </c:pt>
                <c:pt idx="12992">
                  <c:v>58.347099999999998</c:v>
                </c:pt>
                <c:pt idx="12993">
                  <c:v>54.973199999999999</c:v>
                </c:pt>
                <c:pt idx="12994">
                  <c:v>52.2196</c:v>
                </c:pt>
                <c:pt idx="12995">
                  <c:v>50.3643</c:v>
                </c:pt>
                <c:pt idx="12996">
                  <c:v>56.6813</c:v>
                </c:pt>
                <c:pt idx="12997">
                  <c:v>55.567799999999998</c:v>
                </c:pt>
                <c:pt idx="12998">
                  <c:v>54.2273</c:v>
                </c:pt>
                <c:pt idx="12999">
                  <c:v>53.569299999999998</c:v>
                </c:pt>
                <c:pt idx="13000">
                  <c:v>53.111400000000003</c:v>
                </c:pt>
                <c:pt idx="13001">
                  <c:v>60.063600000000001</c:v>
                </c:pt>
                <c:pt idx="13002">
                  <c:v>19.363600000000002</c:v>
                </c:pt>
                <c:pt idx="13003">
                  <c:v>58.347099999999998</c:v>
                </c:pt>
                <c:pt idx="13004">
                  <c:v>54.973199999999999</c:v>
                </c:pt>
                <c:pt idx="13005">
                  <c:v>52.2196</c:v>
                </c:pt>
                <c:pt idx="13006">
                  <c:v>50.3643</c:v>
                </c:pt>
                <c:pt idx="13007">
                  <c:v>56.6813</c:v>
                </c:pt>
                <c:pt idx="13008">
                  <c:v>55.567799999999998</c:v>
                </c:pt>
                <c:pt idx="13009">
                  <c:v>54.2273</c:v>
                </c:pt>
                <c:pt idx="13010">
                  <c:v>53.569299999999998</c:v>
                </c:pt>
                <c:pt idx="13011">
                  <c:v>53.111400000000003</c:v>
                </c:pt>
                <c:pt idx="13012">
                  <c:v>60.063600000000001</c:v>
                </c:pt>
                <c:pt idx="13013">
                  <c:v>19.363600000000002</c:v>
                </c:pt>
                <c:pt idx="13014">
                  <c:v>58.347099999999998</c:v>
                </c:pt>
                <c:pt idx="13015">
                  <c:v>54.973199999999999</c:v>
                </c:pt>
                <c:pt idx="13016">
                  <c:v>52.2196</c:v>
                </c:pt>
                <c:pt idx="13017">
                  <c:v>50.3643</c:v>
                </c:pt>
                <c:pt idx="13018">
                  <c:v>56.6813</c:v>
                </c:pt>
                <c:pt idx="13019">
                  <c:v>55.567799999999998</c:v>
                </c:pt>
                <c:pt idx="13020">
                  <c:v>54.2273</c:v>
                </c:pt>
                <c:pt idx="13021">
                  <c:v>53.569299999999998</c:v>
                </c:pt>
                <c:pt idx="13022">
                  <c:v>53.111400000000003</c:v>
                </c:pt>
                <c:pt idx="13023">
                  <c:v>60.063600000000001</c:v>
                </c:pt>
                <c:pt idx="13024">
                  <c:v>19.363600000000002</c:v>
                </c:pt>
                <c:pt idx="13025">
                  <c:v>58.347099999999998</c:v>
                </c:pt>
                <c:pt idx="13026">
                  <c:v>54.973199999999999</c:v>
                </c:pt>
                <c:pt idx="13027">
                  <c:v>52.2196</c:v>
                </c:pt>
                <c:pt idx="13028">
                  <c:v>50.3643</c:v>
                </c:pt>
                <c:pt idx="13029">
                  <c:v>56.6813</c:v>
                </c:pt>
                <c:pt idx="13030">
                  <c:v>55.567799999999998</c:v>
                </c:pt>
                <c:pt idx="13031">
                  <c:v>54.2273</c:v>
                </c:pt>
                <c:pt idx="13032">
                  <c:v>53.569299999999998</c:v>
                </c:pt>
                <c:pt idx="13033">
                  <c:v>53.111400000000003</c:v>
                </c:pt>
                <c:pt idx="13034">
                  <c:v>60.063600000000001</c:v>
                </c:pt>
                <c:pt idx="13035">
                  <c:v>19.363600000000002</c:v>
                </c:pt>
                <c:pt idx="13036">
                  <c:v>58.347099999999998</c:v>
                </c:pt>
                <c:pt idx="13037">
                  <c:v>54.973199999999999</c:v>
                </c:pt>
                <c:pt idx="13038">
                  <c:v>52.2196</c:v>
                </c:pt>
                <c:pt idx="13039">
                  <c:v>50.3643</c:v>
                </c:pt>
                <c:pt idx="13040">
                  <c:v>56.6813</c:v>
                </c:pt>
                <c:pt idx="13041">
                  <c:v>55.567799999999998</c:v>
                </c:pt>
                <c:pt idx="13042">
                  <c:v>54.2273</c:v>
                </c:pt>
                <c:pt idx="13043">
                  <c:v>53.569299999999998</c:v>
                </c:pt>
                <c:pt idx="13044">
                  <c:v>53.111400000000003</c:v>
                </c:pt>
                <c:pt idx="13045">
                  <c:v>60.063600000000001</c:v>
                </c:pt>
                <c:pt idx="13046">
                  <c:v>19.363600000000002</c:v>
                </c:pt>
                <c:pt idx="13047">
                  <c:v>58.347099999999998</c:v>
                </c:pt>
                <c:pt idx="13048">
                  <c:v>54.973199999999999</c:v>
                </c:pt>
                <c:pt idx="13049">
                  <c:v>52.2196</c:v>
                </c:pt>
                <c:pt idx="13050">
                  <c:v>50.3643</c:v>
                </c:pt>
                <c:pt idx="13051">
                  <c:v>56.6813</c:v>
                </c:pt>
                <c:pt idx="13052">
                  <c:v>55.567799999999998</c:v>
                </c:pt>
                <c:pt idx="13053">
                  <c:v>54.2273</c:v>
                </c:pt>
                <c:pt idx="13054">
                  <c:v>53.569299999999998</c:v>
                </c:pt>
                <c:pt idx="13055">
                  <c:v>53.111400000000003</c:v>
                </c:pt>
                <c:pt idx="13056">
                  <c:v>60.063600000000001</c:v>
                </c:pt>
                <c:pt idx="13057">
                  <c:v>19.363600000000002</c:v>
                </c:pt>
                <c:pt idx="13058">
                  <c:v>58.347099999999998</c:v>
                </c:pt>
                <c:pt idx="13059">
                  <c:v>54.973199999999999</c:v>
                </c:pt>
                <c:pt idx="13060">
                  <c:v>52.2196</c:v>
                </c:pt>
                <c:pt idx="13061">
                  <c:v>50.3643</c:v>
                </c:pt>
                <c:pt idx="13062">
                  <c:v>56.6813</c:v>
                </c:pt>
                <c:pt idx="13063">
                  <c:v>55.567799999999998</c:v>
                </c:pt>
                <c:pt idx="13064">
                  <c:v>54.2273</c:v>
                </c:pt>
                <c:pt idx="13065">
                  <c:v>53.569299999999998</c:v>
                </c:pt>
                <c:pt idx="13066">
                  <c:v>53.111400000000003</c:v>
                </c:pt>
                <c:pt idx="13067">
                  <c:v>60.063600000000001</c:v>
                </c:pt>
                <c:pt idx="13068">
                  <c:v>23.903600000000001</c:v>
                </c:pt>
                <c:pt idx="13069">
                  <c:v>53.918999999999997</c:v>
                </c:pt>
                <c:pt idx="13070">
                  <c:v>50.161099999999998</c:v>
                </c:pt>
                <c:pt idx="13071">
                  <c:v>46.006300000000003</c:v>
                </c:pt>
                <c:pt idx="13072">
                  <c:v>56.165599999999998</c:v>
                </c:pt>
                <c:pt idx="13073">
                  <c:v>57.195399999999999</c:v>
                </c:pt>
                <c:pt idx="13074">
                  <c:v>59.580100000000002</c:v>
                </c:pt>
                <c:pt idx="13075">
                  <c:v>63.457999999999998</c:v>
                </c:pt>
                <c:pt idx="13076">
                  <c:v>66.801199999999994</c:v>
                </c:pt>
                <c:pt idx="13077">
                  <c:v>67.524299999999997</c:v>
                </c:pt>
                <c:pt idx="13078">
                  <c:v>60.063600000000001</c:v>
                </c:pt>
                <c:pt idx="13079">
                  <c:v>19.363600000000002</c:v>
                </c:pt>
                <c:pt idx="13080">
                  <c:v>58.347099999999998</c:v>
                </c:pt>
                <c:pt idx="13081">
                  <c:v>54.973199999999999</c:v>
                </c:pt>
                <c:pt idx="13082">
                  <c:v>52.2196</c:v>
                </c:pt>
                <c:pt idx="13083">
                  <c:v>50.3643</c:v>
                </c:pt>
                <c:pt idx="13084">
                  <c:v>56.6813</c:v>
                </c:pt>
                <c:pt idx="13085">
                  <c:v>55.567799999999998</c:v>
                </c:pt>
                <c:pt idx="13086">
                  <c:v>54.2273</c:v>
                </c:pt>
                <c:pt idx="13087">
                  <c:v>53.569299999999998</c:v>
                </c:pt>
                <c:pt idx="13088">
                  <c:v>53.111400000000003</c:v>
                </c:pt>
                <c:pt idx="13089">
                  <c:v>60.063600000000001</c:v>
                </c:pt>
                <c:pt idx="13090">
                  <c:v>19.363600000000002</c:v>
                </c:pt>
                <c:pt idx="13091">
                  <c:v>58.347099999999998</c:v>
                </c:pt>
                <c:pt idx="13092">
                  <c:v>54.973199999999999</c:v>
                </c:pt>
                <c:pt idx="13093">
                  <c:v>52.2196</c:v>
                </c:pt>
                <c:pt idx="13094">
                  <c:v>50.3643</c:v>
                </c:pt>
                <c:pt idx="13095">
                  <c:v>56.6813</c:v>
                </c:pt>
                <c:pt idx="13096">
                  <c:v>55.567799999999998</c:v>
                </c:pt>
                <c:pt idx="13097">
                  <c:v>54.2273</c:v>
                </c:pt>
                <c:pt idx="13098">
                  <c:v>53.569299999999998</c:v>
                </c:pt>
                <c:pt idx="13099">
                  <c:v>53.111400000000003</c:v>
                </c:pt>
                <c:pt idx="13100">
                  <c:v>60.063600000000001</c:v>
                </c:pt>
                <c:pt idx="13101">
                  <c:v>19.363600000000002</c:v>
                </c:pt>
                <c:pt idx="13102">
                  <c:v>58.347099999999998</c:v>
                </c:pt>
                <c:pt idx="13103">
                  <c:v>54.973199999999999</c:v>
                </c:pt>
                <c:pt idx="13104">
                  <c:v>52.2196</c:v>
                </c:pt>
                <c:pt idx="13105">
                  <c:v>50.3643</c:v>
                </c:pt>
                <c:pt idx="13106">
                  <c:v>56.6813</c:v>
                </c:pt>
                <c:pt idx="13107">
                  <c:v>55.567799999999998</c:v>
                </c:pt>
                <c:pt idx="13108">
                  <c:v>54.2273</c:v>
                </c:pt>
                <c:pt idx="13109">
                  <c:v>53.569299999999998</c:v>
                </c:pt>
                <c:pt idx="13110">
                  <c:v>53.111400000000003</c:v>
                </c:pt>
                <c:pt idx="13111">
                  <c:v>60.063600000000001</c:v>
                </c:pt>
                <c:pt idx="13112">
                  <c:v>19.363600000000002</c:v>
                </c:pt>
                <c:pt idx="13113">
                  <c:v>58.347099999999998</c:v>
                </c:pt>
                <c:pt idx="13114">
                  <c:v>54.973199999999999</c:v>
                </c:pt>
                <c:pt idx="13115">
                  <c:v>52.2196</c:v>
                </c:pt>
                <c:pt idx="13116">
                  <c:v>50.3643</c:v>
                </c:pt>
                <c:pt idx="13117">
                  <c:v>56.6813</c:v>
                </c:pt>
                <c:pt idx="13118">
                  <c:v>55.567799999999998</c:v>
                </c:pt>
                <c:pt idx="13119">
                  <c:v>54.2273</c:v>
                </c:pt>
                <c:pt idx="13120">
                  <c:v>53.569299999999998</c:v>
                </c:pt>
                <c:pt idx="13121">
                  <c:v>53.111400000000003</c:v>
                </c:pt>
                <c:pt idx="13122">
                  <c:v>60.063600000000001</c:v>
                </c:pt>
                <c:pt idx="13123">
                  <c:v>19.363600000000002</c:v>
                </c:pt>
                <c:pt idx="13124">
                  <c:v>58.347099999999998</c:v>
                </c:pt>
                <c:pt idx="13125">
                  <c:v>54.973199999999999</c:v>
                </c:pt>
                <c:pt idx="13126">
                  <c:v>52.2196</c:v>
                </c:pt>
                <c:pt idx="13127">
                  <c:v>50.3643</c:v>
                </c:pt>
                <c:pt idx="13128">
                  <c:v>56.6813</c:v>
                </c:pt>
                <c:pt idx="13129">
                  <c:v>55.567799999999998</c:v>
                </c:pt>
                <c:pt idx="13130">
                  <c:v>54.2273</c:v>
                </c:pt>
                <c:pt idx="13131">
                  <c:v>53.569299999999998</c:v>
                </c:pt>
                <c:pt idx="13132">
                  <c:v>53.111400000000003</c:v>
                </c:pt>
                <c:pt idx="13133">
                  <c:v>60.063600000000001</c:v>
                </c:pt>
                <c:pt idx="13134">
                  <c:v>19.363600000000002</c:v>
                </c:pt>
                <c:pt idx="13135">
                  <c:v>58.347099999999998</c:v>
                </c:pt>
                <c:pt idx="13136">
                  <c:v>54.973199999999999</c:v>
                </c:pt>
                <c:pt idx="13137">
                  <c:v>52.2196</c:v>
                </c:pt>
                <c:pt idx="13138">
                  <c:v>50.3643</c:v>
                </c:pt>
                <c:pt idx="13139">
                  <c:v>56.6813</c:v>
                </c:pt>
                <c:pt idx="13140">
                  <c:v>55.567799999999998</c:v>
                </c:pt>
                <c:pt idx="13141">
                  <c:v>54.2273</c:v>
                </c:pt>
                <c:pt idx="13142">
                  <c:v>53.569299999999998</c:v>
                </c:pt>
                <c:pt idx="13143">
                  <c:v>53.111400000000003</c:v>
                </c:pt>
                <c:pt idx="13144">
                  <c:v>60.063600000000001</c:v>
                </c:pt>
                <c:pt idx="13145">
                  <c:v>19.363600000000002</c:v>
                </c:pt>
                <c:pt idx="13146">
                  <c:v>58.347099999999998</c:v>
                </c:pt>
                <c:pt idx="13147">
                  <c:v>54.973199999999999</c:v>
                </c:pt>
                <c:pt idx="13148">
                  <c:v>52.2196</c:v>
                </c:pt>
                <c:pt idx="13149">
                  <c:v>50.3643</c:v>
                </c:pt>
                <c:pt idx="13150">
                  <c:v>56.6813</c:v>
                </c:pt>
                <c:pt idx="13151">
                  <c:v>55.567799999999998</c:v>
                </c:pt>
                <c:pt idx="13152">
                  <c:v>54.2273</c:v>
                </c:pt>
                <c:pt idx="13153">
                  <c:v>53.569299999999998</c:v>
                </c:pt>
                <c:pt idx="13154">
                  <c:v>53.111400000000003</c:v>
                </c:pt>
                <c:pt idx="13155">
                  <c:v>60.063600000000001</c:v>
                </c:pt>
                <c:pt idx="13156">
                  <c:v>19.363600000000002</c:v>
                </c:pt>
                <c:pt idx="13157">
                  <c:v>58.347099999999998</c:v>
                </c:pt>
                <c:pt idx="13158">
                  <c:v>54.973199999999999</c:v>
                </c:pt>
                <c:pt idx="13159">
                  <c:v>52.2196</c:v>
                </c:pt>
                <c:pt idx="13160">
                  <c:v>50.3643</c:v>
                </c:pt>
                <c:pt idx="13161">
                  <c:v>56.6813</c:v>
                </c:pt>
                <c:pt idx="13162">
                  <c:v>55.567799999999998</c:v>
                </c:pt>
                <c:pt idx="13163">
                  <c:v>54.2273</c:v>
                </c:pt>
                <c:pt idx="13164">
                  <c:v>53.569299999999998</c:v>
                </c:pt>
                <c:pt idx="13165">
                  <c:v>53.111400000000003</c:v>
                </c:pt>
                <c:pt idx="13166">
                  <c:v>60.063600000000001</c:v>
                </c:pt>
                <c:pt idx="13167">
                  <c:v>19.363600000000002</c:v>
                </c:pt>
                <c:pt idx="13168">
                  <c:v>58.347099999999998</c:v>
                </c:pt>
                <c:pt idx="13169">
                  <c:v>54.973199999999999</c:v>
                </c:pt>
                <c:pt idx="13170">
                  <c:v>52.2196</c:v>
                </c:pt>
                <c:pt idx="13171">
                  <c:v>50.3643</c:v>
                </c:pt>
                <c:pt idx="13172">
                  <c:v>56.6813</c:v>
                </c:pt>
                <c:pt idx="13173">
                  <c:v>55.567799999999998</c:v>
                </c:pt>
                <c:pt idx="13174">
                  <c:v>54.2273</c:v>
                </c:pt>
                <c:pt idx="13175">
                  <c:v>53.569299999999998</c:v>
                </c:pt>
                <c:pt idx="13176">
                  <c:v>53.111400000000003</c:v>
                </c:pt>
                <c:pt idx="13177">
                  <c:v>60.063600000000001</c:v>
                </c:pt>
                <c:pt idx="13178">
                  <c:v>19.363600000000002</c:v>
                </c:pt>
                <c:pt idx="13179">
                  <c:v>58.347099999999998</c:v>
                </c:pt>
                <c:pt idx="13180">
                  <c:v>54.973199999999999</c:v>
                </c:pt>
                <c:pt idx="13181">
                  <c:v>52.2196</c:v>
                </c:pt>
                <c:pt idx="13182">
                  <c:v>50.3643</c:v>
                </c:pt>
                <c:pt idx="13183">
                  <c:v>56.6813</c:v>
                </c:pt>
                <c:pt idx="13184">
                  <c:v>55.567799999999998</c:v>
                </c:pt>
                <c:pt idx="13185">
                  <c:v>54.2273</c:v>
                </c:pt>
                <c:pt idx="13186">
                  <c:v>53.569299999999998</c:v>
                </c:pt>
                <c:pt idx="13187">
                  <c:v>53.111400000000003</c:v>
                </c:pt>
                <c:pt idx="13188">
                  <c:v>60.063600000000001</c:v>
                </c:pt>
                <c:pt idx="13189">
                  <c:v>19.363600000000002</c:v>
                </c:pt>
                <c:pt idx="13190">
                  <c:v>58.347099999999998</c:v>
                </c:pt>
                <c:pt idx="13191">
                  <c:v>54.973199999999999</c:v>
                </c:pt>
                <c:pt idx="13192">
                  <c:v>52.2196</c:v>
                </c:pt>
                <c:pt idx="13193">
                  <c:v>50.3643</c:v>
                </c:pt>
                <c:pt idx="13194">
                  <c:v>56.6813</c:v>
                </c:pt>
                <c:pt idx="13195">
                  <c:v>55.567799999999998</c:v>
                </c:pt>
                <c:pt idx="13196">
                  <c:v>54.2273</c:v>
                </c:pt>
                <c:pt idx="13197">
                  <c:v>53.569299999999998</c:v>
                </c:pt>
                <c:pt idx="13198">
                  <c:v>53.111400000000003</c:v>
                </c:pt>
                <c:pt idx="13199">
                  <c:v>60.063600000000001</c:v>
                </c:pt>
                <c:pt idx="13200">
                  <c:v>23.903600000000001</c:v>
                </c:pt>
                <c:pt idx="13201">
                  <c:v>53.918999999999997</c:v>
                </c:pt>
                <c:pt idx="13202">
                  <c:v>50.161099999999998</c:v>
                </c:pt>
                <c:pt idx="13203">
                  <c:v>45.844200000000001</c:v>
                </c:pt>
                <c:pt idx="13204">
                  <c:v>56.165599999999998</c:v>
                </c:pt>
                <c:pt idx="13205">
                  <c:v>54.323599999999999</c:v>
                </c:pt>
                <c:pt idx="13206">
                  <c:v>57.230800000000002</c:v>
                </c:pt>
                <c:pt idx="13207">
                  <c:v>60.2742</c:v>
                </c:pt>
                <c:pt idx="13208">
                  <c:v>63.793399999999998</c:v>
                </c:pt>
                <c:pt idx="13209">
                  <c:v>65.063599999999994</c:v>
                </c:pt>
                <c:pt idx="13210">
                  <c:v>60.063600000000001</c:v>
                </c:pt>
                <c:pt idx="13211">
                  <c:v>19.363600000000002</c:v>
                </c:pt>
                <c:pt idx="13212">
                  <c:v>58.347099999999998</c:v>
                </c:pt>
                <c:pt idx="13213">
                  <c:v>54.973199999999999</c:v>
                </c:pt>
                <c:pt idx="13214">
                  <c:v>52.2196</c:v>
                </c:pt>
                <c:pt idx="13215">
                  <c:v>50.3643</c:v>
                </c:pt>
                <c:pt idx="13216">
                  <c:v>56.6813</c:v>
                </c:pt>
                <c:pt idx="13217">
                  <c:v>55.567799999999998</c:v>
                </c:pt>
                <c:pt idx="13218">
                  <c:v>54.2273</c:v>
                </c:pt>
                <c:pt idx="13219">
                  <c:v>53.569299999999998</c:v>
                </c:pt>
                <c:pt idx="13220">
                  <c:v>53.111400000000003</c:v>
                </c:pt>
                <c:pt idx="13221">
                  <c:v>60.063600000000001</c:v>
                </c:pt>
                <c:pt idx="13222">
                  <c:v>19.363600000000002</c:v>
                </c:pt>
                <c:pt idx="13223">
                  <c:v>58.347099999999998</c:v>
                </c:pt>
                <c:pt idx="13224">
                  <c:v>54.973199999999999</c:v>
                </c:pt>
                <c:pt idx="13225">
                  <c:v>52.2196</c:v>
                </c:pt>
                <c:pt idx="13226">
                  <c:v>50.3643</c:v>
                </c:pt>
                <c:pt idx="13227">
                  <c:v>56.6813</c:v>
                </c:pt>
                <c:pt idx="13228">
                  <c:v>55.567799999999998</c:v>
                </c:pt>
                <c:pt idx="13229">
                  <c:v>54.2273</c:v>
                </c:pt>
                <c:pt idx="13230">
                  <c:v>53.569299999999998</c:v>
                </c:pt>
                <c:pt idx="13231">
                  <c:v>53.111400000000003</c:v>
                </c:pt>
                <c:pt idx="13232">
                  <c:v>60.063600000000001</c:v>
                </c:pt>
                <c:pt idx="13233">
                  <c:v>19.363600000000002</c:v>
                </c:pt>
                <c:pt idx="13234">
                  <c:v>58.347099999999998</c:v>
                </c:pt>
                <c:pt idx="13235">
                  <c:v>54.973199999999999</c:v>
                </c:pt>
                <c:pt idx="13236">
                  <c:v>52.2196</c:v>
                </c:pt>
                <c:pt idx="13237">
                  <c:v>50.3643</c:v>
                </c:pt>
                <c:pt idx="13238">
                  <c:v>56.6813</c:v>
                </c:pt>
                <c:pt idx="13239">
                  <c:v>55.567799999999998</c:v>
                </c:pt>
                <c:pt idx="13240">
                  <c:v>54.2273</c:v>
                </c:pt>
                <c:pt idx="13241">
                  <c:v>53.569299999999998</c:v>
                </c:pt>
                <c:pt idx="13242">
                  <c:v>53.111400000000003</c:v>
                </c:pt>
                <c:pt idx="13243">
                  <c:v>60.063600000000001</c:v>
                </c:pt>
                <c:pt idx="13244">
                  <c:v>19.363600000000002</c:v>
                </c:pt>
                <c:pt idx="13245">
                  <c:v>58.347099999999998</c:v>
                </c:pt>
                <c:pt idx="13246">
                  <c:v>54.973199999999999</c:v>
                </c:pt>
                <c:pt idx="13247">
                  <c:v>52.2196</c:v>
                </c:pt>
                <c:pt idx="13248">
                  <c:v>50.3643</c:v>
                </c:pt>
                <c:pt idx="13249">
                  <c:v>56.6813</c:v>
                </c:pt>
                <c:pt idx="13250">
                  <c:v>55.567799999999998</c:v>
                </c:pt>
                <c:pt idx="13251">
                  <c:v>54.2273</c:v>
                </c:pt>
                <c:pt idx="13252">
                  <c:v>53.569299999999998</c:v>
                </c:pt>
                <c:pt idx="13253">
                  <c:v>53.111400000000003</c:v>
                </c:pt>
                <c:pt idx="13254">
                  <c:v>60.063600000000001</c:v>
                </c:pt>
                <c:pt idx="13255">
                  <c:v>19.363600000000002</c:v>
                </c:pt>
                <c:pt idx="13256">
                  <c:v>58.347099999999998</c:v>
                </c:pt>
                <c:pt idx="13257">
                  <c:v>54.973199999999999</c:v>
                </c:pt>
                <c:pt idx="13258">
                  <c:v>52.2196</c:v>
                </c:pt>
                <c:pt idx="13259">
                  <c:v>50.3643</c:v>
                </c:pt>
                <c:pt idx="13260">
                  <c:v>56.6813</c:v>
                </c:pt>
                <c:pt idx="13261">
                  <c:v>55.567799999999998</c:v>
                </c:pt>
                <c:pt idx="13262">
                  <c:v>54.2273</c:v>
                </c:pt>
                <c:pt idx="13263">
                  <c:v>53.569299999999998</c:v>
                </c:pt>
                <c:pt idx="13264">
                  <c:v>53.111400000000003</c:v>
                </c:pt>
                <c:pt idx="13265">
                  <c:v>60.063600000000001</c:v>
                </c:pt>
                <c:pt idx="13266">
                  <c:v>19.363600000000002</c:v>
                </c:pt>
                <c:pt idx="13267">
                  <c:v>58.347099999999998</c:v>
                </c:pt>
                <c:pt idx="13268">
                  <c:v>54.973199999999999</c:v>
                </c:pt>
                <c:pt idx="13269">
                  <c:v>52.2196</c:v>
                </c:pt>
                <c:pt idx="13270">
                  <c:v>50.3643</c:v>
                </c:pt>
                <c:pt idx="13271">
                  <c:v>56.6813</c:v>
                </c:pt>
                <c:pt idx="13272">
                  <c:v>55.567799999999998</c:v>
                </c:pt>
                <c:pt idx="13273">
                  <c:v>54.2273</c:v>
                </c:pt>
                <c:pt idx="13274">
                  <c:v>53.569299999999998</c:v>
                </c:pt>
                <c:pt idx="13275">
                  <c:v>53.111400000000003</c:v>
                </c:pt>
                <c:pt idx="13276">
                  <c:v>60.063600000000001</c:v>
                </c:pt>
                <c:pt idx="13277">
                  <c:v>19.363600000000002</c:v>
                </c:pt>
                <c:pt idx="13278">
                  <c:v>58.347099999999998</c:v>
                </c:pt>
                <c:pt idx="13279">
                  <c:v>54.973199999999999</c:v>
                </c:pt>
                <c:pt idx="13280">
                  <c:v>52.2196</c:v>
                </c:pt>
                <c:pt idx="13281">
                  <c:v>50.3643</c:v>
                </c:pt>
                <c:pt idx="13282">
                  <c:v>56.6813</c:v>
                </c:pt>
                <c:pt idx="13283">
                  <c:v>55.567799999999998</c:v>
                </c:pt>
                <c:pt idx="13284">
                  <c:v>54.2273</c:v>
                </c:pt>
                <c:pt idx="13285">
                  <c:v>53.569299999999998</c:v>
                </c:pt>
                <c:pt idx="13286">
                  <c:v>53.111400000000003</c:v>
                </c:pt>
                <c:pt idx="13287">
                  <c:v>60.063600000000001</c:v>
                </c:pt>
                <c:pt idx="13288">
                  <c:v>19.363600000000002</c:v>
                </c:pt>
                <c:pt idx="13289">
                  <c:v>58.347099999999998</c:v>
                </c:pt>
                <c:pt idx="13290">
                  <c:v>54.973199999999999</c:v>
                </c:pt>
                <c:pt idx="13291">
                  <c:v>52.2196</c:v>
                </c:pt>
                <c:pt idx="13292">
                  <c:v>50.3643</c:v>
                </c:pt>
                <c:pt idx="13293">
                  <c:v>56.6813</c:v>
                </c:pt>
                <c:pt idx="13294">
                  <c:v>55.567799999999998</c:v>
                </c:pt>
                <c:pt idx="13295">
                  <c:v>54.2273</c:v>
                </c:pt>
                <c:pt idx="13296">
                  <c:v>53.569299999999998</c:v>
                </c:pt>
                <c:pt idx="13297">
                  <c:v>53.111400000000003</c:v>
                </c:pt>
                <c:pt idx="13298">
                  <c:v>60.063600000000001</c:v>
                </c:pt>
                <c:pt idx="13299">
                  <c:v>19.363600000000002</c:v>
                </c:pt>
                <c:pt idx="13300">
                  <c:v>58.347099999999998</c:v>
                </c:pt>
                <c:pt idx="13301">
                  <c:v>54.973199999999999</c:v>
                </c:pt>
                <c:pt idx="13302">
                  <c:v>52.2196</c:v>
                </c:pt>
                <c:pt idx="13303">
                  <c:v>50.3643</c:v>
                </c:pt>
                <c:pt idx="13304">
                  <c:v>56.6813</c:v>
                </c:pt>
                <c:pt idx="13305">
                  <c:v>55.567799999999998</c:v>
                </c:pt>
                <c:pt idx="13306">
                  <c:v>54.2273</c:v>
                </c:pt>
                <c:pt idx="13307">
                  <c:v>53.569299999999998</c:v>
                </c:pt>
                <c:pt idx="13308">
                  <c:v>53.111400000000003</c:v>
                </c:pt>
                <c:pt idx="13309">
                  <c:v>60.063600000000001</c:v>
                </c:pt>
                <c:pt idx="13310">
                  <c:v>19.363600000000002</c:v>
                </c:pt>
                <c:pt idx="13311">
                  <c:v>58.347099999999998</c:v>
                </c:pt>
                <c:pt idx="13312">
                  <c:v>54.973199999999999</c:v>
                </c:pt>
                <c:pt idx="13313">
                  <c:v>52.2196</c:v>
                </c:pt>
                <c:pt idx="13314">
                  <c:v>50.3643</c:v>
                </c:pt>
                <c:pt idx="13315">
                  <c:v>56.6813</c:v>
                </c:pt>
                <c:pt idx="13316">
                  <c:v>55.567799999999998</c:v>
                </c:pt>
                <c:pt idx="13317">
                  <c:v>54.2273</c:v>
                </c:pt>
                <c:pt idx="13318">
                  <c:v>53.569299999999998</c:v>
                </c:pt>
                <c:pt idx="13319">
                  <c:v>53.111400000000003</c:v>
                </c:pt>
                <c:pt idx="13320">
                  <c:v>60.063600000000001</c:v>
                </c:pt>
                <c:pt idx="13321">
                  <c:v>19.363600000000002</c:v>
                </c:pt>
                <c:pt idx="13322">
                  <c:v>58.347099999999998</c:v>
                </c:pt>
                <c:pt idx="13323">
                  <c:v>54.973199999999999</c:v>
                </c:pt>
                <c:pt idx="13324">
                  <c:v>52.2196</c:v>
                </c:pt>
                <c:pt idx="13325">
                  <c:v>50.3643</c:v>
                </c:pt>
                <c:pt idx="13326">
                  <c:v>56.6813</c:v>
                </c:pt>
                <c:pt idx="13327">
                  <c:v>55.567799999999998</c:v>
                </c:pt>
                <c:pt idx="13328">
                  <c:v>54.2273</c:v>
                </c:pt>
                <c:pt idx="13329">
                  <c:v>53.569299999999998</c:v>
                </c:pt>
                <c:pt idx="13330">
                  <c:v>53.111400000000003</c:v>
                </c:pt>
                <c:pt idx="13331">
                  <c:v>60.063600000000001</c:v>
                </c:pt>
                <c:pt idx="13332">
                  <c:v>23.903600000000001</c:v>
                </c:pt>
                <c:pt idx="13333">
                  <c:v>53.918999999999997</c:v>
                </c:pt>
                <c:pt idx="13334">
                  <c:v>50.161099999999998</c:v>
                </c:pt>
                <c:pt idx="13335">
                  <c:v>45.844200000000001</c:v>
                </c:pt>
                <c:pt idx="13336">
                  <c:v>56.165599999999998</c:v>
                </c:pt>
                <c:pt idx="13337">
                  <c:v>52.742100000000001</c:v>
                </c:pt>
                <c:pt idx="13338">
                  <c:v>57.230800000000002</c:v>
                </c:pt>
                <c:pt idx="13339">
                  <c:v>58.430700000000002</c:v>
                </c:pt>
                <c:pt idx="13340">
                  <c:v>60.425400000000003</c:v>
                </c:pt>
                <c:pt idx="13341">
                  <c:v>62.063000000000002</c:v>
                </c:pt>
                <c:pt idx="13342">
                  <c:v>60.063600000000001</c:v>
                </c:pt>
                <c:pt idx="13343">
                  <c:v>19.363600000000002</c:v>
                </c:pt>
                <c:pt idx="13344">
                  <c:v>58.347099999999998</c:v>
                </c:pt>
                <c:pt idx="13345">
                  <c:v>54.973199999999999</c:v>
                </c:pt>
                <c:pt idx="13346">
                  <c:v>52.2196</c:v>
                </c:pt>
                <c:pt idx="13347">
                  <c:v>50.3643</c:v>
                </c:pt>
                <c:pt idx="13348">
                  <c:v>56.6813</c:v>
                </c:pt>
                <c:pt idx="13349">
                  <c:v>55.567799999999998</c:v>
                </c:pt>
                <c:pt idx="13350">
                  <c:v>54.2273</c:v>
                </c:pt>
                <c:pt idx="13351">
                  <c:v>53.569299999999998</c:v>
                </c:pt>
                <c:pt idx="13352">
                  <c:v>53.111400000000003</c:v>
                </c:pt>
                <c:pt idx="13353">
                  <c:v>60.063600000000001</c:v>
                </c:pt>
                <c:pt idx="13354">
                  <c:v>19.363600000000002</c:v>
                </c:pt>
                <c:pt idx="13355">
                  <c:v>58.347099999999998</c:v>
                </c:pt>
                <c:pt idx="13356">
                  <c:v>54.973199999999999</c:v>
                </c:pt>
                <c:pt idx="13357">
                  <c:v>52.2196</c:v>
                </c:pt>
                <c:pt idx="13358">
                  <c:v>50.3643</c:v>
                </c:pt>
                <c:pt idx="13359">
                  <c:v>56.6813</c:v>
                </c:pt>
                <c:pt idx="13360">
                  <c:v>55.567799999999998</c:v>
                </c:pt>
                <c:pt idx="13361">
                  <c:v>54.2273</c:v>
                </c:pt>
                <c:pt idx="13362">
                  <c:v>53.569299999999998</c:v>
                </c:pt>
                <c:pt idx="13363">
                  <c:v>53.111400000000003</c:v>
                </c:pt>
                <c:pt idx="13364">
                  <c:v>60.063600000000001</c:v>
                </c:pt>
                <c:pt idx="13365">
                  <c:v>19.363600000000002</c:v>
                </c:pt>
                <c:pt idx="13366">
                  <c:v>58.347099999999998</c:v>
                </c:pt>
                <c:pt idx="13367">
                  <c:v>54.973199999999999</c:v>
                </c:pt>
                <c:pt idx="13368">
                  <c:v>52.2196</c:v>
                </c:pt>
                <c:pt idx="13369">
                  <c:v>50.3643</c:v>
                </c:pt>
                <c:pt idx="13370">
                  <c:v>56.6813</c:v>
                </c:pt>
                <c:pt idx="13371">
                  <c:v>55.567799999999998</c:v>
                </c:pt>
                <c:pt idx="13372">
                  <c:v>54.2273</c:v>
                </c:pt>
                <c:pt idx="13373">
                  <c:v>53.569299999999998</c:v>
                </c:pt>
                <c:pt idx="13374">
                  <c:v>53.111400000000003</c:v>
                </c:pt>
                <c:pt idx="13375">
                  <c:v>60.063600000000001</c:v>
                </c:pt>
                <c:pt idx="13376">
                  <c:v>19.363600000000002</c:v>
                </c:pt>
                <c:pt idx="13377">
                  <c:v>58.347099999999998</c:v>
                </c:pt>
                <c:pt idx="13378">
                  <c:v>54.973199999999999</c:v>
                </c:pt>
                <c:pt idx="13379">
                  <c:v>52.2196</c:v>
                </c:pt>
                <c:pt idx="13380">
                  <c:v>50.3643</c:v>
                </c:pt>
                <c:pt idx="13381">
                  <c:v>56.6813</c:v>
                </c:pt>
                <c:pt idx="13382">
                  <c:v>55.567799999999998</c:v>
                </c:pt>
                <c:pt idx="13383">
                  <c:v>54.2273</c:v>
                </c:pt>
                <c:pt idx="13384">
                  <c:v>53.569299999999998</c:v>
                </c:pt>
                <c:pt idx="13385">
                  <c:v>53.111400000000003</c:v>
                </c:pt>
                <c:pt idx="13386">
                  <c:v>60.063600000000001</c:v>
                </c:pt>
                <c:pt idx="13387">
                  <c:v>19.363600000000002</c:v>
                </c:pt>
                <c:pt idx="13388">
                  <c:v>58.347099999999998</c:v>
                </c:pt>
                <c:pt idx="13389">
                  <c:v>54.973199999999999</c:v>
                </c:pt>
                <c:pt idx="13390">
                  <c:v>52.2196</c:v>
                </c:pt>
                <c:pt idx="13391">
                  <c:v>50.3643</c:v>
                </c:pt>
                <c:pt idx="13392">
                  <c:v>56.6813</c:v>
                </c:pt>
                <c:pt idx="13393">
                  <c:v>55.567799999999998</c:v>
                </c:pt>
                <c:pt idx="13394">
                  <c:v>54.2273</c:v>
                </c:pt>
                <c:pt idx="13395">
                  <c:v>53.569299999999998</c:v>
                </c:pt>
                <c:pt idx="13396">
                  <c:v>53.111400000000003</c:v>
                </c:pt>
                <c:pt idx="13397">
                  <c:v>60.063600000000001</c:v>
                </c:pt>
                <c:pt idx="13398">
                  <c:v>19.363600000000002</c:v>
                </c:pt>
                <c:pt idx="13399">
                  <c:v>58.347099999999998</c:v>
                </c:pt>
                <c:pt idx="13400">
                  <c:v>54.973199999999999</c:v>
                </c:pt>
                <c:pt idx="13401">
                  <c:v>52.2196</c:v>
                </c:pt>
                <c:pt idx="13402">
                  <c:v>50.3643</c:v>
                </c:pt>
                <c:pt idx="13403">
                  <c:v>56.6813</c:v>
                </c:pt>
                <c:pt idx="13404">
                  <c:v>55.567799999999998</c:v>
                </c:pt>
                <c:pt idx="13405">
                  <c:v>54.2273</c:v>
                </c:pt>
                <c:pt idx="13406">
                  <c:v>53.569299999999998</c:v>
                </c:pt>
                <c:pt idx="13407">
                  <c:v>53.111400000000003</c:v>
                </c:pt>
                <c:pt idx="13408">
                  <c:v>60.063600000000001</c:v>
                </c:pt>
                <c:pt idx="13409">
                  <c:v>19.363600000000002</c:v>
                </c:pt>
                <c:pt idx="13410">
                  <c:v>58.347099999999998</c:v>
                </c:pt>
                <c:pt idx="13411">
                  <c:v>54.973199999999999</c:v>
                </c:pt>
                <c:pt idx="13412">
                  <c:v>52.2196</c:v>
                </c:pt>
                <c:pt idx="13413">
                  <c:v>50.3643</c:v>
                </c:pt>
                <c:pt idx="13414">
                  <c:v>56.6813</c:v>
                </c:pt>
                <c:pt idx="13415">
                  <c:v>55.567799999999998</c:v>
                </c:pt>
                <c:pt idx="13416">
                  <c:v>54.2273</c:v>
                </c:pt>
                <c:pt idx="13417">
                  <c:v>53.569299999999998</c:v>
                </c:pt>
                <c:pt idx="13418">
                  <c:v>53.111400000000003</c:v>
                </c:pt>
                <c:pt idx="13419">
                  <c:v>60.063600000000001</c:v>
                </c:pt>
                <c:pt idx="13420">
                  <c:v>19.363600000000002</c:v>
                </c:pt>
                <c:pt idx="13421">
                  <c:v>58.347099999999998</c:v>
                </c:pt>
                <c:pt idx="13422">
                  <c:v>54.973199999999999</c:v>
                </c:pt>
                <c:pt idx="13423">
                  <c:v>52.2196</c:v>
                </c:pt>
                <c:pt idx="13424">
                  <c:v>50.3643</c:v>
                </c:pt>
                <c:pt idx="13425">
                  <c:v>56.6813</c:v>
                </c:pt>
                <c:pt idx="13426">
                  <c:v>55.567799999999998</c:v>
                </c:pt>
                <c:pt idx="13427">
                  <c:v>54.2273</c:v>
                </c:pt>
                <c:pt idx="13428">
                  <c:v>53.569299999999998</c:v>
                </c:pt>
                <c:pt idx="13429">
                  <c:v>53.111400000000003</c:v>
                </c:pt>
                <c:pt idx="13430">
                  <c:v>60.063600000000001</c:v>
                </c:pt>
                <c:pt idx="13431">
                  <c:v>19.363600000000002</c:v>
                </c:pt>
                <c:pt idx="13432">
                  <c:v>58.347099999999998</c:v>
                </c:pt>
                <c:pt idx="13433">
                  <c:v>54.973199999999999</c:v>
                </c:pt>
                <c:pt idx="13434">
                  <c:v>52.2196</c:v>
                </c:pt>
                <c:pt idx="13435">
                  <c:v>50.3643</c:v>
                </c:pt>
                <c:pt idx="13436">
                  <c:v>56.6813</c:v>
                </c:pt>
                <c:pt idx="13437">
                  <c:v>55.567799999999998</c:v>
                </c:pt>
                <c:pt idx="13438">
                  <c:v>54.2273</c:v>
                </c:pt>
                <c:pt idx="13439">
                  <c:v>53.569299999999998</c:v>
                </c:pt>
                <c:pt idx="13440">
                  <c:v>53.111400000000003</c:v>
                </c:pt>
                <c:pt idx="13441">
                  <c:v>60.063600000000001</c:v>
                </c:pt>
                <c:pt idx="13442">
                  <c:v>19.363600000000002</c:v>
                </c:pt>
                <c:pt idx="13443">
                  <c:v>58.347099999999998</c:v>
                </c:pt>
                <c:pt idx="13444">
                  <c:v>54.973199999999999</c:v>
                </c:pt>
                <c:pt idx="13445">
                  <c:v>52.2196</c:v>
                </c:pt>
                <c:pt idx="13446">
                  <c:v>50.3643</c:v>
                </c:pt>
                <c:pt idx="13447">
                  <c:v>56.6813</c:v>
                </c:pt>
                <c:pt idx="13448">
                  <c:v>55.567799999999998</c:v>
                </c:pt>
                <c:pt idx="13449">
                  <c:v>54.2273</c:v>
                </c:pt>
                <c:pt idx="13450">
                  <c:v>53.569299999999998</c:v>
                </c:pt>
                <c:pt idx="13451">
                  <c:v>53.111400000000003</c:v>
                </c:pt>
                <c:pt idx="13452">
                  <c:v>60.063600000000001</c:v>
                </c:pt>
                <c:pt idx="13453">
                  <c:v>19.363600000000002</c:v>
                </c:pt>
                <c:pt idx="13454">
                  <c:v>58.347099999999998</c:v>
                </c:pt>
                <c:pt idx="13455">
                  <c:v>54.973199999999999</c:v>
                </c:pt>
                <c:pt idx="13456">
                  <c:v>52.2196</c:v>
                </c:pt>
                <c:pt idx="13457">
                  <c:v>50.3643</c:v>
                </c:pt>
                <c:pt idx="13458">
                  <c:v>56.6813</c:v>
                </c:pt>
                <c:pt idx="13459">
                  <c:v>55.567799999999998</c:v>
                </c:pt>
                <c:pt idx="13460">
                  <c:v>54.2273</c:v>
                </c:pt>
                <c:pt idx="13461">
                  <c:v>53.569299999999998</c:v>
                </c:pt>
                <c:pt idx="13462">
                  <c:v>53.111400000000003</c:v>
                </c:pt>
                <c:pt idx="13463">
                  <c:v>60.063600000000001</c:v>
                </c:pt>
                <c:pt idx="13464">
                  <c:v>23.903600000000001</c:v>
                </c:pt>
                <c:pt idx="13465">
                  <c:v>53.918999999999997</c:v>
                </c:pt>
                <c:pt idx="13466">
                  <c:v>50.161099999999998</c:v>
                </c:pt>
                <c:pt idx="13467">
                  <c:v>45.844200000000001</c:v>
                </c:pt>
                <c:pt idx="13468">
                  <c:v>56.165599999999998</c:v>
                </c:pt>
                <c:pt idx="13469">
                  <c:v>52.742100000000001</c:v>
                </c:pt>
                <c:pt idx="13470">
                  <c:v>57.230800000000002</c:v>
                </c:pt>
                <c:pt idx="13471">
                  <c:v>58.430700000000002</c:v>
                </c:pt>
                <c:pt idx="13472">
                  <c:v>59.990900000000003</c:v>
                </c:pt>
                <c:pt idx="13473">
                  <c:v>59.029200000000003</c:v>
                </c:pt>
                <c:pt idx="13474">
                  <c:v>60.063600000000001</c:v>
                </c:pt>
                <c:pt idx="13475">
                  <c:v>19.363600000000002</c:v>
                </c:pt>
                <c:pt idx="13476">
                  <c:v>58.347099999999998</c:v>
                </c:pt>
                <c:pt idx="13477">
                  <c:v>54.973199999999999</c:v>
                </c:pt>
                <c:pt idx="13478">
                  <c:v>52.2196</c:v>
                </c:pt>
                <c:pt idx="13479">
                  <c:v>50.3643</c:v>
                </c:pt>
                <c:pt idx="13480">
                  <c:v>56.6813</c:v>
                </c:pt>
                <c:pt idx="13481">
                  <c:v>55.567799999999998</c:v>
                </c:pt>
                <c:pt idx="13482">
                  <c:v>54.2273</c:v>
                </c:pt>
                <c:pt idx="13483">
                  <c:v>53.569299999999998</c:v>
                </c:pt>
                <c:pt idx="13484">
                  <c:v>53.111400000000003</c:v>
                </c:pt>
                <c:pt idx="13485">
                  <c:v>60.063600000000001</c:v>
                </c:pt>
                <c:pt idx="13486">
                  <c:v>19.363600000000002</c:v>
                </c:pt>
                <c:pt idx="13487">
                  <c:v>58.347099999999998</c:v>
                </c:pt>
                <c:pt idx="13488">
                  <c:v>54.973199999999999</c:v>
                </c:pt>
                <c:pt idx="13489">
                  <c:v>52.2196</c:v>
                </c:pt>
                <c:pt idx="13490">
                  <c:v>50.3643</c:v>
                </c:pt>
                <c:pt idx="13491">
                  <c:v>56.6813</c:v>
                </c:pt>
                <c:pt idx="13492">
                  <c:v>55.567799999999998</c:v>
                </c:pt>
                <c:pt idx="13493">
                  <c:v>54.2273</c:v>
                </c:pt>
                <c:pt idx="13494">
                  <c:v>53.569299999999998</c:v>
                </c:pt>
                <c:pt idx="13495">
                  <c:v>53.111400000000003</c:v>
                </c:pt>
                <c:pt idx="13496">
                  <c:v>60.063600000000001</c:v>
                </c:pt>
                <c:pt idx="13497">
                  <c:v>19.363600000000002</c:v>
                </c:pt>
                <c:pt idx="13498">
                  <c:v>58.347099999999998</c:v>
                </c:pt>
                <c:pt idx="13499">
                  <c:v>54.973199999999999</c:v>
                </c:pt>
                <c:pt idx="13500">
                  <c:v>52.2196</c:v>
                </c:pt>
                <c:pt idx="13501">
                  <c:v>50.3643</c:v>
                </c:pt>
                <c:pt idx="13502">
                  <c:v>56.6813</c:v>
                </c:pt>
                <c:pt idx="13503">
                  <c:v>55.567799999999998</c:v>
                </c:pt>
                <c:pt idx="13504">
                  <c:v>54.2273</c:v>
                </c:pt>
                <c:pt idx="13505">
                  <c:v>53.569299999999998</c:v>
                </c:pt>
                <c:pt idx="13506">
                  <c:v>53.111400000000003</c:v>
                </c:pt>
                <c:pt idx="13507">
                  <c:v>60.063600000000001</c:v>
                </c:pt>
                <c:pt idx="13508">
                  <c:v>19.363600000000002</c:v>
                </c:pt>
                <c:pt idx="13509">
                  <c:v>58.347099999999998</c:v>
                </c:pt>
                <c:pt idx="13510">
                  <c:v>54.973199999999999</c:v>
                </c:pt>
                <c:pt idx="13511">
                  <c:v>52.2196</c:v>
                </c:pt>
                <c:pt idx="13512">
                  <c:v>50.3643</c:v>
                </c:pt>
                <c:pt idx="13513">
                  <c:v>56.6813</c:v>
                </c:pt>
                <c:pt idx="13514">
                  <c:v>55.567799999999998</c:v>
                </c:pt>
                <c:pt idx="13515">
                  <c:v>54.2273</c:v>
                </c:pt>
                <c:pt idx="13516">
                  <c:v>53.569299999999998</c:v>
                </c:pt>
                <c:pt idx="13517">
                  <c:v>53.111400000000003</c:v>
                </c:pt>
                <c:pt idx="13518">
                  <c:v>60.063600000000001</c:v>
                </c:pt>
                <c:pt idx="13519">
                  <c:v>19.363600000000002</c:v>
                </c:pt>
                <c:pt idx="13520">
                  <c:v>58.347099999999998</c:v>
                </c:pt>
                <c:pt idx="13521">
                  <c:v>54.973199999999999</c:v>
                </c:pt>
                <c:pt idx="13522">
                  <c:v>52.2196</c:v>
                </c:pt>
                <c:pt idx="13523">
                  <c:v>50.3643</c:v>
                </c:pt>
                <c:pt idx="13524">
                  <c:v>56.6813</c:v>
                </c:pt>
                <c:pt idx="13525">
                  <c:v>55.567799999999998</c:v>
                </c:pt>
                <c:pt idx="13526">
                  <c:v>54.2273</c:v>
                </c:pt>
                <c:pt idx="13527">
                  <c:v>53.569299999999998</c:v>
                </c:pt>
                <c:pt idx="13528">
                  <c:v>53.111400000000003</c:v>
                </c:pt>
                <c:pt idx="13529">
                  <c:v>60.063600000000001</c:v>
                </c:pt>
                <c:pt idx="13530">
                  <c:v>19.363600000000002</c:v>
                </c:pt>
                <c:pt idx="13531">
                  <c:v>58.347099999999998</c:v>
                </c:pt>
                <c:pt idx="13532">
                  <c:v>54.973199999999999</c:v>
                </c:pt>
                <c:pt idx="13533">
                  <c:v>52.2196</c:v>
                </c:pt>
                <c:pt idx="13534">
                  <c:v>50.3643</c:v>
                </c:pt>
                <c:pt idx="13535">
                  <c:v>56.6813</c:v>
                </c:pt>
                <c:pt idx="13536">
                  <c:v>55.567799999999998</c:v>
                </c:pt>
                <c:pt idx="13537">
                  <c:v>54.2273</c:v>
                </c:pt>
                <c:pt idx="13538">
                  <c:v>53.569299999999998</c:v>
                </c:pt>
                <c:pt idx="13539">
                  <c:v>53.111400000000003</c:v>
                </c:pt>
                <c:pt idx="13540">
                  <c:v>60.063600000000001</c:v>
                </c:pt>
                <c:pt idx="13541">
                  <c:v>19.363600000000002</c:v>
                </c:pt>
                <c:pt idx="13542">
                  <c:v>58.347099999999998</c:v>
                </c:pt>
                <c:pt idx="13543">
                  <c:v>54.973199999999999</c:v>
                </c:pt>
                <c:pt idx="13544">
                  <c:v>52.2196</c:v>
                </c:pt>
                <c:pt idx="13545">
                  <c:v>50.3643</c:v>
                </c:pt>
                <c:pt idx="13546">
                  <c:v>56.6813</c:v>
                </c:pt>
                <c:pt idx="13547">
                  <c:v>55.567799999999998</c:v>
                </c:pt>
                <c:pt idx="13548">
                  <c:v>54.2273</c:v>
                </c:pt>
                <c:pt idx="13549">
                  <c:v>53.569299999999998</c:v>
                </c:pt>
                <c:pt idx="13550">
                  <c:v>53.111400000000003</c:v>
                </c:pt>
                <c:pt idx="13551">
                  <c:v>60.063600000000001</c:v>
                </c:pt>
                <c:pt idx="13552">
                  <c:v>19.363600000000002</c:v>
                </c:pt>
                <c:pt idx="13553">
                  <c:v>58.347099999999998</c:v>
                </c:pt>
                <c:pt idx="13554">
                  <c:v>54.973199999999999</c:v>
                </c:pt>
                <c:pt idx="13555">
                  <c:v>52.2196</c:v>
                </c:pt>
                <c:pt idx="13556">
                  <c:v>50.3643</c:v>
                </c:pt>
                <c:pt idx="13557">
                  <c:v>56.6813</c:v>
                </c:pt>
                <c:pt idx="13558">
                  <c:v>55.567799999999998</c:v>
                </c:pt>
                <c:pt idx="13559">
                  <c:v>54.2273</c:v>
                </c:pt>
                <c:pt idx="13560">
                  <c:v>53.569299999999998</c:v>
                </c:pt>
                <c:pt idx="13561">
                  <c:v>53.111400000000003</c:v>
                </c:pt>
                <c:pt idx="13562">
                  <c:v>60.063600000000001</c:v>
                </c:pt>
                <c:pt idx="13563">
                  <c:v>19.363600000000002</c:v>
                </c:pt>
                <c:pt idx="13564">
                  <c:v>58.347099999999998</c:v>
                </c:pt>
                <c:pt idx="13565">
                  <c:v>54.973199999999999</c:v>
                </c:pt>
                <c:pt idx="13566">
                  <c:v>52.2196</c:v>
                </c:pt>
                <c:pt idx="13567">
                  <c:v>50.3643</c:v>
                </c:pt>
                <c:pt idx="13568">
                  <c:v>56.6813</c:v>
                </c:pt>
                <c:pt idx="13569">
                  <c:v>55.567799999999998</c:v>
                </c:pt>
                <c:pt idx="13570">
                  <c:v>54.2273</c:v>
                </c:pt>
                <c:pt idx="13571">
                  <c:v>53.569299999999998</c:v>
                </c:pt>
                <c:pt idx="13572">
                  <c:v>53.111400000000003</c:v>
                </c:pt>
                <c:pt idx="13573">
                  <c:v>60.063600000000001</c:v>
                </c:pt>
                <c:pt idx="13574">
                  <c:v>19.363600000000002</c:v>
                </c:pt>
                <c:pt idx="13575">
                  <c:v>58.347099999999998</c:v>
                </c:pt>
                <c:pt idx="13576">
                  <c:v>54.973199999999999</c:v>
                </c:pt>
                <c:pt idx="13577">
                  <c:v>52.2196</c:v>
                </c:pt>
                <c:pt idx="13578">
                  <c:v>50.3643</c:v>
                </c:pt>
                <c:pt idx="13579">
                  <c:v>56.6813</c:v>
                </c:pt>
                <c:pt idx="13580">
                  <c:v>55.567799999999998</c:v>
                </c:pt>
                <c:pt idx="13581">
                  <c:v>54.2273</c:v>
                </c:pt>
                <c:pt idx="13582">
                  <c:v>53.569299999999998</c:v>
                </c:pt>
                <c:pt idx="13583">
                  <c:v>53.111400000000003</c:v>
                </c:pt>
                <c:pt idx="13584">
                  <c:v>60.063600000000001</c:v>
                </c:pt>
                <c:pt idx="13585">
                  <c:v>19.363600000000002</c:v>
                </c:pt>
                <c:pt idx="13586">
                  <c:v>58.347099999999998</c:v>
                </c:pt>
                <c:pt idx="13587">
                  <c:v>54.973199999999999</c:v>
                </c:pt>
                <c:pt idx="13588">
                  <c:v>52.2196</c:v>
                </c:pt>
                <c:pt idx="13589">
                  <c:v>50.3643</c:v>
                </c:pt>
                <c:pt idx="13590">
                  <c:v>56.6813</c:v>
                </c:pt>
                <c:pt idx="13591">
                  <c:v>55.567799999999998</c:v>
                </c:pt>
                <c:pt idx="13592">
                  <c:v>54.2273</c:v>
                </c:pt>
                <c:pt idx="13593">
                  <c:v>53.569299999999998</c:v>
                </c:pt>
                <c:pt idx="13594">
                  <c:v>53.111400000000003</c:v>
                </c:pt>
                <c:pt idx="13595">
                  <c:v>60.063600000000001</c:v>
                </c:pt>
                <c:pt idx="13596">
                  <c:v>23.903600000000001</c:v>
                </c:pt>
                <c:pt idx="13597">
                  <c:v>53.918999999999997</c:v>
                </c:pt>
                <c:pt idx="13598">
                  <c:v>50.161099999999998</c:v>
                </c:pt>
                <c:pt idx="13599">
                  <c:v>45.844200000000001</c:v>
                </c:pt>
                <c:pt idx="13600">
                  <c:v>56.165599999999998</c:v>
                </c:pt>
                <c:pt idx="13601">
                  <c:v>52.742100000000001</c:v>
                </c:pt>
                <c:pt idx="13602">
                  <c:v>57.230800000000002</c:v>
                </c:pt>
                <c:pt idx="13603">
                  <c:v>58.430700000000002</c:v>
                </c:pt>
                <c:pt idx="13604">
                  <c:v>59.990900000000003</c:v>
                </c:pt>
                <c:pt idx="13605">
                  <c:v>59.029200000000003</c:v>
                </c:pt>
                <c:pt idx="13606">
                  <c:v>60.063600000000001</c:v>
                </c:pt>
                <c:pt idx="13607">
                  <c:v>19.363600000000002</c:v>
                </c:pt>
                <c:pt idx="13608">
                  <c:v>58.347099999999998</c:v>
                </c:pt>
                <c:pt idx="13609">
                  <c:v>54.973199999999999</c:v>
                </c:pt>
                <c:pt idx="13610">
                  <c:v>52.2196</c:v>
                </c:pt>
                <c:pt idx="13611">
                  <c:v>50.3643</c:v>
                </c:pt>
                <c:pt idx="13612">
                  <c:v>56.6813</c:v>
                </c:pt>
                <c:pt idx="13613">
                  <c:v>55.567799999999998</c:v>
                </c:pt>
                <c:pt idx="13614">
                  <c:v>54.2273</c:v>
                </c:pt>
                <c:pt idx="13615">
                  <c:v>53.569299999999998</c:v>
                </c:pt>
                <c:pt idx="13616">
                  <c:v>53.111400000000003</c:v>
                </c:pt>
                <c:pt idx="13617">
                  <c:v>60.063600000000001</c:v>
                </c:pt>
                <c:pt idx="13618">
                  <c:v>19.363600000000002</c:v>
                </c:pt>
                <c:pt idx="13619">
                  <c:v>58.347099999999998</c:v>
                </c:pt>
                <c:pt idx="13620">
                  <c:v>54.973199999999999</c:v>
                </c:pt>
                <c:pt idx="13621">
                  <c:v>52.2196</c:v>
                </c:pt>
                <c:pt idx="13622">
                  <c:v>50.3643</c:v>
                </c:pt>
                <c:pt idx="13623">
                  <c:v>56.6813</c:v>
                </c:pt>
                <c:pt idx="13624">
                  <c:v>55.567799999999998</c:v>
                </c:pt>
                <c:pt idx="13625">
                  <c:v>54.2273</c:v>
                </c:pt>
                <c:pt idx="13626">
                  <c:v>53.569299999999998</c:v>
                </c:pt>
                <c:pt idx="13627">
                  <c:v>53.111400000000003</c:v>
                </c:pt>
                <c:pt idx="13628">
                  <c:v>60.063600000000001</c:v>
                </c:pt>
                <c:pt idx="13629">
                  <c:v>19.363600000000002</c:v>
                </c:pt>
                <c:pt idx="13630">
                  <c:v>58.347099999999998</c:v>
                </c:pt>
                <c:pt idx="13631">
                  <c:v>54.973199999999999</c:v>
                </c:pt>
                <c:pt idx="13632">
                  <c:v>52.2196</c:v>
                </c:pt>
                <c:pt idx="13633">
                  <c:v>50.3643</c:v>
                </c:pt>
                <c:pt idx="13634">
                  <c:v>56.6813</c:v>
                </c:pt>
                <c:pt idx="13635">
                  <c:v>55.567799999999998</c:v>
                </c:pt>
                <c:pt idx="13636">
                  <c:v>54.2273</c:v>
                </c:pt>
                <c:pt idx="13637">
                  <c:v>53.569299999999998</c:v>
                </c:pt>
                <c:pt idx="13638">
                  <c:v>53.111400000000003</c:v>
                </c:pt>
                <c:pt idx="13639">
                  <c:v>60.063600000000001</c:v>
                </c:pt>
                <c:pt idx="13640">
                  <c:v>19.363600000000002</c:v>
                </c:pt>
                <c:pt idx="13641">
                  <c:v>58.347099999999998</c:v>
                </c:pt>
                <c:pt idx="13642">
                  <c:v>54.973199999999999</c:v>
                </c:pt>
                <c:pt idx="13643">
                  <c:v>52.2196</c:v>
                </c:pt>
                <c:pt idx="13644">
                  <c:v>50.3643</c:v>
                </c:pt>
                <c:pt idx="13645">
                  <c:v>56.6813</c:v>
                </c:pt>
                <c:pt idx="13646">
                  <c:v>55.567799999999998</c:v>
                </c:pt>
                <c:pt idx="13647">
                  <c:v>54.2273</c:v>
                </c:pt>
                <c:pt idx="13648">
                  <c:v>53.569299999999998</c:v>
                </c:pt>
                <c:pt idx="13649">
                  <c:v>53.111400000000003</c:v>
                </c:pt>
                <c:pt idx="13650">
                  <c:v>60.063600000000001</c:v>
                </c:pt>
                <c:pt idx="13651">
                  <c:v>19.363600000000002</c:v>
                </c:pt>
                <c:pt idx="13652">
                  <c:v>58.347099999999998</c:v>
                </c:pt>
                <c:pt idx="13653">
                  <c:v>54.973199999999999</c:v>
                </c:pt>
                <c:pt idx="13654">
                  <c:v>52.2196</c:v>
                </c:pt>
                <c:pt idx="13655">
                  <c:v>50.3643</c:v>
                </c:pt>
                <c:pt idx="13656">
                  <c:v>56.6813</c:v>
                </c:pt>
                <c:pt idx="13657">
                  <c:v>55.567799999999998</c:v>
                </c:pt>
                <c:pt idx="13658">
                  <c:v>54.2273</c:v>
                </c:pt>
                <c:pt idx="13659">
                  <c:v>53.569299999999998</c:v>
                </c:pt>
                <c:pt idx="13660">
                  <c:v>53.111400000000003</c:v>
                </c:pt>
                <c:pt idx="13661">
                  <c:v>60.063600000000001</c:v>
                </c:pt>
                <c:pt idx="13662">
                  <c:v>19.363600000000002</c:v>
                </c:pt>
                <c:pt idx="13663">
                  <c:v>58.347099999999998</c:v>
                </c:pt>
                <c:pt idx="13664">
                  <c:v>54.973199999999999</c:v>
                </c:pt>
                <c:pt idx="13665">
                  <c:v>52.2196</c:v>
                </c:pt>
                <c:pt idx="13666">
                  <c:v>50.3643</c:v>
                </c:pt>
                <c:pt idx="13667">
                  <c:v>56.6813</c:v>
                </c:pt>
                <c:pt idx="13668">
                  <c:v>55.567799999999998</c:v>
                </c:pt>
                <c:pt idx="13669">
                  <c:v>54.2273</c:v>
                </c:pt>
                <c:pt idx="13670">
                  <c:v>53.569299999999998</c:v>
                </c:pt>
                <c:pt idx="13671">
                  <c:v>53.111400000000003</c:v>
                </c:pt>
                <c:pt idx="13672">
                  <c:v>60.063600000000001</c:v>
                </c:pt>
                <c:pt idx="13673">
                  <c:v>19.363600000000002</c:v>
                </c:pt>
                <c:pt idx="13674">
                  <c:v>58.347099999999998</c:v>
                </c:pt>
                <c:pt idx="13675">
                  <c:v>54.973199999999999</c:v>
                </c:pt>
                <c:pt idx="13676">
                  <c:v>52.2196</c:v>
                </c:pt>
                <c:pt idx="13677">
                  <c:v>50.3643</c:v>
                </c:pt>
                <c:pt idx="13678">
                  <c:v>56.6813</c:v>
                </c:pt>
                <c:pt idx="13679">
                  <c:v>55.567799999999998</c:v>
                </c:pt>
                <c:pt idx="13680">
                  <c:v>54.2273</c:v>
                </c:pt>
                <c:pt idx="13681">
                  <c:v>53.569299999999998</c:v>
                </c:pt>
                <c:pt idx="13682">
                  <c:v>53.111400000000003</c:v>
                </c:pt>
                <c:pt idx="13683">
                  <c:v>60.063600000000001</c:v>
                </c:pt>
                <c:pt idx="13684">
                  <c:v>19.363600000000002</c:v>
                </c:pt>
                <c:pt idx="13685">
                  <c:v>58.347099999999998</c:v>
                </c:pt>
                <c:pt idx="13686">
                  <c:v>54.973199999999999</c:v>
                </c:pt>
                <c:pt idx="13687">
                  <c:v>52.2196</c:v>
                </c:pt>
                <c:pt idx="13688">
                  <c:v>50.3643</c:v>
                </c:pt>
                <c:pt idx="13689">
                  <c:v>56.6813</c:v>
                </c:pt>
                <c:pt idx="13690">
                  <c:v>55.567799999999998</c:v>
                </c:pt>
                <c:pt idx="13691">
                  <c:v>54.2273</c:v>
                </c:pt>
                <c:pt idx="13692">
                  <c:v>53.569299999999998</c:v>
                </c:pt>
                <c:pt idx="13693">
                  <c:v>53.111400000000003</c:v>
                </c:pt>
                <c:pt idx="13694">
                  <c:v>60.063600000000001</c:v>
                </c:pt>
                <c:pt idx="13695">
                  <c:v>19.363600000000002</c:v>
                </c:pt>
                <c:pt idx="13696">
                  <c:v>58.347099999999998</c:v>
                </c:pt>
                <c:pt idx="13697">
                  <c:v>54.973199999999999</c:v>
                </c:pt>
                <c:pt idx="13698">
                  <c:v>52.2196</c:v>
                </c:pt>
                <c:pt idx="13699">
                  <c:v>50.3643</c:v>
                </c:pt>
                <c:pt idx="13700">
                  <c:v>56.6813</c:v>
                </c:pt>
                <c:pt idx="13701">
                  <c:v>55.567799999999998</c:v>
                </c:pt>
                <c:pt idx="13702">
                  <c:v>54.2273</c:v>
                </c:pt>
                <c:pt idx="13703">
                  <c:v>53.569299999999998</c:v>
                </c:pt>
                <c:pt idx="13704">
                  <c:v>53.111400000000003</c:v>
                </c:pt>
                <c:pt idx="13705">
                  <c:v>60.063600000000001</c:v>
                </c:pt>
                <c:pt idx="13706">
                  <c:v>19.363600000000002</c:v>
                </c:pt>
                <c:pt idx="13707">
                  <c:v>58.347099999999998</c:v>
                </c:pt>
                <c:pt idx="13708">
                  <c:v>54.973199999999999</c:v>
                </c:pt>
                <c:pt idx="13709">
                  <c:v>52.2196</c:v>
                </c:pt>
                <c:pt idx="13710">
                  <c:v>50.3643</c:v>
                </c:pt>
                <c:pt idx="13711">
                  <c:v>56.6813</c:v>
                </c:pt>
                <c:pt idx="13712">
                  <c:v>55.567799999999998</c:v>
                </c:pt>
                <c:pt idx="13713">
                  <c:v>54.2273</c:v>
                </c:pt>
                <c:pt idx="13714">
                  <c:v>53.569299999999998</c:v>
                </c:pt>
                <c:pt idx="13715">
                  <c:v>53.111400000000003</c:v>
                </c:pt>
                <c:pt idx="13716">
                  <c:v>60.063600000000001</c:v>
                </c:pt>
                <c:pt idx="13717">
                  <c:v>19.363600000000002</c:v>
                </c:pt>
                <c:pt idx="13718">
                  <c:v>58.347099999999998</c:v>
                </c:pt>
                <c:pt idx="13719">
                  <c:v>54.973199999999999</c:v>
                </c:pt>
                <c:pt idx="13720">
                  <c:v>52.2196</c:v>
                </c:pt>
                <c:pt idx="13721">
                  <c:v>50.3643</c:v>
                </c:pt>
                <c:pt idx="13722">
                  <c:v>56.6813</c:v>
                </c:pt>
                <c:pt idx="13723">
                  <c:v>55.567799999999998</c:v>
                </c:pt>
                <c:pt idx="13724">
                  <c:v>54.2273</c:v>
                </c:pt>
                <c:pt idx="13725">
                  <c:v>53.569299999999998</c:v>
                </c:pt>
                <c:pt idx="13726">
                  <c:v>53.111400000000003</c:v>
                </c:pt>
                <c:pt idx="13727">
                  <c:v>60.063600000000001</c:v>
                </c:pt>
                <c:pt idx="13728">
                  <c:v>23.903600000000001</c:v>
                </c:pt>
                <c:pt idx="13729">
                  <c:v>53.918999999999997</c:v>
                </c:pt>
                <c:pt idx="13730">
                  <c:v>50.161099999999998</c:v>
                </c:pt>
                <c:pt idx="13731">
                  <c:v>45.844200000000001</c:v>
                </c:pt>
                <c:pt idx="13732">
                  <c:v>56.165599999999998</c:v>
                </c:pt>
                <c:pt idx="13733">
                  <c:v>52.742100000000001</c:v>
                </c:pt>
                <c:pt idx="13734">
                  <c:v>57.230800000000002</c:v>
                </c:pt>
                <c:pt idx="13735">
                  <c:v>58.430700000000002</c:v>
                </c:pt>
                <c:pt idx="13736">
                  <c:v>59.990900000000003</c:v>
                </c:pt>
                <c:pt idx="13737">
                  <c:v>59.029200000000003</c:v>
                </c:pt>
                <c:pt idx="13738">
                  <c:v>60.063600000000001</c:v>
                </c:pt>
                <c:pt idx="13739">
                  <c:v>19.363600000000002</c:v>
                </c:pt>
                <c:pt idx="13740">
                  <c:v>58.347099999999998</c:v>
                </c:pt>
                <c:pt idx="13741">
                  <c:v>54.973199999999999</c:v>
                </c:pt>
                <c:pt idx="13742">
                  <c:v>52.2196</c:v>
                </c:pt>
                <c:pt idx="13743">
                  <c:v>50.3643</c:v>
                </c:pt>
                <c:pt idx="13744">
                  <c:v>56.6813</c:v>
                </c:pt>
                <c:pt idx="13745">
                  <c:v>55.567799999999998</c:v>
                </c:pt>
                <c:pt idx="13746">
                  <c:v>54.2273</c:v>
                </c:pt>
                <c:pt idx="13747">
                  <c:v>53.569299999999998</c:v>
                </c:pt>
                <c:pt idx="13748">
                  <c:v>53.111400000000003</c:v>
                </c:pt>
                <c:pt idx="13749">
                  <c:v>60.063600000000001</c:v>
                </c:pt>
                <c:pt idx="13750">
                  <c:v>19.363600000000002</c:v>
                </c:pt>
                <c:pt idx="13751">
                  <c:v>58.347099999999998</c:v>
                </c:pt>
                <c:pt idx="13752">
                  <c:v>54.973199999999999</c:v>
                </c:pt>
                <c:pt idx="13753">
                  <c:v>52.2196</c:v>
                </c:pt>
                <c:pt idx="13754">
                  <c:v>50.3643</c:v>
                </c:pt>
                <c:pt idx="13755">
                  <c:v>56.6813</c:v>
                </c:pt>
                <c:pt idx="13756">
                  <c:v>55.567799999999998</c:v>
                </c:pt>
                <c:pt idx="13757">
                  <c:v>54.2273</c:v>
                </c:pt>
                <c:pt idx="13758">
                  <c:v>53.569299999999998</c:v>
                </c:pt>
                <c:pt idx="13759">
                  <c:v>53.111400000000003</c:v>
                </c:pt>
                <c:pt idx="13760">
                  <c:v>60.063600000000001</c:v>
                </c:pt>
                <c:pt idx="13761">
                  <c:v>19.363600000000002</c:v>
                </c:pt>
                <c:pt idx="13762">
                  <c:v>58.347099999999998</c:v>
                </c:pt>
                <c:pt idx="13763">
                  <c:v>54.973199999999999</c:v>
                </c:pt>
                <c:pt idx="13764">
                  <c:v>52.2196</c:v>
                </c:pt>
                <c:pt idx="13765">
                  <c:v>50.3643</c:v>
                </c:pt>
                <c:pt idx="13766">
                  <c:v>56.6813</c:v>
                </c:pt>
                <c:pt idx="13767">
                  <c:v>55.567799999999998</c:v>
                </c:pt>
                <c:pt idx="13768">
                  <c:v>54.2273</c:v>
                </c:pt>
                <c:pt idx="13769">
                  <c:v>53.569299999999998</c:v>
                </c:pt>
                <c:pt idx="13770">
                  <c:v>53.111400000000003</c:v>
                </c:pt>
                <c:pt idx="13771">
                  <c:v>60.063600000000001</c:v>
                </c:pt>
                <c:pt idx="13772">
                  <c:v>19.363600000000002</c:v>
                </c:pt>
                <c:pt idx="13773">
                  <c:v>58.347099999999998</c:v>
                </c:pt>
                <c:pt idx="13774">
                  <c:v>54.973199999999999</c:v>
                </c:pt>
                <c:pt idx="13775">
                  <c:v>52.2196</c:v>
                </c:pt>
                <c:pt idx="13776">
                  <c:v>50.3643</c:v>
                </c:pt>
                <c:pt idx="13777">
                  <c:v>56.6813</c:v>
                </c:pt>
                <c:pt idx="13778">
                  <c:v>55.567799999999998</c:v>
                </c:pt>
                <c:pt idx="13779">
                  <c:v>54.2273</c:v>
                </c:pt>
                <c:pt idx="13780">
                  <c:v>53.569299999999998</c:v>
                </c:pt>
                <c:pt idx="13781">
                  <c:v>53.111400000000003</c:v>
                </c:pt>
                <c:pt idx="13782">
                  <c:v>60.063600000000001</c:v>
                </c:pt>
                <c:pt idx="13783">
                  <c:v>19.363600000000002</c:v>
                </c:pt>
                <c:pt idx="13784">
                  <c:v>58.347099999999998</c:v>
                </c:pt>
                <c:pt idx="13785">
                  <c:v>54.973199999999999</c:v>
                </c:pt>
                <c:pt idx="13786">
                  <c:v>52.2196</c:v>
                </c:pt>
                <c:pt idx="13787">
                  <c:v>50.3643</c:v>
                </c:pt>
                <c:pt idx="13788">
                  <c:v>56.6813</c:v>
                </c:pt>
                <c:pt idx="13789">
                  <c:v>55.567799999999998</c:v>
                </c:pt>
                <c:pt idx="13790">
                  <c:v>54.2273</c:v>
                </c:pt>
                <c:pt idx="13791">
                  <c:v>53.569299999999998</c:v>
                </c:pt>
                <c:pt idx="13792">
                  <c:v>53.111400000000003</c:v>
                </c:pt>
                <c:pt idx="13793">
                  <c:v>60.063600000000001</c:v>
                </c:pt>
                <c:pt idx="13794">
                  <c:v>19.363600000000002</c:v>
                </c:pt>
                <c:pt idx="13795">
                  <c:v>58.347099999999998</c:v>
                </c:pt>
                <c:pt idx="13796">
                  <c:v>54.973199999999999</c:v>
                </c:pt>
                <c:pt idx="13797">
                  <c:v>52.2196</c:v>
                </c:pt>
                <c:pt idx="13798">
                  <c:v>50.3643</c:v>
                </c:pt>
                <c:pt idx="13799">
                  <c:v>56.6813</c:v>
                </c:pt>
                <c:pt idx="13800">
                  <c:v>55.567799999999998</c:v>
                </c:pt>
                <c:pt idx="13801">
                  <c:v>54.2273</c:v>
                </c:pt>
                <c:pt idx="13802">
                  <c:v>53.569299999999998</c:v>
                </c:pt>
                <c:pt idx="13803">
                  <c:v>53.111400000000003</c:v>
                </c:pt>
                <c:pt idx="13804">
                  <c:v>60.063600000000001</c:v>
                </c:pt>
                <c:pt idx="13805">
                  <c:v>19.363600000000002</c:v>
                </c:pt>
                <c:pt idx="13806">
                  <c:v>58.347099999999998</c:v>
                </c:pt>
                <c:pt idx="13807">
                  <c:v>54.973199999999999</c:v>
                </c:pt>
                <c:pt idx="13808">
                  <c:v>52.2196</c:v>
                </c:pt>
                <c:pt idx="13809">
                  <c:v>50.3643</c:v>
                </c:pt>
                <c:pt idx="13810">
                  <c:v>56.6813</c:v>
                </c:pt>
                <c:pt idx="13811">
                  <c:v>55.567799999999998</c:v>
                </c:pt>
                <c:pt idx="13812">
                  <c:v>54.2273</c:v>
                </c:pt>
                <c:pt idx="13813">
                  <c:v>53.569299999999998</c:v>
                </c:pt>
                <c:pt idx="13814">
                  <c:v>53.111400000000003</c:v>
                </c:pt>
                <c:pt idx="13815">
                  <c:v>60.063600000000001</c:v>
                </c:pt>
                <c:pt idx="13816">
                  <c:v>19.363600000000002</c:v>
                </c:pt>
                <c:pt idx="13817">
                  <c:v>58.347099999999998</c:v>
                </c:pt>
                <c:pt idx="13818">
                  <c:v>54.973199999999999</c:v>
                </c:pt>
                <c:pt idx="13819">
                  <c:v>52.2196</c:v>
                </c:pt>
                <c:pt idx="13820">
                  <c:v>50.3643</c:v>
                </c:pt>
                <c:pt idx="13821">
                  <c:v>56.6813</c:v>
                </c:pt>
                <c:pt idx="13822">
                  <c:v>55.567799999999998</c:v>
                </c:pt>
                <c:pt idx="13823">
                  <c:v>54.2273</c:v>
                </c:pt>
                <c:pt idx="13824">
                  <c:v>53.569299999999998</c:v>
                </c:pt>
                <c:pt idx="13825">
                  <c:v>53.111400000000003</c:v>
                </c:pt>
                <c:pt idx="13826">
                  <c:v>60.063600000000001</c:v>
                </c:pt>
                <c:pt idx="13827">
                  <c:v>19.363600000000002</c:v>
                </c:pt>
                <c:pt idx="13828">
                  <c:v>58.347099999999998</c:v>
                </c:pt>
                <c:pt idx="13829">
                  <c:v>54.973199999999999</c:v>
                </c:pt>
                <c:pt idx="13830">
                  <c:v>52.2196</c:v>
                </c:pt>
                <c:pt idx="13831">
                  <c:v>50.3643</c:v>
                </c:pt>
                <c:pt idx="13832">
                  <c:v>56.6813</c:v>
                </c:pt>
                <c:pt idx="13833">
                  <c:v>55.567799999999998</c:v>
                </c:pt>
                <c:pt idx="13834">
                  <c:v>54.2273</c:v>
                </c:pt>
                <c:pt idx="13835">
                  <c:v>53.569299999999998</c:v>
                </c:pt>
                <c:pt idx="13836">
                  <c:v>53.111400000000003</c:v>
                </c:pt>
                <c:pt idx="13837">
                  <c:v>60.063600000000001</c:v>
                </c:pt>
                <c:pt idx="13838">
                  <c:v>19.363600000000002</c:v>
                </c:pt>
                <c:pt idx="13839">
                  <c:v>58.347099999999998</c:v>
                </c:pt>
                <c:pt idx="13840">
                  <c:v>54.973199999999999</c:v>
                </c:pt>
                <c:pt idx="13841">
                  <c:v>52.2196</c:v>
                </c:pt>
                <c:pt idx="13842">
                  <c:v>50.3643</c:v>
                </c:pt>
                <c:pt idx="13843">
                  <c:v>56.6813</c:v>
                </c:pt>
                <c:pt idx="13844">
                  <c:v>55.567799999999998</c:v>
                </c:pt>
                <c:pt idx="13845">
                  <c:v>54.2273</c:v>
                </c:pt>
                <c:pt idx="13846">
                  <c:v>53.569299999999998</c:v>
                </c:pt>
                <c:pt idx="13847">
                  <c:v>53.111400000000003</c:v>
                </c:pt>
                <c:pt idx="13848">
                  <c:v>60.063600000000001</c:v>
                </c:pt>
                <c:pt idx="13849">
                  <c:v>19.363600000000002</c:v>
                </c:pt>
                <c:pt idx="13850">
                  <c:v>58.347099999999998</c:v>
                </c:pt>
                <c:pt idx="13851">
                  <c:v>54.973199999999999</c:v>
                </c:pt>
                <c:pt idx="13852">
                  <c:v>52.2196</c:v>
                </c:pt>
                <c:pt idx="13853">
                  <c:v>50.3643</c:v>
                </c:pt>
                <c:pt idx="13854">
                  <c:v>56.6813</c:v>
                </c:pt>
                <c:pt idx="13855">
                  <c:v>55.567799999999998</c:v>
                </c:pt>
                <c:pt idx="13856">
                  <c:v>54.2273</c:v>
                </c:pt>
                <c:pt idx="13857">
                  <c:v>53.569299999999998</c:v>
                </c:pt>
                <c:pt idx="13858">
                  <c:v>53.111400000000003</c:v>
                </c:pt>
                <c:pt idx="13859">
                  <c:v>60.063600000000001</c:v>
                </c:pt>
                <c:pt idx="13860">
                  <c:v>23.903600000000001</c:v>
                </c:pt>
                <c:pt idx="13861">
                  <c:v>53.918999999999997</c:v>
                </c:pt>
                <c:pt idx="13862">
                  <c:v>50.161099999999998</c:v>
                </c:pt>
                <c:pt idx="13863">
                  <c:v>45.844200000000001</c:v>
                </c:pt>
                <c:pt idx="13864">
                  <c:v>56.165599999999998</c:v>
                </c:pt>
                <c:pt idx="13865">
                  <c:v>52.742100000000001</c:v>
                </c:pt>
                <c:pt idx="13866">
                  <c:v>57.230800000000002</c:v>
                </c:pt>
                <c:pt idx="13867">
                  <c:v>58.430700000000002</c:v>
                </c:pt>
                <c:pt idx="13868">
                  <c:v>59.990900000000003</c:v>
                </c:pt>
                <c:pt idx="13869">
                  <c:v>59.029200000000003</c:v>
                </c:pt>
                <c:pt idx="13870">
                  <c:v>60.063600000000001</c:v>
                </c:pt>
                <c:pt idx="13871">
                  <c:v>19.363600000000002</c:v>
                </c:pt>
                <c:pt idx="13872">
                  <c:v>58.347099999999998</c:v>
                </c:pt>
                <c:pt idx="13873">
                  <c:v>54.973199999999999</c:v>
                </c:pt>
                <c:pt idx="13874">
                  <c:v>52.2196</c:v>
                </c:pt>
                <c:pt idx="13875">
                  <c:v>50.3643</c:v>
                </c:pt>
                <c:pt idx="13876">
                  <c:v>56.6813</c:v>
                </c:pt>
                <c:pt idx="13877">
                  <c:v>55.567799999999998</c:v>
                </c:pt>
                <c:pt idx="13878">
                  <c:v>54.2273</c:v>
                </c:pt>
                <c:pt idx="13879">
                  <c:v>53.569299999999998</c:v>
                </c:pt>
                <c:pt idx="13880">
                  <c:v>53.111400000000003</c:v>
                </c:pt>
                <c:pt idx="13881">
                  <c:v>60.063600000000001</c:v>
                </c:pt>
                <c:pt idx="13882">
                  <c:v>19.363600000000002</c:v>
                </c:pt>
                <c:pt idx="13883">
                  <c:v>58.347099999999998</c:v>
                </c:pt>
                <c:pt idx="13884">
                  <c:v>54.973199999999999</c:v>
                </c:pt>
                <c:pt idx="13885">
                  <c:v>52.2196</c:v>
                </c:pt>
                <c:pt idx="13886">
                  <c:v>50.3643</c:v>
                </c:pt>
                <c:pt idx="13887">
                  <c:v>56.6813</c:v>
                </c:pt>
                <c:pt idx="13888">
                  <c:v>55.567799999999998</c:v>
                </c:pt>
                <c:pt idx="13889">
                  <c:v>54.2273</c:v>
                </c:pt>
                <c:pt idx="13890">
                  <c:v>53.569299999999998</c:v>
                </c:pt>
                <c:pt idx="13891">
                  <c:v>53.111400000000003</c:v>
                </c:pt>
                <c:pt idx="13892">
                  <c:v>60.063600000000001</c:v>
                </c:pt>
                <c:pt idx="13893">
                  <c:v>19.363600000000002</c:v>
                </c:pt>
                <c:pt idx="13894">
                  <c:v>58.347099999999998</c:v>
                </c:pt>
                <c:pt idx="13895">
                  <c:v>54.973199999999999</c:v>
                </c:pt>
                <c:pt idx="13896">
                  <c:v>52.2196</c:v>
                </c:pt>
                <c:pt idx="13897">
                  <c:v>50.3643</c:v>
                </c:pt>
                <c:pt idx="13898">
                  <c:v>56.6813</c:v>
                </c:pt>
                <c:pt idx="13899">
                  <c:v>55.567799999999998</c:v>
                </c:pt>
                <c:pt idx="13900">
                  <c:v>54.2273</c:v>
                </c:pt>
                <c:pt idx="13901">
                  <c:v>53.569299999999998</c:v>
                </c:pt>
                <c:pt idx="13902">
                  <c:v>53.111400000000003</c:v>
                </c:pt>
                <c:pt idx="13903">
                  <c:v>60.063600000000001</c:v>
                </c:pt>
                <c:pt idx="13904">
                  <c:v>19.363600000000002</c:v>
                </c:pt>
                <c:pt idx="13905">
                  <c:v>58.347099999999998</c:v>
                </c:pt>
                <c:pt idx="13906">
                  <c:v>54.973199999999999</c:v>
                </c:pt>
                <c:pt idx="13907">
                  <c:v>52.2196</c:v>
                </c:pt>
                <c:pt idx="13908">
                  <c:v>50.3643</c:v>
                </c:pt>
                <c:pt idx="13909">
                  <c:v>56.6813</c:v>
                </c:pt>
                <c:pt idx="13910">
                  <c:v>55.567799999999998</c:v>
                </c:pt>
                <c:pt idx="13911">
                  <c:v>54.2273</c:v>
                </c:pt>
                <c:pt idx="13912">
                  <c:v>53.569299999999998</c:v>
                </c:pt>
                <c:pt idx="13913">
                  <c:v>53.111400000000003</c:v>
                </c:pt>
                <c:pt idx="13914">
                  <c:v>60.063600000000001</c:v>
                </c:pt>
                <c:pt idx="13915">
                  <c:v>19.363600000000002</c:v>
                </c:pt>
                <c:pt idx="13916">
                  <c:v>58.347099999999998</c:v>
                </c:pt>
                <c:pt idx="13917">
                  <c:v>54.973199999999999</c:v>
                </c:pt>
                <c:pt idx="13918">
                  <c:v>52.2196</c:v>
                </c:pt>
                <c:pt idx="13919">
                  <c:v>50.3643</c:v>
                </c:pt>
                <c:pt idx="13920">
                  <c:v>56.6813</c:v>
                </c:pt>
                <c:pt idx="13921">
                  <c:v>55.567799999999998</c:v>
                </c:pt>
                <c:pt idx="13922">
                  <c:v>54.2273</c:v>
                </c:pt>
                <c:pt idx="13923">
                  <c:v>53.569299999999998</c:v>
                </c:pt>
                <c:pt idx="13924">
                  <c:v>53.111400000000003</c:v>
                </c:pt>
                <c:pt idx="13925">
                  <c:v>60.063600000000001</c:v>
                </c:pt>
                <c:pt idx="13926">
                  <c:v>19.363600000000002</c:v>
                </c:pt>
                <c:pt idx="13927">
                  <c:v>58.347099999999998</c:v>
                </c:pt>
                <c:pt idx="13928">
                  <c:v>54.973199999999999</c:v>
                </c:pt>
                <c:pt idx="13929">
                  <c:v>52.2196</c:v>
                </c:pt>
                <c:pt idx="13930">
                  <c:v>50.3643</c:v>
                </c:pt>
                <c:pt idx="13931">
                  <c:v>56.6813</c:v>
                </c:pt>
                <c:pt idx="13932">
                  <c:v>55.567799999999998</c:v>
                </c:pt>
                <c:pt idx="13933">
                  <c:v>54.2273</c:v>
                </c:pt>
                <c:pt idx="13934">
                  <c:v>53.569299999999998</c:v>
                </c:pt>
                <c:pt idx="13935">
                  <c:v>53.111400000000003</c:v>
                </c:pt>
                <c:pt idx="13936">
                  <c:v>60.063600000000001</c:v>
                </c:pt>
                <c:pt idx="13937">
                  <c:v>19.363600000000002</c:v>
                </c:pt>
                <c:pt idx="13938">
                  <c:v>58.347099999999998</c:v>
                </c:pt>
                <c:pt idx="13939">
                  <c:v>54.973199999999999</c:v>
                </c:pt>
                <c:pt idx="13940">
                  <c:v>52.2196</c:v>
                </c:pt>
                <c:pt idx="13941">
                  <c:v>50.3643</c:v>
                </c:pt>
                <c:pt idx="13942">
                  <c:v>56.6813</c:v>
                </c:pt>
                <c:pt idx="13943">
                  <c:v>55.567799999999998</c:v>
                </c:pt>
                <c:pt idx="13944">
                  <c:v>54.2273</c:v>
                </c:pt>
                <c:pt idx="13945">
                  <c:v>53.569299999999998</c:v>
                </c:pt>
                <c:pt idx="13946">
                  <c:v>53.111400000000003</c:v>
                </c:pt>
                <c:pt idx="13947">
                  <c:v>60.063600000000001</c:v>
                </c:pt>
                <c:pt idx="13948">
                  <c:v>19.363600000000002</c:v>
                </c:pt>
                <c:pt idx="13949">
                  <c:v>58.347099999999998</c:v>
                </c:pt>
                <c:pt idx="13950">
                  <c:v>54.973199999999999</c:v>
                </c:pt>
                <c:pt idx="13951">
                  <c:v>52.2196</c:v>
                </c:pt>
                <c:pt idx="13952">
                  <c:v>50.3643</c:v>
                </c:pt>
                <c:pt idx="13953">
                  <c:v>56.6813</c:v>
                </c:pt>
                <c:pt idx="13954">
                  <c:v>55.567799999999998</c:v>
                </c:pt>
                <c:pt idx="13955">
                  <c:v>54.2273</c:v>
                </c:pt>
                <c:pt idx="13956">
                  <c:v>53.569299999999998</c:v>
                </c:pt>
                <c:pt idx="13957">
                  <c:v>53.111400000000003</c:v>
                </c:pt>
                <c:pt idx="13958">
                  <c:v>60.063600000000001</c:v>
                </c:pt>
                <c:pt idx="13959">
                  <c:v>19.363600000000002</c:v>
                </c:pt>
                <c:pt idx="13960">
                  <c:v>58.347099999999998</c:v>
                </c:pt>
                <c:pt idx="13961">
                  <c:v>54.973199999999999</c:v>
                </c:pt>
                <c:pt idx="13962">
                  <c:v>52.2196</c:v>
                </c:pt>
                <c:pt idx="13963">
                  <c:v>50.3643</c:v>
                </c:pt>
                <c:pt idx="13964">
                  <c:v>56.6813</c:v>
                </c:pt>
                <c:pt idx="13965">
                  <c:v>55.567799999999998</c:v>
                </c:pt>
                <c:pt idx="13966">
                  <c:v>54.2273</c:v>
                </c:pt>
                <c:pt idx="13967">
                  <c:v>53.569299999999998</c:v>
                </c:pt>
                <c:pt idx="13968">
                  <c:v>53.111400000000003</c:v>
                </c:pt>
                <c:pt idx="13969">
                  <c:v>60.063600000000001</c:v>
                </c:pt>
                <c:pt idx="13970">
                  <c:v>19.363600000000002</c:v>
                </c:pt>
                <c:pt idx="13971">
                  <c:v>58.347099999999998</c:v>
                </c:pt>
                <c:pt idx="13972">
                  <c:v>54.973199999999999</c:v>
                </c:pt>
                <c:pt idx="13973">
                  <c:v>52.2196</c:v>
                </c:pt>
                <c:pt idx="13974">
                  <c:v>50.3643</c:v>
                </c:pt>
                <c:pt idx="13975">
                  <c:v>56.6813</c:v>
                </c:pt>
                <c:pt idx="13976">
                  <c:v>55.567799999999998</c:v>
                </c:pt>
                <c:pt idx="13977">
                  <c:v>54.2273</c:v>
                </c:pt>
                <c:pt idx="13978">
                  <c:v>53.569299999999998</c:v>
                </c:pt>
                <c:pt idx="13979">
                  <c:v>53.111400000000003</c:v>
                </c:pt>
                <c:pt idx="13980">
                  <c:v>60.063600000000001</c:v>
                </c:pt>
                <c:pt idx="13981">
                  <c:v>19.363600000000002</c:v>
                </c:pt>
                <c:pt idx="13982">
                  <c:v>58.347099999999998</c:v>
                </c:pt>
                <c:pt idx="13983">
                  <c:v>54.973199999999999</c:v>
                </c:pt>
                <c:pt idx="13984">
                  <c:v>52.2196</c:v>
                </c:pt>
                <c:pt idx="13985">
                  <c:v>50.3643</c:v>
                </c:pt>
                <c:pt idx="13986">
                  <c:v>56.6813</c:v>
                </c:pt>
                <c:pt idx="13987">
                  <c:v>55.567799999999998</c:v>
                </c:pt>
                <c:pt idx="13988">
                  <c:v>54.2273</c:v>
                </c:pt>
                <c:pt idx="13989">
                  <c:v>53.569299999999998</c:v>
                </c:pt>
                <c:pt idx="13990">
                  <c:v>53.111400000000003</c:v>
                </c:pt>
                <c:pt idx="13991">
                  <c:v>60.063600000000001</c:v>
                </c:pt>
                <c:pt idx="13992">
                  <c:v>23.903600000000001</c:v>
                </c:pt>
                <c:pt idx="13993">
                  <c:v>53.918999999999997</c:v>
                </c:pt>
                <c:pt idx="13994">
                  <c:v>50.161099999999998</c:v>
                </c:pt>
                <c:pt idx="13995">
                  <c:v>45.844200000000001</c:v>
                </c:pt>
                <c:pt idx="13996">
                  <c:v>56.165599999999998</c:v>
                </c:pt>
                <c:pt idx="13997">
                  <c:v>52.742100000000001</c:v>
                </c:pt>
                <c:pt idx="13998">
                  <c:v>57.230800000000002</c:v>
                </c:pt>
                <c:pt idx="13999">
                  <c:v>58.430700000000002</c:v>
                </c:pt>
                <c:pt idx="14000">
                  <c:v>59.990900000000003</c:v>
                </c:pt>
                <c:pt idx="14001">
                  <c:v>59.029200000000003</c:v>
                </c:pt>
                <c:pt idx="14002">
                  <c:v>60.063600000000001</c:v>
                </c:pt>
                <c:pt idx="14003">
                  <c:v>19.363600000000002</c:v>
                </c:pt>
                <c:pt idx="14004">
                  <c:v>58.347099999999998</c:v>
                </c:pt>
                <c:pt idx="14005">
                  <c:v>54.973199999999999</c:v>
                </c:pt>
                <c:pt idx="14006">
                  <c:v>52.2196</c:v>
                </c:pt>
                <c:pt idx="14007">
                  <c:v>50.3643</c:v>
                </c:pt>
                <c:pt idx="14008">
                  <c:v>56.6813</c:v>
                </c:pt>
                <c:pt idx="14009">
                  <c:v>55.567799999999998</c:v>
                </c:pt>
                <c:pt idx="14010">
                  <c:v>54.2273</c:v>
                </c:pt>
                <c:pt idx="14011">
                  <c:v>53.569299999999998</c:v>
                </c:pt>
                <c:pt idx="14012">
                  <c:v>53.111400000000003</c:v>
                </c:pt>
                <c:pt idx="14013">
                  <c:v>60.063600000000001</c:v>
                </c:pt>
                <c:pt idx="14014">
                  <c:v>19.363600000000002</c:v>
                </c:pt>
                <c:pt idx="14015">
                  <c:v>58.347099999999998</c:v>
                </c:pt>
                <c:pt idx="14016">
                  <c:v>54.973199999999999</c:v>
                </c:pt>
                <c:pt idx="14017">
                  <c:v>52.2196</c:v>
                </c:pt>
                <c:pt idx="14018">
                  <c:v>50.3643</c:v>
                </c:pt>
                <c:pt idx="14019">
                  <c:v>56.6813</c:v>
                </c:pt>
                <c:pt idx="14020">
                  <c:v>55.567799999999998</c:v>
                </c:pt>
                <c:pt idx="14021">
                  <c:v>54.2273</c:v>
                </c:pt>
                <c:pt idx="14022">
                  <c:v>53.569299999999998</c:v>
                </c:pt>
                <c:pt idx="14023">
                  <c:v>53.111400000000003</c:v>
                </c:pt>
                <c:pt idx="14024">
                  <c:v>60.063600000000001</c:v>
                </c:pt>
                <c:pt idx="14025">
                  <c:v>19.363600000000002</c:v>
                </c:pt>
                <c:pt idx="14026">
                  <c:v>58.347099999999998</c:v>
                </c:pt>
                <c:pt idx="14027">
                  <c:v>54.973199999999999</c:v>
                </c:pt>
                <c:pt idx="14028">
                  <c:v>52.2196</c:v>
                </c:pt>
                <c:pt idx="14029">
                  <c:v>50.3643</c:v>
                </c:pt>
                <c:pt idx="14030">
                  <c:v>56.6813</c:v>
                </c:pt>
                <c:pt idx="14031">
                  <c:v>55.567799999999998</c:v>
                </c:pt>
                <c:pt idx="14032">
                  <c:v>54.2273</c:v>
                </c:pt>
                <c:pt idx="14033">
                  <c:v>53.569299999999998</c:v>
                </c:pt>
                <c:pt idx="14034">
                  <c:v>53.111400000000003</c:v>
                </c:pt>
                <c:pt idx="14035">
                  <c:v>60.063600000000001</c:v>
                </c:pt>
                <c:pt idx="14036">
                  <c:v>19.363600000000002</c:v>
                </c:pt>
                <c:pt idx="14037">
                  <c:v>58.347099999999998</c:v>
                </c:pt>
                <c:pt idx="14038">
                  <c:v>54.973199999999999</c:v>
                </c:pt>
                <c:pt idx="14039">
                  <c:v>52.2196</c:v>
                </c:pt>
                <c:pt idx="14040">
                  <c:v>50.3643</c:v>
                </c:pt>
                <c:pt idx="14041">
                  <c:v>56.6813</c:v>
                </c:pt>
                <c:pt idx="14042">
                  <c:v>55.567799999999998</c:v>
                </c:pt>
                <c:pt idx="14043">
                  <c:v>54.2273</c:v>
                </c:pt>
                <c:pt idx="14044">
                  <c:v>53.569299999999998</c:v>
                </c:pt>
                <c:pt idx="14045">
                  <c:v>53.111400000000003</c:v>
                </c:pt>
                <c:pt idx="14046">
                  <c:v>60.063600000000001</c:v>
                </c:pt>
                <c:pt idx="14047">
                  <c:v>19.363600000000002</c:v>
                </c:pt>
                <c:pt idx="14048">
                  <c:v>58.347099999999998</c:v>
                </c:pt>
                <c:pt idx="14049">
                  <c:v>54.973199999999999</c:v>
                </c:pt>
                <c:pt idx="14050">
                  <c:v>52.2196</c:v>
                </c:pt>
                <c:pt idx="14051">
                  <c:v>50.3643</c:v>
                </c:pt>
                <c:pt idx="14052">
                  <c:v>56.6813</c:v>
                </c:pt>
                <c:pt idx="14053">
                  <c:v>55.567799999999998</c:v>
                </c:pt>
                <c:pt idx="14054">
                  <c:v>54.2273</c:v>
                </c:pt>
                <c:pt idx="14055">
                  <c:v>53.569299999999998</c:v>
                </c:pt>
                <c:pt idx="14056">
                  <c:v>53.111400000000003</c:v>
                </c:pt>
                <c:pt idx="14057">
                  <c:v>60.063600000000001</c:v>
                </c:pt>
                <c:pt idx="14058">
                  <c:v>19.363600000000002</c:v>
                </c:pt>
                <c:pt idx="14059">
                  <c:v>58.347099999999998</c:v>
                </c:pt>
                <c:pt idx="14060">
                  <c:v>54.973199999999999</c:v>
                </c:pt>
                <c:pt idx="14061">
                  <c:v>52.2196</c:v>
                </c:pt>
                <c:pt idx="14062">
                  <c:v>50.3643</c:v>
                </c:pt>
                <c:pt idx="14063">
                  <c:v>56.6813</c:v>
                </c:pt>
                <c:pt idx="14064">
                  <c:v>55.567799999999998</c:v>
                </c:pt>
                <c:pt idx="14065">
                  <c:v>54.2273</c:v>
                </c:pt>
                <c:pt idx="14066">
                  <c:v>53.569299999999998</c:v>
                </c:pt>
                <c:pt idx="14067">
                  <c:v>53.111400000000003</c:v>
                </c:pt>
                <c:pt idx="14068">
                  <c:v>60.063600000000001</c:v>
                </c:pt>
                <c:pt idx="14069">
                  <c:v>19.363600000000002</c:v>
                </c:pt>
                <c:pt idx="14070">
                  <c:v>58.347099999999998</c:v>
                </c:pt>
                <c:pt idx="14071">
                  <c:v>54.973199999999999</c:v>
                </c:pt>
                <c:pt idx="14072">
                  <c:v>52.2196</c:v>
                </c:pt>
                <c:pt idx="14073">
                  <c:v>50.3643</c:v>
                </c:pt>
                <c:pt idx="14074">
                  <c:v>56.6813</c:v>
                </c:pt>
                <c:pt idx="14075">
                  <c:v>55.567799999999998</c:v>
                </c:pt>
                <c:pt idx="14076">
                  <c:v>54.2273</c:v>
                </c:pt>
                <c:pt idx="14077">
                  <c:v>53.569299999999998</c:v>
                </c:pt>
                <c:pt idx="14078">
                  <c:v>53.111400000000003</c:v>
                </c:pt>
                <c:pt idx="14079">
                  <c:v>60.063600000000001</c:v>
                </c:pt>
                <c:pt idx="14080">
                  <c:v>19.363600000000002</c:v>
                </c:pt>
                <c:pt idx="14081">
                  <c:v>58.347099999999998</c:v>
                </c:pt>
                <c:pt idx="14082">
                  <c:v>54.973199999999999</c:v>
                </c:pt>
                <c:pt idx="14083">
                  <c:v>52.2196</c:v>
                </c:pt>
                <c:pt idx="14084">
                  <c:v>50.3643</c:v>
                </c:pt>
                <c:pt idx="14085">
                  <c:v>56.6813</c:v>
                </c:pt>
                <c:pt idx="14086">
                  <c:v>55.567799999999998</c:v>
                </c:pt>
                <c:pt idx="14087">
                  <c:v>54.2273</c:v>
                </c:pt>
                <c:pt idx="14088">
                  <c:v>53.569299999999998</c:v>
                </c:pt>
                <c:pt idx="14089">
                  <c:v>53.111400000000003</c:v>
                </c:pt>
                <c:pt idx="14090">
                  <c:v>60.063600000000001</c:v>
                </c:pt>
                <c:pt idx="14091">
                  <c:v>19.363600000000002</c:v>
                </c:pt>
                <c:pt idx="14092">
                  <c:v>58.347099999999998</c:v>
                </c:pt>
                <c:pt idx="14093">
                  <c:v>54.973199999999999</c:v>
                </c:pt>
                <c:pt idx="14094">
                  <c:v>52.2196</c:v>
                </c:pt>
                <c:pt idx="14095">
                  <c:v>50.3643</c:v>
                </c:pt>
                <c:pt idx="14096">
                  <c:v>56.6813</c:v>
                </c:pt>
                <c:pt idx="14097">
                  <c:v>55.567799999999998</c:v>
                </c:pt>
                <c:pt idx="14098">
                  <c:v>54.2273</c:v>
                </c:pt>
                <c:pt idx="14099">
                  <c:v>53.569299999999998</c:v>
                </c:pt>
                <c:pt idx="14100">
                  <c:v>53.111400000000003</c:v>
                </c:pt>
                <c:pt idx="14101">
                  <c:v>60.063600000000001</c:v>
                </c:pt>
                <c:pt idx="14102">
                  <c:v>19.363600000000002</c:v>
                </c:pt>
                <c:pt idx="14103">
                  <c:v>58.347099999999998</c:v>
                </c:pt>
                <c:pt idx="14104">
                  <c:v>54.973199999999999</c:v>
                </c:pt>
                <c:pt idx="14105">
                  <c:v>52.2196</c:v>
                </c:pt>
                <c:pt idx="14106">
                  <c:v>50.3643</c:v>
                </c:pt>
                <c:pt idx="14107">
                  <c:v>56.6813</c:v>
                </c:pt>
                <c:pt idx="14108">
                  <c:v>55.567799999999998</c:v>
                </c:pt>
                <c:pt idx="14109">
                  <c:v>54.2273</c:v>
                </c:pt>
                <c:pt idx="14110">
                  <c:v>53.569299999999998</c:v>
                </c:pt>
                <c:pt idx="14111">
                  <c:v>53.111400000000003</c:v>
                </c:pt>
                <c:pt idx="14112">
                  <c:v>60.063600000000001</c:v>
                </c:pt>
                <c:pt idx="14113">
                  <c:v>19.363600000000002</c:v>
                </c:pt>
                <c:pt idx="14114">
                  <c:v>58.347099999999998</c:v>
                </c:pt>
                <c:pt idx="14115">
                  <c:v>54.973199999999999</c:v>
                </c:pt>
                <c:pt idx="14116">
                  <c:v>52.2196</c:v>
                </c:pt>
                <c:pt idx="14117">
                  <c:v>50.3643</c:v>
                </c:pt>
                <c:pt idx="14118">
                  <c:v>56.6813</c:v>
                </c:pt>
                <c:pt idx="14119">
                  <c:v>55.567799999999998</c:v>
                </c:pt>
                <c:pt idx="14120">
                  <c:v>54.2273</c:v>
                </c:pt>
                <c:pt idx="14121">
                  <c:v>53.569299999999998</c:v>
                </c:pt>
                <c:pt idx="14122">
                  <c:v>53.111400000000003</c:v>
                </c:pt>
                <c:pt idx="14123">
                  <c:v>60.063600000000001</c:v>
                </c:pt>
                <c:pt idx="14124">
                  <c:v>23.903600000000001</c:v>
                </c:pt>
                <c:pt idx="14125">
                  <c:v>53.918999999999997</c:v>
                </c:pt>
                <c:pt idx="14126">
                  <c:v>50.161099999999998</c:v>
                </c:pt>
                <c:pt idx="14127">
                  <c:v>45.844200000000001</c:v>
                </c:pt>
                <c:pt idx="14128">
                  <c:v>56.165599999999998</c:v>
                </c:pt>
                <c:pt idx="14129">
                  <c:v>52.742100000000001</c:v>
                </c:pt>
                <c:pt idx="14130">
                  <c:v>57.230800000000002</c:v>
                </c:pt>
                <c:pt idx="14131">
                  <c:v>58.430700000000002</c:v>
                </c:pt>
                <c:pt idx="14132">
                  <c:v>59.990900000000003</c:v>
                </c:pt>
                <c:pt idx="14133">
                  <c:v>59.029200000000003</c:v>
                </c:pt>
                <c:pt idx="14134">
                  <c:v>60.063600000000001</c:v>
                </c:pt>
                <c:pt idx="14135">
                  <c:v>19.363600000000002</c:v>
                </c:pt>
                <c:pt idx="14136">
                  <c:v>58.347099999999998</c:v>
                </c:pt>
                <c:pt idx="14137">
                  <c:v>54.973199999999999</c:v>
                </c:pt>
                <c:pt idx="14138">
                  <c:v>52.2196</c:v>
                </c:pt>
                <c:pt idx="14139">
                  <c:v>50.3643</c:v>
                </c:pt>
                <c:pt idx="14140">
                  <c:v>56.6813</c:v>
                </c:pt>
                <c:pt idx="14141">
                  <c:v>55.567799999999998</c:v>
                </c:pt>
                <c:pt idx="14142">
                  <c:v>54.2273</c:v>
                </c:pt>
                <c:pt idx="14143">
                  <c:v>53.569299999999998</c:v>
                </c:pt>
                <c:pt idx="14144">
                  <c:v>53.111400000000003</c:v>
                </c:pt>
                <c:pt idx="14145">
                  <c:v>60.063600000000001</c:v>
                </c:pt>
                <c:pt idx="14146">
                  <c:v>19.363600000000002</c:v>
                </c:pt>
                <c:pt idx="14147">
                  <c:v>58.347099999999998</c:v>
                </c:pt>
                <c:pt idx="14148">
                  <c:v>54.973199999999999</c:v>
                </c:pt>
                <c:pt idx="14149">
                  <c:v>52.2196</c:v>
                </c:pt>
                <c:pt idx="14150">
                  <c:v>50.3643</c:v>
                </c:pt>
                <c:pt idx="14151">
                  <c:v>56.6813</c:v>
                </c:pt>
                <c:pt idx="14152">
                  <c:v>55.567799999999998</c:v>
                </c:pt>
                <c:pt idx="14153">
                  <c:v>54.2273</c:v>
                </c:pt>
                <c:pt idx="14154">
                  <c:v>53.569299999999998</c:v>
                </c:pt>
                <c:pt idx="14155">
                  <c:v>53.111400000000003</c:v>
                </c:pt>
                <c:pt idx="14156">
                  <c:v>60.063600000000001</c:v>
                </c:pt>
                <c:pt idx="14157">
                  <c:v>19.363600000000002</c:v>
                </c:pt>
                <c:pt idx="14158">
                  <c:v>58.347099999999998</c:v>
                </c:pt>
                <c:pt idx="14159">
                  <c:v>54.973199999999999</c:v>
                </c:pt>
                <c:pt idx="14160">
                  <c:v>52.2196</c:v>
                </c:pt>
                <c:pt idx="14161">
                  <c:v>50.3643</c:v>
                </c:pt>
                <c:pt idx="14162">
                  <c:v>56.6813</c:v>
                </c:pt>
                <c:pt idx="14163">
                  <c:v>55.567799999999998</c:v>
                </c:pt>
                <c:pt idx="14164">
                  <c:v>54.2273</c:v>
                </c:pt>
                <c:pt idx="14165">
                  <c:v>53.569299999999998</c:v>
                </c:pt>
                <c:pt idx="14166">
                  <c:v>53.111400000000003</c:v>
                </c:pt>
                <c:pt idx="14167">
                  <c:v>60.063600000000001</c:v>
                </c:pt>
                <c:pt idx="14168">
                  <c:v>19.363600000000002</c:v>
                </c:pt>
                <c:pt idx="14169">
                  <c:v>58.347099999999998</c:v>
                </c:pt>
                <c:pt idx="14170">
                  <c:v>54.973199999999999</c:v>
                </c:pt>
                <c:pt idx="14171">
                  <c:v>52.2196</c:v>
                </c:pt>
                <c:pt idx="14172">
                  <c:v>50.3643</c:v>
                </c:pt>
                <c:pt idx="14173">
                  <c:v>56.6813</c:v>
                </c:pt>
                <c:pt idx="14174">
                  <c:v>55.567799999999998</c:v>
                </c:pt>
                <c:pt idx="14175">
                  <c:v>54.2273</c:v>
                </c:pt>
                <c:pt idx="14176">
                  <c:v>53.569299999999998</c:v>
                </c:pt>
                <c:pt idx="14177">
                  <c:v>53.111400000000003</c:v>
                </c:pt>
                <c:pt idx="14178">
                  <c:v>60.063600000000001</c:v>
                </c:pt>
                <c:pt idx="14179">
                  <c:v>19.363600000000002</c:v>
                </c:pt>
                <c:pt idx="14180">
                  <c:v>58.347099999999998</c:v>
                </c:pt>
                <c:pt idx="14181">
                  <c:v>54.973199999999999</c:v>
                </c:pt>
                <c:pt idx="14182">
                  <c:v>52.2196</c:v>
                </c:pt>
                <c:pt idx="14183">
                  <c:v>50.3643</c:v>
                </c:pt>
                <c:pt idx="14184">
                  <c:v>56.6813</c:v>
                </c:pt>
                <c:pt idx="14185">
                  <c:v>55.567799999999998</c:v>
                </c:pt>
                <c:pt idx="14186">
                  <c:v>54.2273</c:v>
                </c:pt>
                <c:pt idx="14187">
                  <c:v>53.569299999999998</c:v>
                </c:pt>
                <c:pt idx="14188">
                  <c:v>53.111400000000003</c:v>
                </c:pt>
                <c:pt idx="14189">
                  <c:v>60.063600000000001</c:v>
                </c:pt>
                <c:pt idx="14190">
                  <c:v>19.363600000000002</c:v>
                </c:pt>
                <c:pt idx="14191">
                  <c:v>58.347099999999998</c:v>
                </c:pt>
                <c:pt idx="14192">
                  <c:v>54.973199999999999</c:v>
                </c:pt>
                <c:pt idx="14193">
                  <c:v>52.2196</c:v>
                </c:pt>
                <c:pt idx="14194">
                  <c:v>50.3643</c:v>
                </c:pt>
                <c:pt idx="14195">
                  <c:v>56.6813</c:v>
                </c:pt>
                <c:pt idx="14196">
                  <c:v>55.567799999999998</c:v>
                </c:pt>
                <c:pt idx="14197">
                  <c:v>54.2273</c:v>
                </c:pt>
                <c:pt idx="14198">
                  <c:v>53.569299999999998</c:v>
                </c:pt>
                <c:pt idx="14199">
                  <c:v>53.111400000000003</c:v>
                </c:pt>
                <c:pt idx="14200">
                  <c:v>60.063600000000001</c:v>
                </c:pt>
                <c:pt idx="14201">
                  <c:v>19.363600000000002</c:v>
                </c:pt>
                <c:pt idx="14202">
                  <c:v>58.347099999999998</c:v>
                </c:pt>
                <c:pt idx="14203">
                  <c:v>54.973199999999999</c:v>
                </c:pt>
                <c:pt idx="14204">
                  <c:v>52.2196</c:v>
                </c:pt>
                <c:pt idx="14205">
                  <c:v>50.3643</c:v>
                </c:pt>
                <c:pt idx="14206">
                  <c:v>56.6813</c:v>
                </c:pt>
                <c:pt idx="14207">
                  <c:v>55.567799999999998</c:v>
                </c:pt>
                <c:pt idx="14208">
                  <c:v>54.2273</c:v>
                </c:pt>
                <c:pt idx="14209">
                  <c:v>53.569299999999998</c:v>
                </c:pt>
                <c:pt idx="14210">
                  <c:v>53.111400000000003</c:v>
                </c:pt>
                <c:pt idx="14211">
                  <c:v>60.063600000000001</c:v>
                </c:pt>
                <c:pt idx="14212">
                  <c:v>19.363600000000002</c:v>
                </c:pt>
                <c:pt idx="14213">
                  <c:v>58.347099999999998</c:v>
                </c:pt>
                <c:pt idx="14214">
                  <c:v>54.973199999999999</c:v>
                </c:pt>
                <c:pt idx="14215">
                  <c:v>52.2196</c:v>
                </c:pt>
                <c:pt idx="14216">
                  <c:v>50.3643</c:v>
                </c:pt>
                <c:pt idx="14217">
                  <c:v>56.6813</c:v>
                </c:pt>
                <c:pt idx="14218">
                  <c:v>55.567799999999998</c:v>
                </c:pt>
                <c:pt idx="14219">
                  <c:v>54.2273</c:v>
                </c:pt>
                <c:pt idx="14220">
                  <c:v>53.569299999999998</c:v>
                </c:pt>
                <c:pt idx="14221">
                  <c:v>53.111400000000003</c:v>
                </c:pt>
                <c:pt idx="14222">
                  <c:v>60.063600000000001</c:v>
                </c:pt>
                <c:pt idx="14223">
                  <c:v>19.363600000000002</c:v>
                </c:pt>
                <c:pt idx="14224">
                  <c:v>58.347099999999998</c:v>
                </c:pt>
                <c:pt idx="14225">
                  <c:v>54.973199999999999</c:v>
                </c:pt>
                <c:pt idx="14226">
                  <c:v>52.2196</c:v>
                </c:pt>
                <c:pt idx="14227">
                  <c:v>50.3643</c:v>
                </c:pt>
                <c:pt idx="14228">
                  <c:v>56.6813</c:v>
                </c:pt>
                <c:pt idx="14229">
                  <c:v>55.567799999999998</c:v>
                </c:pt>
                <c:pt idx="14230">
                  <c:v>54.2273</c:v>
                </c:pt>
                <c:pt idx="14231">
                  <c:v>53.569299999999998</c:v>
                </c:pt>
                <c:pt idx="14232">
                  <c:v>53.111400000000003</c:v>
                </c:pt>
                <c:pt idx="14233">
                  <c:v>60.063600000000001</c:v>
                </c:pt>
                <c:pt idx="14234">
                  <c:v>19.363600000000002</c:v>
                </c:pt>
                <c:pt idx="14235">
                  <c:v>58.347099999999998</c:v>
                </c:pt>
                <c:pt idx="14236">
                  <c:v>54.973199999999999</c:v>
                </c:pt>
                <c:pt idx="14237">
                  <c:v>52.2196</c:v>
                </c:pt>
                <c:pt idx="14238">
                  <c:v>50.3643</c:v>
                </c:pt>
                <c:pt idx="14239">
                  <c:v>56.6813</c:v>
                </c:pt>
                <c:pt idx="14240">
                  <c:v>55.567799999999998</c:v>
                </c:pt>
                <c:pt idx="14241">
                  <c:v>54.2273</c:v>
                </c:pt>
                <c:pt idx="14242">
                  <c:v>53.569299999999998</c:v>
                </c:pt>
                <c:pt idx="14243">
                  <c:v>53.111400000000003</c:v>
                </c:pt>
                <c:pt idx="14244">
                  <c:v>60.063600000000001</c:v>
                </c:pt>
                <c:pt idx="14245">
                  <c:v>19.363600000000002</c:v>
                </c:pt>
                <c:pt idx="14246">
                  <c:v>58.347099999999998</c:v>
                </c:pt>
                <c:pt idx="14247">
                  <c:v>54.973199999999999</c:v>
                </c:pt>
                <c:pt idx="14248">
                  <c:v>52.2196</c:v>
                </c:pt>
                <c:pt idx="14249">
                  <c:v>50.3643</c:v>
                </c:pt>
                <c:pt idx="14250">
                  <c:v>56.6813</c:v>
                </c:pt>
                <c:pt idx="14251">
                  <c:v>55.567799999999998</c:v>
                </c:pt>
                <c:pt idx="14252">
                  <c:v>54.2273</c:v>
                </c:pt>
                <c:pt idx="14253">
                  <c:v>53.569299999999998</c:v>
                </c:pt>
                <c:pt idx="14254">
                  <c:v>53.111400000000003</c:v>
                </c:pt>
                <c:pt idx="14255">
                  <c:v>68.071700000000007</c:v>
                </c:pt>
                <c:pt idx="14256">
                  <c:v>71.020300000000006</c:v>
                </c:pt>
                <c:pt idx="14257">
                  <c:v>71.690399999999997</c:v>
                </c:pt>
                <c:pt idx="14258">
                  <c:v>69.316500000000005</c:v>
                </c:pt>
                <c:pt idx="14259">
                  <c:v>70.762</c:v>
                </c:pt>
                <c:pt idx="14260">
                  <c:v>58.161099999999998</c:v>
                </c:pt>
                <c:pt idx="14261">
                  <c:v>67.951499999999996</c:v>
                </c:pt>
                <c:pt idx="14262">
                  <c:v>69.2072</c:v>
                </c:pt>
                <c:pt idx="14263">
                  <c:v>65.313000000000002</c:v>
                </c:pt>
                <c:pt idx="14264">
                  <c:v>67.429400000000001</c:v>
                </c:pt>
                <c:pt idx="14265">
                  <c:v>68.268100000000004</c:v>
                </c:pt>
                <c:pt idx="14266">
                  <c:v>68.071700000000007</c:v>
                </c:pt>
                <c:pt idx="14267">
                  <c:v>71.020300000000006</c:v>
                </c:pt>
                <c:pt idx="14268">
                  <c:v>71.690399999999997</c:v>
                </c:pt>
                <c:pt idx="14269">
                  <c:v>69.316500000000005</c:v>
                </c:pt>
                <c:pt idx="14270">
                  <c:v>73.441599999999994</c:v>
                </c:pt>
                <c:pt idx="14271">
                  <c:v>63.775199999999998</c:v>
                </c:pt>
                <c:pt idx="14272">
                  <c:v>71.703800000000001</c:v>
                </c:pt>
                <c:pt idx="14273">
                  <c:v>73.101900000000001</c:v>
                </c:pt>
                <c:pt idx="14274">
                  <c:v>72.049800000000005</c:v>
                </c:pt>
                <c:pt idx="14275">
                  <c:v>75.409700000000001</c:v>
                </c:pt>
                <c:pt idx="14276">
                  <c:v>74.384699999999995</c:v>
                </c:pt>
                <c:pt idx="14277">
                  <c:v>68.071700000000007</c:v>
                </c:pt>
                <c:pt idx="14278">
                  <c:v>71.020300000000006</c:v>
                </c:pt>
                <c:pt idx="14279">
                  <c:v>71.690399999999997</c:v>
                </c:pt>
                <c:pt idx="14280">
                  <c:v>69.316500000000005</c:v>
                </c:pt>
                <c:pt idx="14281">
                  <c:v>73.441599999999994</c:v>
                </c:pt>
                <c:pt idx="14282">
                  <c:v>63.775199999999998</c:v>
                </c:pt>
                <c:pt idx="14283">
                  <c:v>71.703800000000001</c:v>
                </c:pt>
                <c:pt idx="14284">
                  <c:v>73.101900000000001</c:v>
                </c:pt>
                <c:pt idx="14285">
                  <c:v>72.049800000000005</c:v>
                </c:pt>
                <c:pt idx="14286">
                  <c:v>75.409700000000001</c:v>
                </c:pt>
                <c:pt idx="14287">
                  <c:v>74.384699999999995</c:v>
                </c:pt>
                <c:pt idx="14288">
                  <c:v>68.071700000000007</c:v>
                </c:pt>
                <c:pt idx="14289">
                  <c:v>71.020300000000006</c:v>
                </c:pt>
                <c:pt idx="14290">
                  <c:v>71.690399999999997</c:v>
                </c:pt>
                <c:pt idx="14291">
                  <c:v>69.316500000000005</c:v>
                </c:pt>
                <c:pt idx="14292">
                  <c:v>73.441599999999994</c:v>
                </c:pt>
                <c:pt idx="14293">
                  <c:v>63.775199999999998</c:v>
                </c:pt>
                <c:pt idx="14294">
                  <c:v>71.703800000000001</c:v>
                </c:pt>
                <c:pt idx="14295">
                  <c:v>73.101900000000001</c:v>
                </c:pt>
                <c:pt idx="14296">
                  <c:v>72.049800000000005</c:v>
                </c:pt>
                <c:pt idx="14297">
                  <c:v>75.409700000000001</c:v>
                </c:pt>
                <c:pt idx="14298">
                  <c:v>74.384699999999995</c:v>
                </c:pt>
                <c:pt idx="14299">
                  <c:v>68.071700000000007</c:v>
                </c:pt>
                <c:pt idx="14300">
                  <c:v>71.020300000000006</c:v>
                </c:pt>
                <c:pt idx="14301">
                  <c:v>71.690399999999997</c:v>
                </c:pt>
                <c:pt idx="14302">
                  <c:v>69.316500000000005</c:v>
                </c:pt>
                <c:pt idx="14303">
                  <c:v>73.441599999999994</c:v>
                </c:pt>
                <c:pt idx="14304">
                  <c:v>63.775199999999998</c:v>
                </c:pt>
                <c:pt idx="14305">
                  <c:v>71.703800000000001</c:v>
                </c:pt>
                <c:pt idx="14306">
                  <c:v>73.101900000000001</c:v>
                </c:pt>
                <c:pt idx="14307">
                  <c:v>72.049800000000005</c:v>
                </c:pt>
                <c:pt idx="14308">
                  <c:v>75.409700000000001</c:v>
                </c:pt>
                <c:pt idx="14309">
                  <c:v>74.384699999999995</c:v>
                </c:pt>
                <c:pt idx="14310">
                  <c:v>68.071700000000007</c:v>
                </c:pt>
                <c:pt idx="14311">
                  <c:v>71.020300000000006</c:v>
                </c:pt>
                <c:pt idx="14312">
                  <c:v>71.690399999999997</c:v>
                </c:pt>
                <c:pt idx="14313">
                  <c:v>69.316500000000005</c:v>
                </c:pt>
                <c:pt idx="14314">
                  <c:v>73.441599999999994</c:v>
                </c:pt>
                <c:pt idx="14315">
                  <c:v>63.775199999999998</c:v>
                </c:pt>
                <c:pt idx="14316">
                  <c:v>71.703800000000001</c:v>
                </c:pt>
                <c:pt idx="14317">
                  <c:v>73.101900000000001</c:v>
                </c:pt>
                <c:pt idx="14318">
                  <c:v>72.049800000000005</c:v>
                </c:pt>
                <c:pt idx="14319">
                  <c:v>75.409700000000001</c:v>
                </c:pt>
                <c:pt idx="14320">
                  <c:v>74.384699999999995</c:v>
                </c:pt>
                <c:pt idx="14321">
                  <c:v>68.071700000000007</c:v>
                </c:pt>
                <c:pt idx="14322">
                  <c:v>71.020300000000006</c:v>
                </c:pt>
                <c:pt idx="14323">
                  <c:v>71.690399999999997</c:v>
                </c:pt>
                <c:pt idx="14324">
                  <c:v>69.316500000000005</c:v>
                </c:pt>
                <c:pt idx="14325">
                  <c:v>73.441599999999994</c:v>
                </c:pt>
                <c:pt idx="14326">
                  <c:v>63.775199999999998</c:v>
                </c:pt>
                <c:pt idx="14327">
                  <c:v>71.703800000000001</c:v>
                </c:pt>
                <c:pt idx="14328">
                  <c:v>73.101900000000001</c:v>
                </c:pt>
                <c:pt idx="14329">
                  <c:v>72.049800000000005</c:v>
                </c:pt>
                <c:pt idx="14330">
                  <c:v>75.409700000000001</c:v>
                </c:pt>
                <c:pt idx="14331">
                  <c:v>74.384699999999995</c:v>
                </c:pt>
                <c:pt idx="14332">
                  <c:v>68.071700000000007</c:v>
                </c:pt>
                <c:pt idx="14333">
                  <c:v>71.020300000000006</c:v>
                </c:pt>
                <c:pt idx="14334">
                  <c:v>71.690399999999997</c:v>
                </c:pt>
                <c:pt idx="14335">
                  <c:v>69.316500000000005</c:v>
                </c:pt>
                <c:pt idx="14336">
                  <c:v>73.441599999999994</c:v>
                </c:pt>
                <c:pt idx="14337">
                  <c:v>63.775199999999998</c:v>
                </c:pt>
                <c:pt idx="14338">
                  <c:v>71.703800000000001</c:v>
                </c:pt>
                <c:pt idx="14339">
                  <c:v>73.101900000000001</c:v>
                </c:pt>
                <c:pt idx="14340">
                  <c:v>72.049800000000005</c:v>
                </c:pt>
                <c:pt idx="14341">
                  <c:v>75.409700000000001</c:v>
                </c:pt>
                <c:pt idx="14342">
                  <c:v>74.384699999999995</c:v>
                </c:pt>
                <c:pt idx="14343">
                  <c:v>68.071700000000007</c:v>
                </c:pt>
                <c:pt idx="14344">
                  <c:v>71.020300000000006</c:v>
                </c:pt>
                <c:pt idx="14345">
                  <c:v>71.690399999999997</c:v>
                </c:pt>
                <c:pt idx="14346">
                  <c:v>69.316500000000005</c:v>
                </c:pt>
                <c:pt idx="14347">
                  <c:v>73.441599999999994</c:v>
                </c:pt>
                <c:pt idx="14348">
                  <c:v>63.775199999999998</c:v>
                </c:pt>
                <c:pt idx="14349">
                  <c:v>71.703800000000001</c:v>
                </c:pt>
                <c:pt idx="14350">
                  <c:v>73.101900000000001</c:v>
                </c:pt>
                <c:pt idx="14351">
                  <c:v>72.049800000000005</c:v>
                </c:pt>
                <c:pt idx="14352">
                  <c:v>75.409700000000001</c:v>
                </c:pt>
                <c:pt idx="14353">
                  <c:v>74.384699999999995</c:v>
                </c:pt>
                <c:pt idx="14354">
                  <c:v>68.071700000000007</c:v>
                </c:pt>
                <c:pt idx="14355">
                  <c:v>71.020300000000006</c:v>
                </c:pt>
                <c:pt idx="14356">
                  <c:v>71.690399999999997</c:v>
                </c:pt>
                <c:pt idx="14357">
                  <c:v>69.316500000000005</c:v>
                </c:pt>
                <c:pt idx="14358">
                  <c:v>73.441599999999994</c:v>
                </c:pt>
                <c:pt idx="14359">
                  <c:v>63.775199999999998</c:v>
                </c:pt>
                <c:pt idx="14360">
                  <c:v>71.703800000000001</c:v>
                </c:pt>
                <c:pt idx="14361">
                  <c:v>73.101900000000001</c:v>
                </c:pt>
                <c:pt idx="14362">
                  <c:v>72.049800000000005</c:v>
                </c:pt>
                <c:pt idx="14363">
                  <c:v>75.409700000000001</c:v>
                </c:pt>
                <c:pt idx="14364">
                  <c:v>74.384699999999995</c:v>
                </c:pt>
                <c:pt idx="14365">
                  <c:v>68.071700000000007</c:v>
                </c:pt>
                <c:pt idx="14366">
                  <c:v>71.020300000000006</c:v>
                </c:pt>
                <c:pt idx="14367">
                  <c:v>71.690399999999997</c:v>
                </c:pt>
                <c:pt idx="14368">
                  <c:v>69.316500000000005</c:v>
                </c:pt>
                <c:pt idx="14369">
                  <c:v>73.441599999999994</c:v>
                </c:pt>
                <c:pt idx="14370">
                  <c:v>63.775199999999998</c:v>
                </c:pt>
                <c:pt idx="14371">
                  <c:v>71.703800000000001</c:v>
                </c:pt>
                <c:pt idx="14372">
                  <c:v>73.101900000000001</c:v>
                </c:pt>
                <c:pt idx="14373">
                  <c:v>72.049800000000005</c:v>
                </c:pt>
                <c:pt idx="14374">
                  <c:v>75.409700000000001</c:v>
                </c:pt>
                <c:pt idx="14375">
                  <c:v>74.384699999999995</c:v>
                </c:pt>
                <c:pt idx="14376">
                  <c:v>68.071700000000007</c:v>
                </c:pt>
                <c:pt idx="14377">
                  <c:v>71.020300000000006</c:v>
                </c:pt>
                <c:pt idx="14378">
                  <c:v>71.690399999999997</c:v>
                </c:pt>
                <c:pt idx="14379">
                  <c:v>69.316500000000005</c:v>
                </c:pt>
                <c:pt idx="14380">
                  <c:v>73.441599999999994</c:v>
                </c:pt>
                <c:pt idx="14381">
                  <c:v>63.775199999999998</c:v>
                </c:pt>
                <c:pt idx="14382">
                  <c:v>71.703800000000001</c:v>
                </c:pt>
                <c:pt idx="14383">
                  <c:v>73.101900000000001</c:v>
                </c:pt>
                <c:pt idx="14384">
                  <c:v>72.049800000000005</c:v>
                </c:pt>
                <c:pt idx="14385">
                  <c:v>75.409700000000001</c:v>
                </c:pt>
                <c:pt idx="14386">
                  <c:v>74.384699999999995</c:v>
                </c:pt>
                <c:pt idx="14387">
                  <c:v>68.071700000000007</c:v>
                </c:pt>
                <c:pt idx="14388">
                  <c:v>71.020300000000006</c:v>
                </c:pt>
                <c:pt idx="14389">
                  <c:v>71.690399999999997</c:v>
                </c:pt>
                <c:pt idx="14390">
                  <c:v>69.316500000000005</c:v>
                </c:pt>
                <c:pt idx="14391">
                  <c:v>70.762</c:v>
                </c:pt>
                <c:pt idx="14392">
                  <c:v>58.161099999999998</c:v>
                </c:pt>
                <c:pt idx="14393">
                  <c:v>67.951499999999996</c:v>
                </c:pt>
                <c:pt idx="14394">
                  <c:v>69.2072</c:v>
                </c:pt>
                <c:pt idx="14395">
                  <c:v>62.561599999999999</c:v>
                </c:pt>
                <c:pt idx="14396">
                  <c:v>64.258499999999998</c:v>
                </c:pt>
                <c:pt idx="14397">
                  <c:v>65.158500000000004</c:v>
                </c:pt>
                <c:pt idx="14398">
                  <c:v>68.071700000000007</c:v>
                </c:pt>
                <c:pt idx="14399">
                  <c:v>71.020300000000006</c:v>
                </c:pt>
                <c:pt idx="14400">
                  <c:v>71.690399999999997</c:v>
                </c:pt>
                <c:pt idx="14401">
                  <c:v>69.316500000000005</c:v>
                </c:pt>
                <c:pt idx="14402">
                  <c:v>73.441599999999994</c:v>
                </c:pt>
                <c:pt idx="14403">
                  <c:v>63.775199999999998</c:v>
                </c:pt>
                <c:pt idx="14404">
                  <c:v>71.703800000000001</c:v>
                </c:pt>
                <c:pt idx="14405">
                  <c:v>73.101900000000001</c:v>
                </c:pt>
                <c:pt idx="14406">
                  <c:v>72.049800000000005</c:v>
                </c:pt>
                <c:pt idx="14407">
                  <c:v>75.409700000000001</c:v>
                </c:pt>
                <c:pt idx="14408">
                  <c:v>74.384699999999995</c:v>
                </c:pt>
                <c:pt idx="14409">
                  <c:v>68.071700000000007</c:v>
                </c:pt>
                <c:pt idx="14410">
                  <c:v>71.020300000000006</c:v>
                </c:pt>
                <c:pt idx="14411">
                  <c:v>71.690399999999997</c:v>
                </c:pt>
                <c:pt idx="14412">
                  <c:v>69.316500000000005</c:v>
                </c:pt>
                <c:pt idx="14413">
                  <c:v>73.441599999999994</c:v>
                </c:pt>
                <c:pt idx="14414">
                  <c:v>63.775199999999998</c:v>
                </c:pt>
                <c:pt idx="14415">
                  <c:v>71.703800000000001</c:v>
                </c:pt>
                <c:pt idx="14416">
                  <c:v>73.101900000000001</c:v>
                </c:pt>
                <c:pt idx="14417">
                  <c:v>72.049800000000005</c:v>
                </c:pt>
                <c:pt idx="14418">
                  <c:v>75.409700000000001</c:v>
                </c:pt>
                <c:pt idx="14419">
                  <c:v>74.384699999999995</c:v>
                </c:pt>
                <c:pt idx="14420">
                  <c:v>68.071700000000007</c:v>
                </c:pt>
                <c:pt idx="14421">
                  <c:v>71.020300000000006</c:v>
                </c:pt>
                <c:pt idx="14422">
                  <c:v>71.690399999999997</c:v>
                </c:pt>
                <c:pt idx="14423">
                  <c:v>69.316500000000005</c:v>
                </c:pt>
                <c:pt idx="14424">
                  <c:v>73.441599999999994</c:v>
                </c:pt>
                <c:pt idx="14425">
                  <c:v>63.775199999999998</c:v>
                </c:pt>
                <c:pt idx="14426">
                  <c:v>71.703800000000001</c:v>
                </c:pt>
                <c:pt idx="14427">
                  <c:v>73.101900000000001</c:v>
                </c:pt>
                <c:pt idx="14428">
                  <c:v>72.049800000000005</c:v>
                </c:pt>
                <c:pt idx="14429">
                  <c:v>75.409700000000001</c:v>
                </c:pt>
                <c:pt idx="14430">
                  <c:v>74.384699999999995</c:v>
                </c:pt>
                <c:pt idx="14431">
                  <c:v>68.071700000000007</c:v>
                </c:pt>
                <c:pt idx="14432">
                  <c:v>71.020300000000006</c:v>
                </c:pt>
                <c:pt idx="14433">
                  <c:v>71.690399999999997</c:v>
                </c:pt>
                <c:pt idx="14434">
                  <c:v>69.316500000000005</c:v>
                </c:pt>
                <c:pt idx="14435">
                  <c:v>73.441599999999994</c:v>
                </c:pt>
                <c:pt idx="14436">
                  <c:v>63.775199999999998</c:v>
                </c:pt>
                <c:pt idx="14437">
                  <c:v>71.703800000000001</c:v>
                </c:pt>
                <c:pt idx="14438">
                  <c:v>73.101900000000001</c:v>
                </c:pt>
                <c:pt idx="14439">
                  <c:v>72.049800000000005</c:v>
                </c:pt>
                <c:pt idx="14440">
                  <c:v>75.409700000000001</c:v>
                </c:pt>
                <c:pt idx="14441">
                  <c:v>74.384699999999995</c:v>
                </c:pt>
                <c:pt idx="14442">
                  <c:v>68.071700000000007</c:v>
                </c:pt>
                <c:pt idx="14443">
                  <c:v>71.020300000000006</c:v>
                </c:pt>
                <c:pt idx="14444">
                  <c:v>71.690399999999997</c:v>
                </c:pt>
                <c:pt idx="14445">
                  <c:v>69.316500000000005</c:v>
                </c:pt>
                <c:pt idx="14446">
                  <c:v>73.441599999999994</c:v>
                </c:pt>
                <c:pt idx="14447">
                  <c:v>63.775199999999998</c:v>
                </c:pt>
                <c:pt idx="14448">
                  <c:v>71.703800000000001</c:v>
                </c:pt>
                <c:pt idx="14449">
                  <c:v>73.101900000000001</c:v>
                </c:pt>
                <c:pt idx="14450">
                  <c:v>72.049800000000005</c:v>
                </c:pt>
                <c:pt idx="14451">
                  <c:v>75.409700000000001</c:v>
                </c:pt>
                <c:pt idx="14452">
                  <c:v>74.384699999999995</c:v>
                </c:pt>
                <c:pt idx="14453">
                  <c:v>68.071700000000007</c:v>
                </c:pt>
                <c:pt idx="14454">
                  <c:v>71.020300000000006</c:v>
                </c:pt>
                <c:pt idx="14455">
                  <c:v>71.690399999999997</c:v>
                </c:pt>
                <c:pt idx="14456">
                  <c:v>69.316500000000005</c:v>
                </c:pt>
                <c:pt idx="14457">
                  <c:v>73.441599999999994</c:v>
                </c:pt>
                <c:pt idx="14458">
                  <c:v>63.775199999999998</c:v>
                </c:pt>
                <c:pt idx="14459">
                  <c:v>71.703800000000001</c:v>
                </c:pt>
                <c:pt idx="14460">
                  <c:v>73.101900000000001</c:v>
                </c:pt>
                <c:pt idx="14461">
                  <c:v>72.049800000000005</c:v>
                </c:pt>
                <c:pt idx="14462">
                  <c:v>75.409700000000001</c:v>
                </c:pt>
                <c:pt idx="14463">
                  <c:v>74.384699999999995</c:v>
                </c:pt>
                <c:pt idx="14464">
                  <c:v>68.071700000000007</c:v>
                </c:pt>
                <c:pt idx="14465">
                  <c:v>71.020300000000006</c:v>
                </c:pt>
                <c:pt idx="14466">
                  <c:v>71.690399999999997</c:v>
                </c:pt>
                <c:pt idx="14467">
                  <c:v>69.316500000000005</c:v>
                </c:pt>
                <c:pt idx="14468">
                  <c:v>73.441599999999994</c:v>
                </c:pt>
                <c:pt idx="14469">
                  <c:v>63.775199999999998</c:v>
                </c:pt>
                <c:pt idx="14470">
                  <c:v>71.703800000000001</c:v>
                </c:pt>
                <c:pt idx="14471">
                  <c:v>73.101900000000001</c:v>
                </c:pt>
                <c:pt idx="14472">
                  <c:v>72.049800000000005</c:v>
                </c:pt>
                <c:pt idx="14473">
                  <c:v>75.409700000000001</c:v>
                </c:pt>
                <c:pt idx="14474">
                  <c:v>74.384699999999995</c:v>
                </c:pt>
                <c:pt idx="14475">
                  <c:v>68.071700000000007</c:v>
                </c:pt>
                <c:pt idx="14476">
                  <c:v>71.020300000000006</c:v>
                </c:pt>
                <c:pt idx="14477">
                  <c:v>71.690399999999997</c:v>
                </c:pt>
                <c:pt idx="14478">
                  <c:v>69.316500000000005</c:v>
                </c:pt>
                <c:pt idx="14479">
                  <c:v>73.441599999999994</c:v>
                </c:pt>
                <c:pt idx="14480">
                  <c:v>63.775199999999998</c:v>
                </c:pt>
                <c:pt idx="14481">
                  <c:v>71.703800000000001</c:v>
                </c:pt>
                <c:pt idx="14482">
                  <c:v>73.101900000000001</c:v>
                </c:pt>
                <c:pt idx="14483">
                  <c:v>72.049800000000005</c:v>
                </c:pt>
                <c:pt idx="14484">
                  <c:v>75.409700000000001</c:v>
                </c:pt>
                <c:pt idx="14485">
                  <c:v>74.384699999999995</c:v>
                </c:pt>
                <c:pt idx="14486">
                  <c:v>68.071700000000007</c:v>
                </c:pt>
                <c:pt idx="14487">
                  <c:v>71.020300000000006</c:v>
                </c:pt>
                <c:pt idx="14488">
                  <c:v>71.690399999999997</c:v>
                </c:pt>
                <c:pt idx="14489">
                  <c:v>69.316500000000005</c:v>
                </c:pt>
                <c:pt idx="14490">
                  <c:v>73.441599999999994</c:v>
                </c:pt>
                <c:pt idx="14491">
                  <c:v>63.775199999999998</c:v>
                </c:pt>
                <c:pt idx="14492">
                  <c:v>71.703800000000001</c:v>
                </c:pt>
                <c:pt idx="14493">
                  <c:v>73.101900000000001</c:v>
                </c:pt>
                <c:pt idx="14494">
                  <c:v>72.049800000000005</c:v>
                </c:pt>
                <c:pt idx="14495">
                  <c:v>75.409700000000001</c:v>
                </c:pt>
                <c:pt idx="14496">
                  <c:v>74.384699999999995</c:v>
                </c:pt>
                <c:pt idx="14497">
                  <c:v>68.071700000000007</c:v>
                </c:pt>
                <c:pt idx="14498">
                  <c:v>71.020300000000006</c:v>
                </c:pt>
                <c:pt idx="14499">
                  <c:v>71.690399999999997</c:v>
                </c:pt>
                <c:pt idx="14500">
                  <c:v>69.316500000000005</c:v>
                </c:pt>
                <c:pt idx="14501">
                  <c:v>73.441599999999994</c:v>
                </c:pt>
                <c:pt idx="14502">
                  <c:v>63.775199999999998</c:v>
                </c:pt>
                <c:pt idx="14503">
                  <c:v>71.703800000000001</c:v>
                </c:pt>
                <c:pt idx="14504">
                  <c:v>73.101900000000001</c:v>
                </c:pt>
                <c:pt idx="14505">
                  <c:v>72.049800000000005</c:v>
                </c:pt>
                <c:pt idx="14506">
                  <c:v>75.409700000000001</c:v>
                </c:pt>
                <c:pt idx="14507">
                  <c:v>74.384699999999995</c:v>
                </c:pt>
                <c:pt idx="14508">
                  <c:v>68.071700000000007</c:v>
                </c:pt>
                <c:pt idx="14509">
                  <c:v>71.020300000000006</c:v>
                </c:pt>
                <c:pt idx="14510">
                  <c:v>71.690399999999997</c:v>
                </c:pt>
                <c:pt idx="14511">
                  <c:v>69.316500000000005</c:v>
                </c:pt>
                <c:pt idx="14512">
                  <c:v>73.441599999999994</c:v>
                </c:pt>
                <c:pt idx="14513">
                  <c:v>63.775199999999998</c:v>
                </c:pt>
                <c:pt idx="14514">
                  <c:v>71.703800000000001</c:v>
                </c:pt>
                <c:pt idx="14515">
                  <c:v>73.101900000000001</c:v>
                </c:pt>
                <c:pt idx="14516">
                  <c:v>72.049800000000005</c:v>
                </c:pt>
                <c:pt idx="14517">
                  <c:v>75.409700000000001</c:v>
                </c:pt>
                <c:pt idx="14518">
                  <c:v>74.384699999999995</c:v>
                </c:pt>
                <c:pt idx="14519">
                  <c:v>68.071700000000007</c:v>
                </c:pt>
                <c:pt idx="14520">
                  <c:v>71.020300000000006</c:v>
                </c:pt>
                <c:pt idx="14521">
                  <c:v>71.690399999999997</c:v>
                </c:pt>
                <c:pt idx="14522">
                  <c:v>69.316500000000005</c:v>
                </c:pt>
                <c:pt idx="14523">
                  <c:v>70.762</c:v>
                </c:pt>
                <c:pt idx="14524">
                  <c:v>58.161099999999998</c:v>
                </c:pt>
                <c:pt idx="14525">
                  <c:v>67.951499999999996</c:v>
                </c:pt>
                <c:pt idx="14526">
                  <c:v>69.2072</c:v>
                </c:pt>
                <c:pt idx="14527">
                  <c:v>62.561599999999999</c:v>
                </c:pt>
                <c:pt idx="14528">
                  <c:v>64.258499999999998</c:v>
                </c:pt>
                <c:pt idx="14529">
                  <c:v>61.8521</c:v>
                </c:pt>
                <c:pt idx="14530">
                  <c:v>68.071700000000007</c:v>
                </c:pt>
                <c:pt idx="14531">
                  <c:v>71.020300000000006</c:v>
                </c:pt>
                <c:pt idx="14532">
                  <c:v>71.690399999999997</c:v>
                </c:pt>
                <c:pt idx="14533">
                  <c:v>69.316500000000005</c:v>
                </c:pt>
                <c:pt idx="14534">
                  <c:v>73.441599999999994</c:v>
                </c:pt>
                <c:pt idx="14535">
                  <c:v>63.775199999999998</c:v>
                </c:pt>
                <c:pt idx="14536">
                  <c:v>71.703800000000001</c:v>
                </c:pt>
                <c:pt idx="14537">
                  <c:v>73.101900000000001</c:v>
                </c:pt>
                <c:pt idx="14538">
                  <c:v>72.049800000000005</c:v>
                </c:pt>
                <c:pt idx="14539">
                  <c:v>75.409700000000001</c:v>
                </c:pt>
                <c:pt idx="14540">
                  <c:v>74.384699999999995</c:v>
                </c:pt>
                <c:pt idx="14541">
                  <c:v>68.071700000000007</c:v>
                </c:pt>
                <c:pt idx="14542">
                  <c:v>71.020300000000006</c:v>
                </c:pt>
                <c:pt idx="14543">
                  <c:v>71.690399999999997</c:v>
                </c:pt>
                <c:pt idx="14544">
                  <c:v>69.316500000000005</c:v>
                </c:pt>
                <c:pt idx="14545">
                  <c:v>73.441599999999994</c:v>
                </c:pt>
                <c:pt idx="14546">
                  <c:v>63.775199999999998</c:v>
                </c:pt>
                <c:pt idx="14547">
                  <c:v>71.703800000000001</c:v>
                </c:pt>
                <c:pt idx="14548">
                  <c:v>73.101900000000001</c:v>
                </c:pt>
                <c:pt idx="14549">
                  <c:v>72.049800000000005</c:v>
                </c:pt>
                <c:pt idx="14550">
                  <c:v>75.409700000000001</c:v>
                </c:pt>
                <c:pt idx="14551">
                  <c:v>74.384699999999995</c:v>
                </c:pt>
                <c:pt idx="14552">
                  <c:v>68.071700000000007</c:v>
                </c:pt>
                <c:pt idx="14553">
                  <c:v>71.020300000000006</c:v>
                </c:pt>
                <c:pt idx="14554">
                  <c:v>71.690399999999997</c:v>
                </c:pt>
                <c:pt idx="14555">
                  <c:v>69.316500000000005</c:v>
                </c:pt>
                <c:pt idx="14556">
                  <c:v>73.441599999999994</c:v>
                </c:pt>
                <c:pt idx="14557">
                  <c:v>63.775199999999998</c:v>
                </c:pt>
                <c:pt idx="14558">
                  <c:v>71.703800000000001</c:v>
                </c:pt>
                <c:pt idx="14559">
                  <c:v>73.101900000000001</c:v>
                </c:pt>
                <c:pt idx="14560">
                  <c:v>72.049800000000005</c:v>
                </c:pt>
                <c:pt idx="14561">
                  <c:v>75.409700000000001</c:v>
                </c:pt>
                <c:pt idx="14562">
                  <c:v>74.384699999999995</c:v>
                </c:pt>
                <c:pt idx="14563">
                  <c:v>68.071700000000007</c:v>
                </c:pt>
                <c:pt idx="14564">
                  <c:v>71.020300000000006</c:v>
                </c:pt>
                <c:pt idx="14565">
                  <c:v>71.690399999999997</c:v>
                </c:pt>
                <c:pt idx="14566">
                  <c:v>69.316500000000005</c:v>
                </c:pt>
                <c:pt idx="14567">
                  <c:v>73.441599999999994</c:v>
                </c:pt>
                <c:pt idx="14568">
                  <c:v>63.775199999999998</c:v>
                </c:pt>
                <c:pt idx="14569">
                  <c:v>71.703800000000001</c:v>
                </c:pt>
                <c:pt idx="14570">
                  <c:v>73.101900000000001</c:v>
                </c:pt>
                <c:pt idx="14571">
                  <c:v>72.049800000000005</c:v>
                </c:pt>
                <c:pt idx="14572">
                  <c:v>75.409700000000001</c:v>
                </c:pt>
                <c:pt idx="14573">
                  <c:v>74.384699999999995</c:v>
                </c:pt>
                <c:pt idx="14574">
                  <c:v>68.071700000000007</c:v>
                </c:pt>
                <c:pt idx="14575">
                  <c:v>71.020300000000006</c:v>
                </c:pt>
                <c:pt idx="14576">
                  <c:v>71.690399999999997</c:v>
                </c:pt>
                <c:pt idx="14577">
                  <c:v>69.316500000000005</c:v>
                </c:pt>
                <c:pt idx="14578">
                  <c:v>73.441599999999994</c:v>
                </c:pt>
                <c:pt idx="14579">
                  <c:v>63.775199999999998</c:v>
                </c:pt>
                <c:pt idx="14580">
                  <c:v>71.703800000000001</c:v>
                </c:pt>
                <c:pt idx="14581">
                  <c:v>73.101900000000001</c:v>
                </c:pt>
                <c:pt idx="14582">
                  <c:v>72.049800000000005</c:v>
                </c:pt>
                <c:pt idx="14583">
                  <c:v>75.409700000000001</c:v>
                </c:pt>
                <c:pt idx="14584">
                  <c:v>74.384699999999995</c:v>
                </c:pt>
                <c:pt idx="14585">
                  <c:v>68.071700000000007</c:v>
                </c:pt>
                <c:pt idx="14586">
                  <c:v>71.020300000000006</c:v>
                </c:pt>
                <c:pt idx="14587">
                  <c:v>71.690399999999997</c:v>
                </c:pt>
                <c:pt idx="14588">
                  <c:v>69.316500000000005</c:v>
                </c:pt>
                <c:pt idx="14589">
                  <c:v>73.441599999999994</c:v>
                </c:pt>
                <c:pt idx="14590">
                  <c:v>63.775199999999998</c:v>
                </c:pt>
                <c:pt idx="14591">
                  <c:v>71.703800000000001</c:v>
                </c:pt>
                <c:pt idx="14592">
                  <c:v>73.101900000000001</c:v>
                </c:pt>
                <c:pt idx="14593">
                  <c:v>72.049800000000005</c:v>
                </c:pt>
                <c:pt idx="14594">
                  <c:v>75.409700000000001</c:v>
                </c:pt>
                <c:pt idx="14595">
                  <c:v>74.384699999999995</c:v>
                </c:pt>
                <c:pt idx="14596">
                  <c:v>68.071700000000007</c:v>
                </c:pt>
                <c:pt idx="14597">
                  <c:v>71.020300000000006</c:v>
                </c:pt>
                <c:pt idx="14598">
                  <c:v>71.690399999999997</c:v>
                </c:pt>
                <c:pt idx="14599">
                  <c:v>69.316500000000005</c:v>
                </c:pt>
                <c:pt idx="14600">
                  <c:v>73.441599999999994</c:v>
                </c:pt>
                <c:pt idx="14601">
                  <c:v>63.775199999999998</c:v>
                </c:pt>
                <c:pt idx="14602">
                  <c:v>71.703800000000001</c:v>
                </c:pt>
                <c:pt idx="14603">
                  <c:v>73.101900000000001</c:v>
                </c:pt>
                <c:pt idx="14604">
                  <c:v>72.049800000000005</c:v>
                </c:pt>
                <c:pt idx="14605">
                  <c:v>75.409700000000001</c:v>
                </c:pt>
                <c:pt idx="14606">
                  <c:v>74.384699999999995</c:v>
                </c:pt>
                <c:pt idx="14607">
                  <c:v>68.071700000000007</c:v>
                </c:pt>
                <c:pt idx="14608">
                  <c:v>71.020300000000006</c:v>
                </c:pt>
                <c:pt idx="14609">
                  <c:v>71.690399999999997</c:v>
                </c:pt>
                <c:pt idx="14610">
                  <c:v>69.316500000000005</c:v>
                </c:pt>
                <c:pt idx="14611">
                  <c:v>73.441599999999994</c:v>
                </c:pt>
                <c:pt idx="14612">
                  <c:v>63.775199999999998</c:v>
                </c:pt>
                <c:pt idx="14613">
                  <c:v>71.703800000000001</c:v>
                </c:pt>
                <c:pt idx="14614">
                  <c:v>73.101900000000001</c:v>
                </c:pt>
                <c:pt idx="14615">
                  <c:v>72.049800000000005</c:v>
                </c:pt>
                <c:pt idx="14616">
                  <c:v>75.409700000000001</c:v>
                </c:pt>
                <c:pt idx="14617">
                  <c:v>74.384699999999995</c:v>
                </c:pt>
                <c:pt idx="14618">
                  <c:v>68.071700000000007</c:v>
                </c:pt>
                <c:pt idx="14619">
                  <c:v>71.020300000000006</c:v>
                </c:pt>
                <c:pt idx="14620">
                  <c:v>71.690399999999997</c:v>
                </c:pt>
                <c:pt idx="14621">
                  <c:v>69.316500000000005</c:v>
                </c:pt>
                <c:pt idx="14622">
                  <c:v>73.441599999999994</c:v>
                </c:pt>
                <c:pt idx="14623">
                  <c:v>63.775199999999998</c:v>
                </c:pt>
                <c:pt idx="14624">
                  <c:v>71.703800000000001</c:v>
                </c:pt>
                <c:pt idx="14625">
                  <c:v>73.101900000000001</c:v>
                </c:pt>
                <c:pt idx="14626">
                  <c:v>72.049800000000005</c:v>
                </c:pt>
                <c:pt idx="14627">
                  <c:v>75.409700000000001</c:v>
                </c:pt>
                <c:pt idx="14628">
                  <c:v>74.384699999999995</c:v>
                </c:pt>
                <c:pt idx="14629">
                  <c:v>68.071700000000007</c:v>
                </c:pt>
                <c:pt idx="14630">
                  <c:v>71.020300000000006</c:v>
                </c:pt>
                <c:pt idx="14631">
                  <c:v>71.690399999999997</c:v>
                </c:pt>
                <c:pt idx="14632">
                  <c:v>69.316500000000005</c:v>
                </c:pt>
                <c:pt idx="14633">
                  <c:v>73.441599999999994</c:v>
                </c:pt>
                <c:pt idx="14634">
                  <c:v>63.775199999999998</c:v>
                </c:pt>
                <c:pt idx="14635">
                  <c:v>71.703800000000001</c:v>
                </c:pt>
                <c:pt idx="14636">
                  <c:v>73.101900000000001</c:v>
                </c:pt>
                <c:pt idx="14637">
                  <c:v>72.049800000000005</c:v>
                </c:pt>
                <c:pt idx="14638">
                  <c:v>75.409700000000001</c:v>
                </c:pt>
                <c:pt idx="14639">
                  <c:v>74.384699999999995</c:v>
                </c:pt>
                <c:pt idx="14640">
                  <c:v>68.071700000000007</c:v>
                </c:pt>
                <c:pt idx="14641">
                  <c:v>71.020300000000006</c:v>
                </c:pt>
                <c:pt idx="14642">
                  <c:v>71.690399999999997</c:v>
                </c:pt>
                <c:pt idx="14643">
                  <c:v>69.316500000000005</c:v>
                </c:pt>
                <c:pt idx="14644">
                  <c:v>73.441599999999994</c:v>
                </c:pt>
                <c:pt idx="14645">
                  <c:v>63.775199999999998</c:v>
                </c:pt>
                <c:pt idx="14646">
                  <c:v>71.703800000000001</c:v>
                </c:pt>
                <c:pt idx="14647">
                  <c:v>73.101900000000001</c:v>
                </c:pt>
                <c:pt idx="14648">
                  <c:v>72.049800000000005</c:v>
                </c:pt>
                <c:pt idx="14649">
                  <c:v>75.409700000000001</c:v>
                </c:pt>
                <c:pt idx="14650">
                  <c:v>74.384699999999995</c:v>
                </c:pt>
                <c:pt idx="14651">
                  <c:v>68.071700000000007</c:v>
                </c:pt>
                <c:pt idx="14652">
                  <c:v>71.020300000000006</c:v>
                </c:pt>
                <c:pt idx="14653">
                  <c:v>71.690399999999997</c:v>
                </c:pt>
                <c:pt idx="14654">
                  <c:v>69.316500000000005</c:v>
                </c:pt>
                <c:pt idx="14655">
                  <c:v>70.762</c:v>
                </c:pt>
                <c:pt idx="14656">
                  <c:v>58.161099999999998</c:v>
                </c:pt>
                <c:pt idx="14657">
                  <c:v>67.951499999999996</c:v>
                </c:pt>
                <c:pt idx="14658">
                  <c:v>69.2072</c:v>
                </c:pt>
                <c:pt idx="14659">
                  <c:v>62.561599999999999</c:v>
                </c:pt>
                <c:pt idx="14660">
                  <c:v>64.258499999999998</c:v>
                </c:pt>
                <c:pt idx="14661">
                  <c:v>61.8521</c:v>
                </c:pt>
                <c:pt idx="14662">
                  <c:v>68.071700000000007</c:v>
                </c:pt>
                <c:pt idx="14663">
                  <c:v>71.020300000000006</c:v>
                </c:pt>
                <c:pt idx="14664">
                  <c:v>71.690399999999997</c:v>
                </c:pt>
                <c:pt idx="14665">
                  <c:v>69.316500000000005</c:v>
                </c:pt>
                <c:pt idx="14666">
                  <c:v>73.441599999999994</c:v>
                </c:pt>
                <c:pt idx="14667">
                  <c:v>63.775199999999998</c:v>
                </c:pt>
                <c:pt idx="14668">
                  <c:v>71.703800000000001</c:v>
                </c:pt>
                <c:pt idx="14669">
                  <c:v>73.101900000000001</c:v>
                </c:pt>
                <c:pt idx="14670">
                  <c:v>72.049800000000005</c:v>
                </c:pt>
                <c:pt idx="14671">
                  <c:v>75.409700000000001</c:v>
                </c:pt>
                <c:pt idx="14672">
                  <c:v>74.384699999999995</c:v>
                </c:pt>
                <c:pt idx="14673">
                  <c:v>68.071700000000007</c:v>
                </c:pt>
                <c:pt idx="14674">
                  <c:v>71.020300000000006</c:v>
                </c:pt>
                <c:pt idx="14675">
                  <c:v>71.690399999999997</c:v>
                </c:pt>
                <c:pt idx="14676">
                  <c:v>69.316500000000005</c:v>
                </c:pt>
                <c:pt idx="14677">
                  <c:v>73.441599999999994</c:v>
                </c:pt>
                <c:pt idx="14678">
                  <c:v>63.775199999999998</c:v>
                </c:pt>
                <c:pt idx="14679">
                  <c:v>71.703800000000001</c:v>
                </c:pt>
                <c:pt idx="14680">
                  <c:v>73.101900000000001</c:v>
                </c:pt>
                <c:pt idx="14681">
                  <c:v>72.049800000000005</c:v>
                </c:pt>
                <c:pt idx="14682">
                  <c:v>75.409700000000001</c:v>
                </c:pt>
                <c:pt idx="14683">
                  <c:v>74.384699999999995</c:v>
                </c:pt>
                <c:pt idx="14684">
                  <c:v>68.071700000000007</c:v>
                </c:pt>
                <c:pt idx="14685">
                  <c:v>71.020300000000006</c:v>
                </c:pt>
                <c:pt idx="14686">
                  <c:v>71.690399999999997</c:v>
                </c:pt>
                <c:pt idx="14687">
                  <c:v>69.316500000000005</c:v>
                </c:pt>
                <c:pt idx="14688">
                  <c:v>73.441599999999994</c:v>
                </c:pt>
                <c:pt idx="14689">
                  <c:v>63.775199999999998</c:v>
                </c:pt>
                <c:pt idx="14690">
                  <c:v>71.703800000000001</c:v>
                </c:pt>
                <c:pt idx="14691">
                  <c:v>73.101900000000001</c:v>
                </c:pt>
                <c:pt idx="14692">
                  <c:v>72.049800000000005</c:v>
                </c:pt>
                <c:pt idx="14693">
                  <c:v>75.409700000000001</c:v>
                </c:pt>
                <c:pt idx="14694">
                  <c:v>74.384699999999995</c:v>
                </c:pt>
                <c:pt idx="14695">
                  <c:v>68.071700000000007</c:v>
                </c:pt>
                <c:pt idx="14696">
                  <c:v>71.020300000000006</c:v>
                </c:pt>
                <c:pt idx="14697">
                  <c:v>71.690399999999997</c:v>
                </c:pt>
                <c:pt idx="14698">
                  <c:v>69.316500000000005</c:v>
                </c:pt>
                <c:pt idx="14699">
                  <c:v>73.441599999999994</c:v>
                </c:pt>
                <c:pt idx="14700">
                  <c:v>63.775199999999998</c:v>
                </c:pt>
                <c:pt idx="14701">
                  <c:v>71.703800000000001</c:v>
                </c:pt>
                <c:pt idx="14702">
                  <c:v>73.101900000000001</c:v>
                </c:pt>
                <c:pt idx="14703">
                  <c:v>72.049800000000005</c:v>
                </c:pt>
                <c:pt idx="14704">
                  <c:v>75.409700000000001</c:v>
                </c:pt>
                <c:pt idx="14705">
                  <c:v>74.384699999999995</c:v>
                </c:pt>
                <c:pt idx="14706">
                  <c:v>68.071700000000007</c:v>
                </c:pt>
                <c:pt idx="14707">
                  <c:v>71.020300000000006</c:v>
                </c:pt>
                <c:pt idx="14708">
                  <c:v>71.690399999999997</c:v>
                </c:pt>
                <c:pt idx="14709">
                  <c:v>69.316500000000005</c:v>
                </c:pt>
                <c:pt idx="14710">
                  <c:v>73.441599999999994</c:v>
                </c:pt>
                <c:pt idx="14711">
                  <c:v>63.775199999999998</c:v>
                </c:pt>
                <c:pt idx="14712">
                  <c:v>71.703800000000001</c:v>
                </c:pt>
                <c:pt idx="14713">
                  <c:v>73.101900000000001</c:v>
                </c:pt>
                <c:pt idx="14714">
                  <c:v>72.049800000000005</c:v>
                </c:pt>
                <c:pt idx="14715">
                  <c:v>75.409700000000001</c:v>
                </c:pt>
                <c:pt idx="14716">
                  <c:v>74.384699999999995</c:v>
                </c:pt>
                <c:pt idx="14717">
                  <c:v>68.071700000000007</c:v>
                </c:pt>
                <c:pt idx="14718">
                  <c:v>71.020300000000006</c:v>
                </c:pt>
                <c:pt idx="14719">
                  <c:v>71.690399999999997</c:v>
                </c:pt>
                <c:pt idx="14720">
                  <c:v>69.316500000000005</c:v>
                </c:pt>
                <c:pt idx="14721">
                  <c:v>73.441599999999994</c:v>
                </c:pt>
                <c:pt idx="14722">
                  <c:v>63.775199999999998</c:v>
                </c:pt>
                <c:pt idx="14723">
                  <c:v>71.703800000000001</c:v>
                </c:pt>
                <c:pt idx="14724">
                  <c:v>73.101900000000001</c:v>
                </c:pt>
                <c:pt idx="14725">
                  <c:v>72.049800000000005</c:v>
                </c:pt>
                <c:pt idx="14726">
                  <c:v>75.409700000000001</c:v>
                </c:pt>
                <c:pt idx="14727">
                  <c:v>74.384699999999995</c:v>
                </c:pt>
                <c:pt idx="14728">
                  <c:v>68.071700000000007</c:v>
                </c:pt>
                <c:pt idx="14729">
                  <c:v>71.020300000000006</c:v>
                </c:pt>
                <c:pt idx="14730">
                  <c:v>71.690399999999997</c:v>
                </c:pt>
                <c:pt idx="14731">
                  <c:v>69.316500000000005</c:v>
                </c:pt>
                <c:pt idx="14732">
                  <c:v>73.441599999999994</c:v>
                </c:pt>
                <c:pt idx="14733">
                  <c:v>63.775199999999998</c:v>
                </c:pt>
                <c:pt idx="14734">
                  <c:v>71.703800000000001</c:v>
                </c:pt>
                <c:pt idx="14735">
                  <c:v>73.101900000000001</c:v>
                </c:pt>
                <c:pt idx="14736">
                  <c:v>72.049800000000005</c:v>
                </c:pt>
                <c:pt idx="14737">
                  <c:v>75.409700000000001</c:v>
                </c:pt>
                <c:pt idx="14738">
                  <c:v>74.384699999999995</c:v>
                </c:pt>
                <c:pt idx="14739">
                  <c:v>68.071700000000007</c:v>
                </c:pt>
                <c:pt idx="14740">
                  <c:v>71.020300000000006</c:v>
                </c:pt>
                <c:pt idx="14741">
                  <c:v>71.690399999999997</c:v>
                </c:pt>
                <c:pt idx="14742">
                  <c:v>69.316500000000005</c:v>
                </c:pt>
                <c:pt idx="14743">
                  <c:v>73.441599999999994</c:v>
                </c:pt>
                <c:pt idx="14744">
                  <c:v>63.775199999999998</c:v>
                </c:pt>
                <c:pt idx="14745">
                  <c:v>71.703800000000001</c:v>
                </c:pt>
                <c:pt idx="14746">
                  <c:v>73.101900000000001</c:v>
                </c:pt>
                <c:pt idx="14747">
                  <c:v>72.049800000000005</c:v>
                </c:pt>
                <c:pt idx="14748">
                  <c:v>75.409700000000001</c:v>
                </c:pt>
                <c:pt idx="14749">
                  <c:v>74.384699999999995</c:v>
                </c:pt>
                <c:pt idx="14750">
                  <c:v>68.071700000000007</c:v>
                </c:pt>
                <c:pt idx="14751">
                  <c:v>71.020300000000006</c:v>
                </c:pt>
                <c:pt idx="14752">
                  <c:v>71.690399999999997</c:v>
                </c:pt>
                <c:pt idx="14753">
                  <c:v>69.316500000000005</c:v>
                </c:pt>
                <c:pt idx="14754">
                  <c:v>73.441599999999994</c:v>
                </c:pt>
                <c:pt idx="14755">
                  <c:v>63.775199999999998</c:v>
                </c:pt>
                <c:pt idx="14756">
                  <c:v>71.703800000000001</c:v>
                </c:pt>
                <c:pt idx="14757">
                  <c:v>73.101900000000001</c:v>
                </c:pt>
                <c:pt idx="14758">
                  <c:v>72.049800000000005</c:v>
                </c:pt>
                <c:pt idx="14759">
                  <c:v>75.409700000000001</c:v>
                </c:pt>
                <c:pt idx="14760">
                  <c:v>74.384699999999995</c:v>
                </c:pt>
                <c:pt idx="14761">
                  <c:v>68.071700000000007</c:v>
                </c:pt>
                <c:pt idx="14762">
                  <c:v>71.020300000000006</c:v>
                </c:pt>
                <c:pt idx="14763">
                  <c:v>71.690399999999997</c:v>
                </c:pt>
                <c:pt idx="14764">
                  <c:v>69.316500000000005</c:v>
                </c:pt>
                <c:pt idx="14765">
                  <c:v>73.441599999999994</c:v>
                </c:pt>
                <c:pt idx="14766">
                  <c:v>63.775199999999998</c:v>
                </c:pt>
                <c:pt idx="14767">
                  <c:v>71.703800000000001</c:v>
                </c:pt>
                <c:pt idx="14768">
                  <c:v>73.101900000000001</c:v>
                </c:pt>
                <c:pt idx="14769">
                  <c:v>72.049800000000005</c:v>
                </c:pt>
                <c:pt idx="14770">
                  <c:v>75.409700000000001</c:v>
                </c:pt>
                <c:pt idx="14771">
                  <c:v>74.384699999999995</c:v>
                </c:pt>
                <c:pt idx="14772">
                  <c:v>68.071700000000007</c:v>
                </c:pt>
                <c:pt idx="14773">
                  <c:v>71.020300000000006</c:v>
                </c:pt>
                <c:pt idx="14774">
                  <c:v>71.690399999999997</c:v>
                </c:pt>
                <c:pt idx="14775">
                  <c:v>69.316500000000005</c:v>
                </c:pt>
                <c:pt idx="14776">
                  <c:v>73.441599999999994</c:v>
                </c:pt>
                <c:pt idx="14777">
                  <c:v>63.775199999999998</c:v>
                </c:pt>
                <c:pt idx="14778">
                  <c:v>71.703800000000001</c:v>
                </c:pt>
                <c:pt idx="14779">
                  <c:v>73.101900000000001</c:v>
                </c:pt>
                <c:pt idx="14780">
                  <c:v>72.049800000000005</c:v>
                </c:pt>
                <c:pt idx="14781">
                  <c:v>75.409700000000001</c:v>
                </c:pt>
                <c:pt idx="14782">
                  <c:v>74.384699999999995</c:v>
                </c:pt>
                <c:pt idx="14783">
                  <c:v>68.071700000000007</c:v>
                </c:pt>
                <c:pt idx="14784">
                  <c:v>71.020300000000006</c:v>
                </c:pt>
                <c:pt idx="14785">
                  <c:v>71.690399999999997</c:v>
                </c:pt>
                <c:pt idx="14786">
                  <c:v>69.316500000000005</c:v>
                </c:pt>
                <c:pt idx="14787">
                  <c:v>70.762</c:v>
                </c:pt>
                <c:pt idx="14788">
                  <c:v>58.161099999999998</c:v>
                </c:pt>
                <c:pt idx="14789">
                  <c:v>67.951499999999996</c:v>
                </c:pt>
                <c:pt idx="14790">
                  <c:v>69.2072</c:v>
                </c:pt>
                <c:pt idx="14791">
                  <c:v>62.561599999999999</c:v>
                </c:pt>
                <c:pt idx="14792">
                  <c:v>64.258499999999998</c:v>
                </c:pt>
                <c:pt idx="14793">
                  <c:v>61.8521</c:v>
                </c:pt>
                <c:pt idx="14794">
                  <c:v>68.071700000000007</c:v>
                </c:pt>
                <c:pt idx="14795">
                  <c:v>71.020300000000006</c:v>
                </c:pt>
                <c:pt idx="14796">
                  <c:v>71.690399999999997</c:v>
                </c:pt>
                <c:pt idx="14797">
                  <c:v>69.316500000000005</c:v>
                </c:pt>
                <c:pt idx="14798">
                  <c:v>73.441599999999994</c:v>
                </c:pt>
                <c:pt idx="14799">
                  <c:v>63.775199999999998</c:v>
                </c:pt>
                <c:pt idx="14800">
                  <c:v>71.703800000000001</c:v>
                </c:pt>
                <c:pt idx="14801">
                  <c:v>73.101900000000001</c:v>
                </c:pt>
                <c:pt idx="14802">
                  <c:v>72.049800000000005</c:v>
                </c:pt>
                <c:pt idx="14803">
                  <c:v>75.409700000000001</c:v>
                </c:pt>
                <c:pt idx="14804">
                  <c:v>74.384699999999995</c:v>
                </c:pt>
                <c:pt idx="14805">
                  <c:v>68.071700000000007</c:v>
                </c:pt>
                <c:pt idx="14806">
                  <c:v>71.020300000000006</c:v>
                </c:pt>
                <c:pt idx="14807">
                  <c:v>71.690399999999997</c:v>
                </c:pt>
                <c:pt idx="14808">
                  <c:v>69.316500000000005</c:v>
                </c:pt>
                <c:pt idx="14809">
                  <c:v>73.441599999999994</c:v>
                </c:pt>
                <c:pt idx="14810">
                  <c:v>63.775199999999998</c:v>
                </c:pt>
                <c:pt idx="14811">
                  <c:v>71.703800000000001</c:v>
                </c:pt>
                <c:pt idx="14812">
                  <c:v>73.101900000000001</c:v>
                </c:pt>
                <c:pt idx="14813">
                  <c:v>72.049800000000005</c:v>
                </c:pt>
                <c:pt idx="14814">
                  <c:v>75.409700000000001</c:v>
                </c:pt>
                <c:pt idx="14815">
                  <c:v>74.384699999999995</c:v>
                </c:pt>
                <c:pt idx="14816">
                  <c:v>68.071700000000007</c:v>
                </c:pt>
                <c:pt idx="14817">
                  <c:v>71.020300000000006</c:v>
                </c:pt>
                <c:pt idx="14818">
                  <c:v>71.690399999999997</c:v>
                </c:pt>
                <c:pt idx="14819">
                  <c:v>69.316500000000005</c:v>
                </c:pt>
                <c:pt idx="14820">
                  <c:v>73.441599999999994</c:v>
                </c:pt>
                <c:pt idx="14821">
                  <c:v>63.775199999999998</c:v>
                </c:pt>
                <c:pt idx="14822">
                  <c:v>71.703800000000001</c:v>
                </c:pt>
                <c:pt idx="14823">
                  <c:v>73.101900000000001</c:v>
                </c:pt>
                <c:pt idx="14824">
                  <c:v>72.049800000000005</c:v>
                </c:pt>
                <c:pt idx="14825">
                  <c:v>75.409700000000001</c:v>
                </c:pt>
                <c:pt idx="14826">
                  <c:v>74.384699999999995</c:v>
                </c:pt>
                <c:pt idx="14827">
                  <c:v>68.071700000000007</c:v>
                </c:pt>
                <c:pt idx="14828">
                  <c:v>71.020300000000006</c:v>
                </c:pt>
                <c:pt idx="14829">
                  <c:v>71.690399999999997</c:v>
                </c:pt>
                <c:pt idx="14830">
                  <c:v>69.316500000000005</c:v>
                </c:pt>
                <c:pt idx="14831">
                  <c:v>73.441599999999994</c:v>
                </c:pt>
                <c:pt idx="14832">
                  <c:v>63.775199999999998</c:v>
                </c:pt>
                <c:pt idx="14833">
                  <c:v>71.703800000000001</c:v>
                </c:pt>
                <c:pt idx="14834">
                  <c:v>73.101900000000001</c:v>
                </c:pt>
                <c:pt idx="14835">
                  <c:v>72.049800000000005</c:v>
                </c:pt>
                <c:pt idx="14836">
                  <c:v>75.409700000000001</c:v>
                </c:pt>
                <c:pt idx="14837">
                  <c:v>74.384699999999995</c:v>
                </c:pt>
                <c:pt idx="14838">
                  <c:v>68.071700000000007</c:v>
                </c:pt>
                <c:pt idx="14839">
                  <c:v>71.020300000000006</c:v>
                </c:pt>
                <c:pt idx="14840">
                  <c:v>71.690399999999997</c:v>
                </c:pt>
                <c:pt idx="14841">
                  <c:v>69.316500000000005</c:v>
                </c:pt>
                <c:pt idx="14842">
                  <c:v>73.441599999999994</c:v>
                </c:pt>
                <c:pt idx="14843">
                  <c:v>63.775199999999998</c:v>
                </c:pt>
                <c:pt idx="14844">
                  <c:v>71.703800000000001</c:v>
                </c:pt>
                <c:pt idx="14845">
                  <c:v>73.101900000000001</c:v>
                </c:pt>
                <c:pt idx="14846">
                  <c:v>72.049800000000005</c:v>
                </c:pt>
                <c:pt idx="14847">
                  <c:v>75.409700000000001</c:v>
                </c:pt>
                <c:pt idx="14848">
                  <c:v>74.384699999999995</c:v>
                </c:pt>
                <c:pt idx="14849">
                  <c:v>68.071700000000007</c:v>
                </c:pt>
                <c:pt idx="14850">
                  <c:v>71.020300000000006</c:v>
                </c:pt>
                <c:pt idx="14851">
                  <c:v>71.690399999999997</c:v>
                </c:pt>
                <c:pt idx="14852">
                  <c:v>69.316500000000005</c:v>
                </c:pt>
                <c:pt idx="14853">
                  <c:v>73.441599999999994</c:v>
                </c:pt>
                <c:pt idx="14854">
                  <c:v>63.775199999999998</c:v>
                </c:pt>
                <c:pt idx="14855">
                  <c:v>71.703800000000001</c:v>
                </c:pt>
                <c:pt idx="14856">
                  <c:v>73.101900000000001</c:v>
                </c:pt>
                <c:pt idx="14857">
                  <c:v>72.049800000000005</c:v>
                </c:pt>
                <c:pt idx="14858">
                  <c:v>75.409700000000001</c:v>
                </c:pt>
                <c:pt idx="14859">
                  <c:v>74.384699999999995</c:v>
                </c:pt>
                <c:pt idx="14860">
                  <c:v>68.071700000000007</c:v>
                </c:pt>
                <c:pt idx="14861">
                  <c:v>71.020300000000006</c:v>
                </c:pt>
                <c:pt idx="14862">
                  <c:v>71.690399999999997</c:v>
                </c:pt>
                <c:pt idx="14863">
                  <c:v>69.316500000000005</c:v>
                </c:pt>
                <c:pt idx="14864">
                  <c:v>73.441599999999994</c:v>
                </c:pt>
                <c:pt idx="14865">
                  <c:v>63.775199999999998</c:v>
                </c:pt>
                <c:pt idx="14866">
                  <c:v>71.703800000000001</c:v>
                </c:pt>
                <c:pt idx="14867">
                  <c:v>73.101900000000001</c:v>
                </c:pt>
                <c:pt idx="14868">
                  <c:v>72.049800000000005</c:v>
                </c:pt>
                <c:pt idx="14869">
                  <c:v>75.409700000000001</c:v>
                </c:pt>
                <c:pt idx="14870">
                  <c:v>74.384699999999995</c:v>
                </c:pt>
                <c:pt idx="14871">
                  <c:v>68.071700000000007</c:v>
                </c:pt>
                <c:pt idx="14872">
                  <c:v>71.020300000000006</c:v>
                </c:pt>
                <c:pt idx="14873">
                  <c:v>71.690399999999997</c:v>
                </c:pt>
                <c:pt idx="14874">
                  <c:v>69.316500000000005</c:v>
                </c:pt>
                <c:pt idx="14875">
                  <c:v>73.441599999999994</c:v>
                </c:pt>
                <c:pt idx="14876">
                  <c:v>63.775199999999998</c:v>
                </c:pt>
                <c:pt idx="14877">
                  <c:v>71.703800000000001</c:v>
                </c:pt>
                <c:pt idx="14878">
                  <c:v>73.101900000000001</c:v>
                </c:pt>
                <c:pt idx="14879">
                  <c:v>72.049800000000005</c:v>
                </c:pt>
                <c:pt idx="14880">
                  <c:v>75.409700000000001</c:v>
                </c:pt>
                <c:pt idx="14881">
                  <c:v>74.384699999999995</c:v>
                </c:pt>
                <c:pt idx="14882">
                  <c:v>68.071700000000007</c:v>
                </c:pt>
                <c:pt idx="14883">
                  <c:v>71.020300000000006</c:v>
                </c:pt>
                <c:pt idx="14884">
                  <c:v>71.690399999999997</c:v>
                </c:pt>
                <c:pt idx="14885">
                  <c:v>69.316500000000005</c:v>
                </c:pt>
                <c:pt idx="14886">
                  <c:v>73.441599999999994</c:v>
                </c:pt>
                <c:pt idx="14887">
                  <c:v>63.775199999999998</c:v>
                </c:pt>
                <c:pt idx="14888">
                  <c:v>71.703800000000001</c:v>
                </c:pt>
                <c:pt idx="14889">
                  <c:v>73.101900000000001</c:v>
                </c:pt>
                <c:pt idx="14890">
                  <c:v>72.049800000000005</c:v>
                </c:pt>
                <c:pt idx="14891">
                  <c:v>75.409700000000001</c:v>
                </c:pt>
                <c:pt idx="14892">
                  <c:v>74.384699999999995</c:v>
                </c:pt>
                <c:pt idx="14893">
                  <c:v>68.071700000000007</c:v>
                </c:pt>
                <c:pt idx="14894">
                  <c:v>71.020300000000006</c:v>
                </c:pt>
                <c:pt idx="14895">
                  <c:v>71.690399999999997</c:v>
                </c:pt>
                <c:pt idx="14896">
                  <c:v>69.316500000000005</c:v>
                </c:pt>
                <c:pt idx="14897">
                  <c:v>73.441599999999994</c:v>
                </c:pt>
                <c:pt idx="14898">
                  <c:v>63.775199999999998</c:v>
                </c:pt>
                <c:pt idx="14899">
                  <c:v>71.703800000000001</c:v>
                </c:pt>
                <c:pt idx="14900">
                  <c:v>73.101900000000001</c:v>
                </c:pt>
                <c:pt idx="14901">
                  <c:v>72.049800000000005</c:v>
                </c:pt>
                <c:pt idx="14902">
                  <c:v>75.409700000000001</c:v>
                </c:pt>
                <c:pt idx="14903">
                  <c:v>74.384699999999995</c:v>
                </c:pt>
                <c:pt idx="14904">
                  <c:v>68.071700000000007</c:v>
                </c:pt>
                <c:pt idx="14905">
                  <c:v>71.020300000000006</c:v>
                </c:pt>
                <c:pt idx="14906">
                  <c:v>71.690399999999997</c:v>
                </c:pt>
                <c:pt idx="14907">
                  <c:v>69.316500000000005</c:v>
                </c:pt>
                <c:pt idx="14908">
                  <c:v>73.441599999999994</c:v>
                </c:pt>
                <c:pt idx="14909">
                  <c:v>63.775199999999998</c:v>
                </c:pt>
                <c:pt idx="14910">
                  <c:v>71.703800000000001</c:v>
                </c:pt>
                <c:pt idx="14911">
                  <c:v>73.101900000000001</c:v>
                </c:pt>
                <c:pt idx="14912">
                  <c:v>72.049800000000005</c:v>
                </c:pt>
                <c:pt idx="14913">
                  <c:v>75.409700000000001</c:v>
                </c:pt>
                <c:pt idx="14914">
                  <c:v>74.384699999999995</c:v>
                </c:pt>
                <c:pt idx="14915">
                  <c:v>68.071700000000007</c:v>
                </c:pt>
                <c:pt idx="14916">
                  <c:v>71.020300000000006</c:v>
                </c:pt>
                <c:pt idx="14917">
                  <c:v>71.690399999999997</c:v>
                </c:pt>
                <c:pt idx="14918">
                  <c:v>69.316500000000005</c:v>
                </c:pt>
                <c:pt idx="14919">
                  <c:v>70.762</c:v>
                </c:pt>
                <c:pt idx="14920">
                  <c:v>58.161099999999998</c:v>
                </c:pt>
                <c:pt idx="14921">
                  <c:v>67.951499999999996</c:v>
                </c:pt>
                <c:pt idx="14922">
                  <c:v>69.2072</c:v>
                </c:pt>
                <c:pt idx="14923">
                  <c:v>62.561599999999999</c:v>
                </c:pt>
                <c:pt idx="14924">
                  <c:v>64.258499999999998</c:v>
                </c:pt>
                <c:pt idx="14925">
                  <c:v>61.8521</c:v>
                </c:pt>
                <c:pt idx="14926">
                  <c:v>68.071700000000007</c:v>
                </c:pt>
                <c:pt idx="14927">
                  <c:v>71.020300000000006</c:v>
                </c:pt>
                <c:pt idx="14928">
                  <c:v>71.690399999999997</c:v>
                </c:pt>
                <c:pt idx="14929">
                  <c:v>69.316500000000005</c:v>
                </c:pt>
                <c:pt idx="14930">
                  <c:v>73.441599999999994</c:v>
                </c:pt>
                <c:pt idx="14931">
                  <c:v>63.775199999999998</c:v>
                </c:pt>
                <c:pt idx="14932">
                  <c:v>71.703800000000001</c:v>
                </c:pt>
                <c:pt idx="14933">
                  <c:v>73.101900000000001</c:v>
                </c:pt>
                <c:pt idx="14934">
                  <c:v>72.049800000000005</c:v>
                </c:pt>
                <c:pt idx="14935">
                  <c:v>75.409700000000001</c:v>
                </c:pt>
                <c:pt idx="14936">
                  <c:v>74.384699999999995</c:v>
                </c:pt>
                <c:pt idx="14937">
                  <c:v>68.071700000000007</c:v>
                </c:pt>
                <c:pt idx="14938">
                  <c:v>71.020300000000006</c:v>
                </c:pt>
                <c:pt idx="14939">
                  <c:v>71.690399999999997</c:v>
                </c:pt>
                <c:pt idx="14940">
                  <c:v>69.316500000000005</c:v>
                </c:pt>
                <c:pt idx="14941">
                  <c:v>73.441599999999994</c:v>
                </c:pt>
                <c:pt idx="14942">
                  <c:v>63.775199999999998</c:v>
                </c:pt>
                <c:pt idx="14943">
                  <c:v>71.703800000000001</c:v>
                </c:pt>
                <c:pt idx="14944">
                  <c:v>73.101900000000001</c:v>
                </c:pt>
                <c:pt idx="14945">
                  <c:v>72.049800000000005</c:v>
                </c:pt>
                <c:pt idx="14946">
                  <c:v>75.409700000000001</c:v>
                </c:pt>
                <c:pt idx="14947">
                  <c:v>74.384699999999995</c:v>
                </c:pt>
                <c:pt idx="14948">
                  <c:v>68.071700000000007</c:v>
                </c:pt>
                <c:pt idx="14949">
                  <c:v>71.020300000000006</c:v>
                </c:pt>
                <c:pt idx="14950">
                  <c:v>71.690399999999997</c:v>
                </c:pt>
                <c:pt idx="14951">
                  <c:v>69.316500000000005</c:v>
                </c:pt>
                <c:pt idx="14952">
                  <c:v>73.441599999999994</c:v>
                </c:pt>
                <c:pt idx="14953">
                  <c:v>63.775199999999998</c:v>
                </c:pt>
                <c:pt idx="14954">
                  <c:v>71.703800000000001</c:v>
                </c:pt>
                <c:pt idx="14955">
                  <c:v>73.101900000000001</c:v>
                </c:pt>
                <c:pt idx="14956">
                  <c:v>72.049800000000005</c:v>
                </c:pt>
                <c:pt idx="14957">
                  <c:v>75.409700000000001</c:v>
                </c:pt>
                <c:pt idx="14958">
                  <c:v>74.384699999999995</c:v>
                </c:pt>
                <c:pt idx="14959">
                  <c:v>68.071700000000007</c:v>
                </c:pt>
                <c:pt idx="14960">
                  <c:v>71.020300000000006</c:v>
                </c:pt>
                <c:pt idx="14961">
                  <c:v>71.690399999999997</c:v>
                </c:pt>
                <c:pt idx="14962">
                  <c:v>69.316500000000005</c:v>
                </c:pt>
                <c:pt idx="14963">
                  <c:v>73.441599999999994</c:v>
                </c:pt>
                <c:pt idx="14964">
                  <c:v>63.775199999999998</c:v>
                </c:pt>
                <c:pt idx="14965">
                  <c:v>71.703800000000001</c:v>
                </c:pt>
                <c:pt idx="14966">
                  <c:v>73.101900000000001</c:v>
                </c:pt>
                <c:pt idx="14967">
                  <c:v>72.049800000000005</c:v>
                </c:pt>
                <c:pt idx="14968">
                  <c:v>75.409700000000001</c:v>
                </c:pt>
                <c:pt idx="14969">
                  <c:v>74.384699999999995</c:v>
                </c:pt>
                <c:pt idx="14970">
                  <c:v>68.071700000000007</c:v>
                </c:pt>
                <c:pt idx="14971">
                  <c:v>71.020300000000006</c:v>
                </c:pt>
                <c:pt idx="14972">
                  <c:v>71.690399999999997</c:v>
                </c:pt>
                <c:pt idx="14973">
                  <c:v>69.316500000000005</c:v>
                </c:pt>
                <c:pt idx="14974">
                  <c:v>73.441599999999994</c:v>
                </c:pt>
                <c:pt idx="14975">
                  <c:v>63.775199999999998</c:v>
                </c:pt>
                <c:pt idx="14976">
                  <c:v>71.703800000000001</c:v>
                </c:pt>
                <c:pt idx="14977">
                  <c:v>73.101900000000001</c:v>
                </c:pt>
                <c:pt idx="14978">
                  <c:v>72.049800000000005</c:v>
                </c:pt>
                <c:pt idx="14979">
                  <c:v>75.409700000000001</c:v>
                </c:pt>
                <c:pt idx="14980">
                  <c:v>74.384699999999995</c:v>
                </c:pt>
                <c:pt idx="14981">
                  <c:v>68.071700000000007</c:v>
                </c:pt>
                <c:pt idx="14982">
                  <c:v>71.020300000000006</c:v>
                </c:pt>
                <c:pt idx="14983">
                  <c:v>71.690399999999997</c:v>
                </c:pt>
                <c:pt idx="14984">
                  <c:v>69.316500000000005</c:v>
                </c:pt>
                <c:pt idx="14985">
                  <c:v>73.441599999999994</c:v>
                </c:pt>
                <c:pt idx="14986">
                  <c:v>63.775199999999998</c:v>
                </c:pt>
                <c:pt idx="14987">
                  <c:v>71.703800000000001</c:v>
                </c:pt>
                <c:pt idx="14988">
                  <c:v>73.101900000000001</c:v>
                </c:pt>
                <c:pt idx="14989">
                  <c:v>72.049800000000005</c:v>
                </c:pt>
                <c:pt idx="14990">
                  <c:v>75.409700000000001</c:v>
                </c:pt>
                <c:pt idx="14991">
                  <c:v>74.384699999999995</c:v>
                </c:pt>
                <c:pt idx="14992">
                  <c:v>68.071700000000007</c:v>
                </c:pt>
                <c:pt idx="14993">
                  <c:v>71.020300000000006</c:v>
                </c:pt>
                <c:pt idx="14994">
                  <c:v>71.690399999999997</c:v>
                </c:pt>
                <c:pt idx="14995">
                  <c:v>69.316500000000005</c:v>
                </c:pt>
                <c:pt idx="14996">
                  <c:v>73.441599999999994</c:v>
                </c:pt>
                <c:pt idx="14997">
                  <c:v>63.775199999999998</c:v>
                </c:pt>
                <c:pt idx="14998">
                  <c:v>71.703800000000001</c:v>
                </c:pt>
                <c:pt idx="14999">
                  <c:v>73.101900000000001</c:v>
                </c:pt>
                <c:pt idx="15000">
                  <c:v>72.049800000000005</c:v>
                </c:pt>
                <c:pt idx="15001">
                  <c:v>75.409700000000001</c:v>
                </c:pt>
                <c:pt idx="15002">
                  <c:v>74.384699999999995</c:v>
                </c:pt>
                <c:pt idx="15003">
                  <c:v>68.071700000000007</c:v>
                </c:pt>
                <c:pt idx="15004">
                  <c:v>71.020300000000006</c:v>
                </c:pt>
                <c:pt idx="15005">
                  <c:v>71.690399999999997</c:v>
                </c:pt>
                <c:pt idx="15006">
                  <c:v>69.316500000000005</c:v>
                </c:pt>
                <c:pt idx="15007">
                  <c:v>73.441599999999994</c:v>
                </c:pt>
                <c:pt idx="15008">
                  <c:v>63.775199999999998</c:v>
                </c:pt>
                <c:pt idx="15009">
                  <c:v>71.703800000000001</c:v>
                </c:pt>
                <c:pt idx="15010">
                  <c:v>73.101900000000001</c:v>
                </c:pt>
                <c:pt idx="15011">
                  <c:v>72.049800000000005</c:v>
                </c:pt>
                <c:pt idx="15012">
                  <c:v>75.409700000000001</c:v>
                </c:pt>
                <c:pt idx="15013">
                  <c:v>74.384699999999995</c:v>
                </c:pt>
                <c:pt idx="15014">
                  <c:v>68.071700000000007</c:v>
                </c:pt>
                <c:pt idx="15015">
                  <c:v>71.020300000000006</c:v>
                </c:pt>
                <c:pt idx="15016">
                  <c:v>71.690399999999997</c:v>
                </c:pt>
                <c:pt idx="15017">
                  <c:v>69.316500000000005</c:v>
                </c:pt>
                <c:pt idx="15018">
                  <c:v>73.441599999999994</c:v>
                </c:pt>
                <c:pt idx="15019">
                  <c:v>63.775199999999998</c:v>
                </c:pt>
                <c:pt idx="15020">
                  <c:v>71.703800000000001</c:v>
                </c:pt>
                <c:pt idx="15021">
                  <c:v>73.101900000000001</c:v>
                </c:pt>
                <c:pt idx="15022">
                  <c:v>72.049800000000005</c:v>
                </c:pt>
                <c:pt idx="15023">
                  <c:v>75.409700000000001</c:v>
                </c:pt>
                <c:pt idx="15024">
                  <c:v>74.384699999999995</c:v>
                </c:pt>
                <c:pt idx="15025">
                  <c:v>68.071700000000007</c:v>
                </c:pt>
                <c:pt idx="15026">
                  <c:v>71.020300000000006</c:v>
                </c:pt>
                <c:pt idx="15027">
                  <c:v>71.690399999999997</c:v>
                </c:pt>
                <c:pt idx="15028">
                  <c:v>69.316500000000005</c:v>
                </c:pt>
                <c:pt idx="15029">
                  <c:v>73.441599999999994</c:v>
                </c:pt>
                <c:pt idx="15030">
                  <c:v>63.775199999999998</c:v>
                </c:pt>
                <c:pt idx="15031">
                  <c:v>71.703800000000001</c:v>
                </c:pt>
                <c:pt idx="15032">
                  <c:v>73.101900000000001</c:v>
                </c:pt>
                <c:pt idx="15033">
                  <c:v>72.049800000000005</c:v>
                </c:pt>
                <c:pt idx="15034">
                  <c:v>75.409700000000001</c:v>
                </c:pt>
                <c:pt idx="15035">
                  <c:v>74.384699999999995</c:v>
                </c:pt>
                <c:pt idx="15036">
                  <c:v>68.071700000000007</c:v>
                </c:pt>
                <c:pt idx="15037">
                  <c:v>71.020300000000006</c:v>
                </c:pt>
                <c:pt idx="15038">
                  <c:v>71.690399999999997</c:v>
                </c:pt>
                <c:pt idx="15039">
                  <c:v>69.316500000000005</c:v>
                </c:pt>
                <c:pt idx="15040">
                  <c:v>73.441599999999994</c:v>
                </c:pt>
                <c:pt idx="15041">
                  <c:v>63.775199999999998</c:v>
                </c:pt>
                <c:pt idx="15042">
                  <c:v>71.703800000000001</c:v>
                </c:pt>
                <c:pt idx="15043">
                  <c:v>73.101900000000001</c:v>
                </c:pt>
                <c:pt idx="15044">
                  <c:v>72.049800000000005</c:v>
                </c:pt>
                <c:pt idx="15045">
                  <c:v>75.409700000000001</c:v>
                </c:pt>
                <c:pt idx="15046">
                  <c:v>74.384699999999995</c:v>
                </c:pt>
                <c:pt idx="15047">
                  <c:v>68.071700000000007</c:v>
                </c:pt>
                <c:pt idx="15048">
                  <c:v>71.020300000000006</c:v>
                </c:pt>
                <c:pt idx="15049">
                  <c:v>71.690399999999997</c:v>
                </c:pt>
                <c:pt idx="15050">
                  <c:v>69.316500000000005</c:v>
                </c:pt>
                <c:pt idx="15051">
                  <c:v>70.762</c:v>
                </c:pt>
                <c:pt idx="15052">
                  <c:v>58.161099999999998</c:v>
                </c:pt>
                <c:pt idx="15053">
                  <c:v>67.951499999999996</c:v>
                </c:pt>
                <c:pt idx="15054">
                  <c:v>69.2072</c:v>
                </c:pt>
                <c:pt idx="15055">
                  <c:v>62.561599999999999</c:v>
                </c:pt>
                <c:pt idx="15056">
                  <c:v>64.258499999999998</c:v>
                </c:pt>
                <c:pt idx="15057">
                  <c:v>61.8521</c:v>
                </c:pt>
                <c:pt idx="15058">
                  <c:v>68.071700000000007</c:v>
                </c:pt>
                <c:pt idx="15059">
                  <c:v>71.020300000000006</c:v>
                </c:pt>
                <c:pt idx="15060">
                  <c:v>71.690399999999997</c:v>
                </c:pt>
                <c:pt idx="15061">
                  <c:v>69.316500000000005</c:v>
                </c:pt>
                <c:pt idx="15062">
                  <c:v>73.441599999999994</c:v>
                </c:pt>
                <c:pt idx="15063">
                  <c:v>63.775199999999998</c:v>
                </c:pt>
                <c:pt idx="15064">
                  <c:v>71.703800000000001</c:v>
                </c:pt>
                <c:pt idx="15065">
                  <c:v>73.101900000000001</c:v>
                </c:pt>
                <c:pt idx="15066">
                  <c:v>72.049800000000005</c:v>
                </c:pt>
                <c:pt idx="15067">
                  <c:v>75.409700000000001</c:v>
                </c:pt>
                <c:pt idx="15068">
                  <c:v>74.384699999999995</c:v>
                </c:pt>
                <c:pt idx="15069">
                  <c:v>68.071700000000007</c:v>
                </c:pt>
                <c:pt idx="15070">
                  <c:v>71.020300000000006</c:v>
                </c:pt>
                <c:pt idx="15071">
                  <c:v>71.690399999999997</c:v>
                </c:pt>
                <c:pt idx="15072">
                  <c:v>69.316500000000005</c:v>
                </c:pt>
                <c:pt idx="15073">
                  <c:v>73.441599999999994</c:v>
                </c:pt>
                <c:pt idx="15074">
                  <c:v>63.775199999999998</c:v>
                </c:pt>
                <c:pt idx="15075">
                  <c:v>71.703800000000001</c:v>
                </c:pt>
                <c:pt idx="15076">
                  <c:v>73.101900000000001</c:v>
                </c:pt>
                <c:pt idx="15077">
                  <c:v>72.049800000000005</c:v>
                </c:pt>
                <c:pt idx="15078">
                  <c:v>75.409700000000001</c:v>
                </c:pt>
                <c:pt idx="15079">
                  <c:v>74.384699999999995</c:v>
                </c:pt>
                <c:pt idx="15080">
                  <c:v>68.071700000000007</c:v>
                </c:pt>
                <c:pt idx="15081">
                  <c:v>71.020300000000006</c:v>
                </c:pt>
                <c:pt idx="15082">
                  <c:v>71.690399999999997</c:v>
                </c:pt>
                <c:pt idx="15083">
                  <c:v>69.316500000000005</c:v>
                </c:pt>
                <c:pt idx="15084">
                  <c:v>73.441599999999994</c:v>
                </c:pt>
                <c:pt idx="15085">
                  <c:v>63.775199999999998</c:v>
                </c:pt>
                <c:pt idx="15086">
                  <c:v>71.703800000000001</c:v>
                </c:pt>
                <c:pt idx="15087">
                  <c:v>73.101900000000001</c:v>
                </c:pt>
                <c:pt idx="15088">
                  <c:v>72.049800000000005</c:v>
                </c:pt>
                <c:pt idx="15089">
                  <c:v>75.409700000000001</c:v>
                </c:pt>
                <c:pt idx="15090">
                  <c:v>74.384699999999995</c:v>
                </c:pt>
                <c:pt idx="15091">
                  <c:v>68.071700000000007</c:v>
                </c:pt>
                <c:pt idx="15092">
                  <c:v>71.020300000000006</c:v>
                </c:pt>
                <c:pt idx="15093">
                  <c:v>71.690399999999997</c:v>
                </c:pt>
                <c:pt idx="15094">
                  <c:v>69.316500000000005</c:v>
                </c:pt>
                <c:pt idx="15095">
                  <c:v>73.441599999999994</c:v>
                </c:pt>
                <c:pt idx="15096">
                  <c:v>63.775199999999998</c:v>
                </c:pt>
                <c:pt idx="15097">
                  <c:v>71.703800000000001</c:v>
                </c:pt>
                <c:pt idx="15098">
                  <c:v>73.101900000000001</c:v>
                </c:pt>
                <c:pt idx="15099">
                  <c:v>72.049800000000005</c:v>
                </c:pt>
                <c:pt idx="15100">
                  <c:v>75.409700000000001</c:v>
                </c:pt>
                <c:pt idx="15101">
                  <c:v>74.384699999999995</c:v>
                </c:pt>
                <c:pt idx="15102">
                  <c:v>68.071700000000007</c:v>
                </c:pt>
                <c:pt idx="15103">
                  <c:v>71.020300000000006</c:v>
                </c:pt>
                <c:pt idx="15104">
                  <c:v>71.690399999999997</c:v>
                </c:pt>
                <c:pt idx="15105">
                  <c:v>69.316500000000005</c:v>
                </c:pt>
                <c:pt idx="15106">
                  <c:v>73.441599999999994</c:v>
                </c:pt>
                <c:pt idx="15107">
                  <c:v>63.775199999999998</c:v>
                </c:pt>
                <c:pt idx="15108">
                  <c:v>71.703800000000001</c:v>
                </c:pt>
                <c:pt idx="15109">
                  <c:v>73.101900000000001</c:v>
                </c:pt>
                <c:pt idx="15110">
                  <c:v>72.049800000000005</c:v>
                </c:pt>
                <c:pt idx="15111">
                  <c:v>75.409700000000001</c:v>
                </c:pt>
                <c:pt idx="15112">
                  <c:v>74.384699999999995</c:v>
                </c:pt>
                <c:pt idx="15113">
                  <c:v>68.071700000000007</c:v>
                </c:pt>
                <c:pt idx="15114">
                  <c:v>71.020300000000006</c:v>
                </c:pt>
                <c:pt idx="15115">
                  <c:v>71.690399999999997</c:v>
                </c:pt>
                <c:pt idx="15116">
                  <c:v>69.316500000000005</c:v>
                </c:pt>
                <c:pt idx="15117">
                  <c:v>73.441599999999994</c:v>
                </c:pt>
                <c:pt idx="15118">
                  <c:v>63.775199999999998</c:v>
                </c:pt>
                <c:pt idx="15119">
                  <c:v>71.703800000000001</c:v>
                </c:pt>
                <c:pt idx="15120">
                  <c:v>73.101900000000001</c:v>
                </c:pt>
                <c:pt idx="15121">
                  <c:v>72.049800000000005</c:v>
                </c:pt>
                <c:pt idx="15122">
                  <c:v>75.409700000000001</c:v>
                </c:pt>
                <c:pt idx="15123">
                  <c:v>74.384699999999995</c:v>
                </c:pt>
                <c:pt idx="15124">
                  <c:v>68.071700000000007</c:v>
                </c:pt>
                <c:pt idx="15125">
                  <c:v>71.020300000000006</c:v>
                </c:pt>
                <c:pt idx="15126">
                  <c:v>71.690399999999997</c:v>
                </c:pt>
                <c:pt idx="15127">
                  <c:v>69.316500000000005</c:v>
                </c:pt>
                <c:pt idx="15128">
                  <c:v>73.441599999999994</c:v>
                </c:pt>
                <c:pt idx="15129">
                  <c:v>63.775199999999998</c:v>
                </c:pt>
                <c:pt idx="15130">
                  <c:v>71.703800000000001</c:v>
                </c:pt>
                <c:pt idx="15131">
                  <c:v>73.101900000000001</c:v>
                </c:pt>
                <c:pt idx="15132">
                  <c:v>72.049800000000005</c:v>
                </c:pt>
                <c:pt idx="15133">
                  <c:v>75.409700000000001</c:v>
                </c:pt>
                <c:pt idx="15134">
                  <c:v>74.384699999999995</c:v>
                </c:pt>
                <c:pt idx="15135">
                  <c:v>68.071700000000007</c:v>
                </c:pt>
                <c:pt idx="15136">
                  <c:v>71.020300000000006</c:v>
                </c:pt>
                <c:pt idx="15137">
                  <c:v>71.690399999999997</c:v>
                </c:pt>
                <c:pt idx="15138">
                  <c:v>69.316500000000005</c:v>
                </c:pt>
                <c:pt idx="15139">
                  <c:v>73.441599999999994</c:v>
                </c:pt>
                <c:pt idx="15140">
                  <c:v>63.775199999999998</c:v>
                </c:pt>
                <c:pt idx="15141">
                  <c:v>71.703800000000001</c:v>
                </c:pt>
                <c:pt idx="15142">
                  <c:v>73.101900000000001</c:v>
                </c:pt>
                <c:pt idx="15143">
                  <c:v>72.049800000000005</c:v>
                </c:pt>
                <c:pt idx="15144">
                  <c:v>75.409700000000001</c:v>
                </c:pt>
                <c:pt idx="15145">
                  <c:v>74.384699999999995</c:v>
                </c:pt>
                <c:pt idx="15146">
                  <c:v>68.071700000000007</c:v>
                </c:pt>
                <c:pt idx="15147">
                  <c:v>71.020300000000006</c:v>
                </c:pt>
                <c:pt idx="15148">
                  <c:v>71.690399999999997</c:v>
                </c:pt>
                <c:pt idx="15149">
                  <c:v>69.316500000000005</c:v>
                </c:pt>
                <c:pt idx="15150">
                  <c:v>73.441599999999994</c:v>
                </c:pt>
                <c:pt idx="15151">
                  <c:v>63.775199999999998</c:v>
                </c:pt>
                <c:pt idx="15152">
                  <c:v>71.703800000000001</c:v>
                </c:pt>
                <c:pt idx="15153">
                  <c:v>73.101900000000001</c:v>
                </c:pt>
                <c:pt idx="15154">
                  <c:v>72.049800000000005</c:v>
                </c:pt>
                <c:pt idx="15155">
                  <c:v>75.409700000000001</c:v>
                </c:pt>
                <c:pt idx="15156">
                  <c:v>74.384699999999995</c:v>
                </c:pt>
                <c:pt idx="15157">
                  <c:v>68.071700000000007</c:v>
                </c:pt>
                <c:pt idx="15158">
                  <c:v>71.020300000000006</c:v>
                </c:pt>
                <c:pt idx="15159">
                  <c:v>71.690399999999997</c:v>
                </c:pt>
                <c:pt idx="15160">
                  <c:v>69.316500000000005</c:v>
                </c:pt>
                <c:pt idx="15161">
                  <c:v>73.441599999999994</c:v>
                </c:pt>
                <c:pt idx="15162">
                  <c:v>63.775199999999998</c:v>
                </c:pt>
                <c:pt idx="15163">
                  <c:v>71.703800000000001</c:v>
                </c:pt>
                <c:pt idx="15164">
                  <c:v>73.101900000000001</c:v>
                </c:pt>
                <c:pt idx="15165">
                  <c:v>72.049800000000005</c:v>
                </c:pt>
                <c:pt idx="15166">
                  <c:v>75.409700000000001</c:v>
                </c:pt>
                <c:pt idx="15167">
                  <c:v>74.384699999999995</c:v>
                </c:pt>
                <c:pt idx="15168">
                  <c:v>68.071700000000007</c:v>
                </c:pt>
                <c:pt idx="15169">
                  <c:v>71.020300000000006</c:v>
                </c:pt>
                <c:pt idx="15170">
                  <c:v>71.690399999999997</c:v>
                </c:pt>
                <c:pt idx="15171">
                  <c:v>69.316500000000005</c:v>
                </c:pt>
                <c:pt idx="15172">
                  <c:v>73.441599999999994</c:v>
                </c:pt>
                <c:pt idx="15173">
                  <c:v>63.775199999999998</c:v>
                </c:pt>
                <c:pt idx="15174">
                  <c:v>71.703800000000001</c:v>
                </c:pt>
                <c:pt idx="15175">
                  <c:v>73.101900000000001</c:v>
                </c:pt>
                <c:pt idx="15176">
                  <c:v>72.049800000000005</c:v>
                </c:pt>
                <c:pt idx="15177">
                  <c:v>75.409700000000001</c:v>
                </c:pt>
                <c:pt idx="15178">
                  <c:v>74.384699999999995</c:v>
                </c:pt>
                <c:pt idx="15179">
                  <c:v>68.071700000000007</c:v>
                </c:pt>
                <c:pt idx="15180">
                  <c:v>71.020300000000006</c:v>
                </c:pt>
                <c:pt idx="15181">
                  <c:v>71.690399999999997</c:v>
                </c:pt>
                <c:pt idx="15182">
                  <c:v>69.316500000000005</c:v>
                </c:pt>
                <c:pt idx="15183">
                  <c:v>70.762</c:v>
                </c:pt>
                <c:pt idx="15184">
                  <c:v>58.161099999999998</c:v>
                </c:pt>
                <c:pt idx="15185">
                  <c:v>67.951499999999996</c:v>
                </c:pt>
                <c:pt idx="15186">
                  <c:v>69.2072</c:v>
                </c:pt>
                <c:pt idx="15187">
                  <c:v>62.561599999999999</c:v>
                </c:pt>
                <c:pt idx="15188">
                  <c:v>64.258499999999998</c:v>
                </c:pt>
                <c:pt idx="15189">
                  <c:v>61.8521</c:v>
                </c:pt>
                <c:pt idx="15190">
                  <c:v>68.071700000000007</c:v>
                </c:pt>
                <c:pt idx="15191">
                  <c:v>71.020300000000006</c:v>
                </c:pt>
                <c:pt idx="15192">
                  <c:v>71.690399999999997</c:v>
                </c:pt>
                <c:pt idx="15193">
                  <c:v>69.316500000000005</c:v>
                </c:pt>
                <c:pt idx="15194">
                  <c:v>73.441599999999994</c:v>
                </c:pt>
                <c:pt idx="15195">
                  <c:v>63.775199999999998</c:v>
                </c:pt>
                <c:pt idx="15196">
                  <c:v>71.703800000000001</c:v>
                </c:pt>
                <c:pt idx="15197">
                  <c:v>73.101900000000001</c:v>
                </c:pt>
                <c:pt idx="15198">
                  <c:v>72.049800000000005</c:v>
                </c:pt>
                <c:pt idx="15199">
                  <c:v>75.409700000000001</c:v>
                </c:pt>
                <c:pt idx="15200">
                  <c:v>74.384699999999995</c:v>
                </c:pt>
                <c:pt idx="15201">
                  <c:v>68.071700000000007</c:v>
                </c:pt>
                <c:pt idx="15202">
                  <c:v>71.020300000000006</c:v>
                </c:pt>
                <c:pt idx="15203">
                  <c:v>71.690399999999997</c:v>
                </c:pt>
                <c:pt idx="15204">
                  <c:v>69.316500000000005</c:v>
                </c:pt>
                <c:pt idx="15205">
                  <c:v>73.441599999999994</c:v>
                </c:pt>
                <c:pt idx="15206">
                  <c:v>63.775199999999998</c:v>
                </c:pt>
                <c:pt idx="15207">
                  <c:v>71.703800000000001</c:v>
                </c:pt>
                <c:pt idx="15208">
                  <c:v>73.101900000000001</c:v>
                </c:pt>
                <c:pt idx="15209">
                  <c:v>72.049800000000005</c:v>
                </c:pt>
                <c:pt idx="15210">
                  <c:v>75.409700000000001</c:v>
                </c:pt>
                <c:pt idx="15211">
                  <c:v>74.384699999999995</c:v>
                </c:pt>
                <c:pt idx="15212">
                  <c:v>68.071700000000007</c:v>
                </c:pt>
                <c:pt idx="15213">
                  <c:v>71.020300000000006</c:v>
                </c:pt>
                <c:pt idx="15214">
                  <c:v>71.690399999999997</c:v>
                </c:pt>
                <c:pt idx="15215">
                  <c:v>69.316500000000005</c:v>
                </c:pt>
                <c:pt idx="15216">
                  <c:v>73.441599999999994</c:v>
                </c:pt>
                <c:pt idx="15217">
                  <c:v>63.775199999999998</c:v>
                </c:pt>
                <c:pt idx="15218">
                  <c:v>71.703800000000001</c:v>
                </c:pt>
                <c:pt idx="15219">
                  <c:v>73.101900000000001</c:v>
                </c:pt>
                <c:pt idx="15220">
                  <c:v>72.049800000000005</c:v>
                </c:pt>
                <c:pt idx="15221">
                  <c:v>75.409700000000001</c:v>
                </c:pt>
                <c:pt idx="15222">
                  <c:v>74.384699999999995</c:v>
                </c:pt>
                <c:pt idx="15223">
                  <c:v>68.071700000000007</c:v>
                </c:pt>
                <c:pt idx="15224">
                  <c:v>71.020300000000006</c:v>
                </c:pt>
                <c:pt idx="15225">
                  <c:v>71.690399999999997</c:v>
                </c:pt>
                <c:pt idx="15226">
                  <c:v>69.316500000000005</c:v>
                </c:pt>
                <c:pt idx="15227">
                  <c:v>73.441599999999994</c:v>
                </c:pt>
                <c:pt idx="15228">
                  <c:v>63.775199999999998</c:v>
                </c:pt>
                <c:pt idx="15229">
                  <c:v>71.703800000000001</c:v>
                </c:pt>
                <c:pt idx="15230">
                  <c:v>73.101900000000001</c:v>
                </c:pt>
                <c:pt idx="15231">
                  <c:v>72.049800000000005</c:v>
                </c:pt>
                <c:pt idx="15232">
                  <c:v>75.409700000000001</c:v>
                </c:pt>
                <c:pt idx="15233">
                  <c:v>74.384699999999995</c:v>
                </c:pt>
                <c:pt idx="15234">
                  <c:v>68.071700000000007</c:v>
                </c:pt>
                <c:pt idx="15235">
                  <c:v>71.020300000000006</c:v>
                </c:pt>
                <c:pt idx="15236">
                  <c:v>71.690399999999997</c:v>
                </c:pt>
                <c:pt idx="15237">
                  <c:v>69.316500000000005</c:v>
                </c:pt>
                <c:pt idx="15238">
                  <c:v>73.441599999999994</c:v>
                </c:pt>
                <c:pt idx="15239">
                  <c:v>63.775199999999998</c:v>
                </c:pt>
                <c:pt idx="15240">
                  <c:v>71.703800000000001</c:v>
                </c:pt>
                <c:pt idx="15241">
                  <c:v>73.101900000000001</c:v>
                </c:pt>
                <c:pt idx="15242">
                  <c:v>72.049800000000005</c:v>
                </c:pt>
                <c:pt idx="15243">
                  <c:v>75.409700000000001</c:v>
                </c:pt>
                <c:pt idx="15244">
                  <c:v>74.384699999999995</c:v>
                </c:pt>
                <c:pt idx="15245">
                  <c:v>68.071700000000007</c:v>
                </c:pt>
                <c:pt idx="15246">
                  <c:v>71.020300000000006</c:v>
                </c:pt>
                <c:pt idx="15247">
                  <c:v>71.690399999999997</c:v>
                </c:pt>
                <c:pt idx="15248">
                  <c:v>69.316500000000005</c:v>
                </c:pt>
                <c:pt idx="15249">
                  <c:v>73.441599999999994</c:v>
                </c:pt>
                <c:pt idx="15250">
                  <c:v>63.775199999999998</c:v>
                </c:pt>
                <c:pt idx="15251">
                  <c:v>71.703800000000001</c:v>
                </c:pt>
                <c:pt idx="15252">
                  <c:v>73.101900000000001</c:v>
                </c:pt>
                <c:pt idx="15253">
                  <c:v>72.049800000000005</c:v>
                </c:pt>
                <c:pt idx="15254">
                  <c:v>75.409700000000001</c:v>
                </c:pt>
                <c:pt idx="15255">
                  <c:v>74.384699999999995</c:v>
                </c:pt>
                <c:pt idx="15256">
                  <c:v>68.071700000000007</c:v>
                </c:pt>
                <c:pt idx="15257">
                  <c:v>71.020300000000006</c:v>
                </c:pt>
                <c:pt idx="15258">
                  <c:v>71.690399999999997</c:v>
                </c:pt>
                <c:pt idx="15259">
                  <c:v>69.316500000000005</c:v>
                </c:pt>
                <c:pt idx="15260">
                  <c:v>73.441599999999994</c:v>
                </c:pt>
                <c:pt idx="15261">
                  <c:v>63.775199999999998</c:v>
                </c:pt>
                <c:pt idx="15262">
                  <c:v>71.703800000000001</c:v>
                </c:pt>
                <c:pt idx="15263">
                  <c:v>73.101900000000001</c:v>
                </c:pt>
                <c:pt idx="15264">
                  <c:v>72.049800000000005</c:v>
                </c:pt>
                <c:pt idx="15265">
                  <c:v>75.409700000000001</c:v>
                </c:pt>
                <c:pt idx="15266">
                  <c:v>74.384699999999995</c:v>
                </c:pt>
                <c:pt idx="15267">
                  <c:v>68.071700000000007</c:v>
                </c:pt>
                <c:pt idx="15268">
                  <c:v>71.020300000000006</c:v>
                </c:pt>
                <c:pt idx="15269">
                  <c:v>71.690399999999997</c:v>
                </c:pt>
                <c:pt idx="15270">
                  <c:v>69.316500000000005</c:v>
                </c:pt>
                <c:pt idx="15271">
                  <c:v>73.441599999999994</c:v>
                </c:pt>
                <c:pt idx="15272">
                  <c:v>63.775199999999998</c:v>
                </c:pt>
                <c:pt idx="15273">
                  <c:v>71.703800000000001</c:v>
                </c:pt>
                <c:pt idx="15274">
                  <c:v>73.101900000000001</c:v>
                </c:pt>
                <c:pt idx="15275">
                  <c:v>72.049800000000005</c:v>
                </c:pt>
                <c:pt idx="15276">
                  <c:v>75.409700000000001</c:v>
                </c:pt>
                <c:pt idx="15277">
                  <c:v>74.384699999999995</c:v>
                </c:pt>
                <c:pt idx="15278">
                  <c:v>68.071700000000007</c:v>
                </c:pt>
                <c:pt idx="15279">
                  <c:v>71.020300000000006</c:v>
                </c:pt>
                <c:pt idx="15280">
                  <c:v>71.690399999999997</c:v>
                </c:pt>
                <c:pt idx="15281">
                  <c:v>69.316500000000005</c:v>
                </c:pt>
                <c:pt idx="15282">
                  <c:v>73.441599999999994</c:v>
                </c:pt>
                <c:pt idx="15283">
                  <c:v>63.775199999999998</c:v>
                </c:pt>
                <c:pt idx="15284">
                  <c:v>71.703800000000001</c:v>
                </c:pt>
                <c:pt idx="15285">
                  <c:v>73.101900000000001</c:v>
                </c:pt>
                <c:pt idx="15286">
                  <c:v>72.049800000000005</c:v>
                </c:pt>
                <c:pt idx="15287">
                  <c:v>75.409700000000001</c:v>
                </c:pt>
                <c:pt idx="15288">
                  <c:v>74.384699999999995</c:v>
                </c:pt>
                <c:pt idx="15289">
                  <c:v>68.071700000000007</c:v>
                </c:pt>
                <c:pt idx="15290">
                  <c:v>71.020300000000006</c:v>
                </c:pt>
                <c:pt idx="15291">
                  <c:v>71.690399999999997</c:v>
                </c:pt>
                <c:pt idx="15292">
                  <c:v>69.316500000000005</c:v>
                </c:pt>
                <c:pt idx="15293">
                  <c:v>73.441599999999994</c:v>
                </c:pt>
                <c:pt idx="15294">
                  <c:v>63.775199999999998</c:v>
                </c:pt>
                <c:pt idx="15295">
                  <c:v>71.703800000000001</c:v>
                </c:pt>
                <c:pt idx="15296">
                  <c:v>73.101900000000001</c:v>
                </c:pt>
                <c:pt idx="15297">
                  <c:v>72.049800000000005</c:v>
                </c:pt>
                <c:pt idx="15298">
                  <c:v>75.409700000000001</c:v>
                </c:pt>
                <c:pt idx="15299">
                  <c:v>74.384699999999995</c:v>
                </c:pt>
                <c:pt idx="15300">
                  <c:v>68.071700000000007</c:v>
                </c:pt>
                <c:pt idx="15301">
                  <c:v>71.020300000000006</c:v>
                </c:pt>
                <c:pt idx="15302">
                  <c:v>71.690399999999997</c:v>
                </c:pt>
                <c:pt idx="15303">
                  <c:v>69.316500000000005</c:v>
                </c:pt>
                <c:pt idx="15304">
                  <c:v>73.441599999999994</c:v>
                </c:pt>
                <c:pt idx="15305">
                  <c:v>63.775199999999998</c:v>
                </c:pt>
                <c:pt idx="15306">
                  <c:v>71.703800000000001</c:v>
                </c:pt>
                <c:pt idx="15307">
                  <c:v>73.101900000000001</c:v>
                </c:pt>
                <c:pt idx="15308">
                  <c:v>72.049800000000005</c:v>
                </c:pt>
                <c:pt idx="15309">
                  <c:v>75.409700000000001</c:v>
                </c:pt>
                <c:pt idx="15310">
                  <c:v>74.384699999999995</c:v>
                </c:pt>
                <c:pt idx="15311">
                  <c:v>68.071700000000007</c:v>
                </c:pt>
                <c:pt idx="15312">
                  <c:v>71.020300000000006</c:v>
                </c:pt>
                <c:pt idx="15313">
                  <c:v>71.690399999999997</c:v>
                </c:pt>
                <c:pt idx="15314">
                  <c:v>69.316500000000005</c:v>
                </c:pt>
                <c:pt idx="15315">
                  <c:v>70.762</c:v>
                </c:pt>
                <c:pt idx="15316">
                  <c:v>58.161099999999998</c:v>
                </c:pt>
                <c:pt idx="15317">
                  <c:v>67.951499999999996</c:v>
                </c:pt>
                <c:pt idx="15318">
                  <c:v>69.2072</c:v>
                </c:pt>
                <c:pt idx="15319">
                  <c:v>62.561599999999999</c:v>
                </c:pt>
                <c:pt idx="15320">
                  <c:v>64.258499999999998</c:v>
                </c:pt>
                <c:pt idx="15321">
                  <c:v>61.8521</c:v>
                </c:pt>
                <c:pt idx="15322">
                  <c:v>68.071700000000007</c:v>
                </c:pt>
                <c:pt idx="15323">
                  <c:v>71.020300000000006</c:v>
                </c:pt>
                <c:pt idx="15324">
                  <c:v>71.690399999999997</c:v>
                </c:pt>
                <c:pt idx="15325">
                  <c:v>69.316500000000005</c:v>
                </c:pt>
                <c:pt idx="15326">
                  <c:v>73.441599999999994</c:v>
                </c:pt>
                <c:pt idx="15327">
                  <c:v>63.775199999999998</c:v>
                </c:pt>
                <c:pt idx="15328">
                  <c:v>71.703800000000001</c:v>
                </c:pt>
                <c:pt idx="15329">
                  <c:v>73.101900000000001</c:v>
                </c:pt>
                <c:pt idx="15330">
                  <c:v>72.049800000000005</c:v>
                </c:pt>
                <c:pt idx="15331">
                  <c:v>75.409700000000001</c:v>
                </c:pt>
                <c:pt idx="15332">
                  <c:v>74.384699999999995</c:v>
                </c:pt>
                <c:pt idx="15333">
                  <c:v>68.071700000000007</c:v>
                </c:pt>
                <c:pt idx="15334">
                  <c:v>71.020300000000006</c:v>
                </c:pt>
                <c:pt idx="15335">
                  <c:v>71.690399999999997</c:v>
                </c:pt>
                <c:pt idx="15336">
                  <c:v>69.316500000000005</c:v>
                </c:pt>
                <c:pt idx="15337">
                  <c:v>73.441599999999994</c:v>
                </c:pt>
                <c:pt idx="15338">
                  <c:v>63.775199999999998</c:v>
                </c:pt>
                <c:pt idx="15339">
                  <c:v>71.703800000000001</c:v>
                </c:pt>
                <c:pt idx="15340">
                  <c:v>73.101900000000001</c:v>
                </c:pt>
                <c:pt idx="15341">
                  <c:v>72.049800000000005</c:v>
                </c:pt>
                <c:pt idx="15342">
                  <c:v>75.409700000000001</c:v>
                </c:pt>
                <c:pt idx="15343">
                  <c:v>74.384699999999995</c:v>
                </c:pt>
                <c:pt idx="15344">
                  <c:v>68.071700000000007</c:v>
                </c:pt>
                <c:pt idx="15345">
                  <c:v>71.020300000000006</c:v>
                </c:pt>
                <c:pt idx="15346">
                  <c:v>71.690399999999997</c:v>
                </c:pt>
                <c:pt idx="15347">
                  <c:v>69.316500000000005</c:v>
                </c:pt>
                <c:pt idx="15348">
                  <c:v>73.441599999999994</c:v>
                </c:pt>
                <c:pt idx="15349">
                  <c:v>63.775199999999998</c:v>
                </c:pt>
                <c:pt idx="15350">
                  <c:v>71.703800000000001</c:v>
                </c:pt>
                <c:pt idx="15351">
                  <c:v>73.101900000000001</c:v>
                </c:pt>
                <c:pt idx="15352">
                  <c:v>72.049800000000005</c:v>
                </c:pt>
                <c:pt idx="15353">
                  <c:v>75.409700000000001</c:v>
                </c:pt>
                <c:pt idx="15354">
                  <c:v>74.384699999999995</c:v>
                </c:pt>
                <c:pt idx="15355">
                  <c:v>68.071700000000007</c:v>
                </c:pt>
                <c:pt idx="15356">
                  <c:v>71.020300000000006</c:v>
                </c:pt>
                <c:pt idx="15357">
                  <c:v>71.690399999999997</c:v>
                </c:pt>
                <c:pt idx="15358">
                  <c:v>69.316500000000005</c:v>
                </c:pt>
                <c:pt idx="15359">
                  <c:v>73.441599999999994</c:v>
                </c:pt>
                <c:pt idx="15360">
                  <c:v>63.775199999999998</c:v>
                </c:pt>
                <c:pt idx="15361">
                  <c:v>71.703800000000001</c:v>
                </c:pt>
                <c:pt idx="15362">
                  <c:v>73.101900000000001</c:v>
                </c:pt>
                <c:pt idx="15363">
                  <c:v>72.049800000000005</c:v>
                </c:pt>
                <c:pt idx="15364">
                  <c:v>75.409700000000001</c:v>
                </c:pt>
                <c:pt idx="15365">
                  <c:v>74.384699999999995</c:v>
                </c:pt>
                <c:pt idx="15366">
                  <c:v>68.071700000000007</c:v>
                </c:pt>
                <c:pt idx="15367">
                  <c:v>71.020300000000006</c:v>
                </c:pt>
                <c:pt idx="15368">
                  <c:v>71.690399999999997</c:v>
                </c:pt>
                <c:pt idx="15369">
                  <c:v>69.316500000000005</c:v>
                </c:pt>
                <c:pt idx="15370">
                  <c:v>73.441599999999994</c:v>
                </c:pt>
                <c:pt idx="15371">
                  <c:v>63.775199999999998</c:v>
                </c:pt>
                <c:pt idx="15372">
                  <c:v>71.703800000000001</c:v>
                </c:pt>
                <c:pt idx="15373">
                  <c:v>73.101900000000001</c:v>
                </c:pt>
                <c:pt idx="15374">
                  <c:v>72.049800000000005</c:v>
                </c:pt>
                <c:pt idx="15375">
                  <c:v>75.409700000000001</c:v>
                </c:pt>
                <c:pt idx="15376">
                  <c:v>74.384699999999995</c:v>
                </c:pt>
                <c:pt idx="15377">
                  <c:v>68.071700000000007</c:v>
                </c:pt>
                <c:pt idx="15378">
                  <c:v>71.020300000000006</c:v>
                </c:pt>
                <c:pt idx="15379">
                  <c:v>71.690399999999997</c:v>
                </c:pt>
                <c:pt idx="15380">
                  <c:v>69.316500000000005</c:v>
                </c:pt>
                <c:pt idx="15381">
                  <c:v>73.441599999999994</c:v>
                </c:pt>
                <c:pt idx="15382">
                  <c:v>63.775199999999998</c:v>
                </c:pt>
                <c:pt idx="15383">
                  <c:v>71.703800000000001</c:v>
                </c:pt>
                <c:pt idx="15384">
                  <c:v>73.101900000000001</c:v>
                </c:pt>
                <c:pt idx="15385">
                  <c:v>72.049800000000005</c:v>
                </c:pt>
                <c:pt idx="15386">
                  <c:v>75.409700000000001</c:v>
                </c:pt>
                <c:pt idx="15387">
                  <c:v>74.384699999999995</c:v>
                </c:pt>
                <c:pt idx="15388">
                  <c:v>68.071700000000007</c:v>
                </c:pt>
                <c:pt idx="15389">
                  <c:v>71.020300000000006</c:v>
                </c:pt>
                <c:pt idx="15390">
                  <c:v>71.690399999999997</c:v>
                </c:pt>
                <c:pt idx="15391">
                  <c:v>69.316500000000005</c:v>
                </c:pt>
                <c:pt idx="15392">
                  <c:v>73.441599999999994</c:v>
                </c:pt>
                <c:pt idx="15393">
                  <c:v>63.775199999999998</c:v>
                </c:pt>
                <c:pt idx="15394">
                  <c:v>71.703800000000001</c:v>
                </c:pt>
                <c:pt idx="15395">
                  <c:v>73.101900000000001</c:v>
                </c:pt>
                <c:pt idx="15396">
                  <c:v>72.049800000000005</c:v>
                </c:pt>
                <c:pt idx="15397">
                  <c:v>75.409700000000001</c:v>
                </c:pt>
                <c:pt idx="15398">
                  <c:v>74.384699999999995</c:v>
                </c:pt>
                <c:pt idx="15399">
                  <c:v>68.071700000000007</c:v>
                </c:pt>
                <c:pt idx="15400">
                  <c:v>71.020300000000006</c:v>
                </c:pt>
                <c:pt idx="15401">
                  <c:v>71.690399999999997</c:v>
                </c:pt>
                <c:pt idx="15402">
                  <c:v>69.316500000000005</c:v>
                </c:pt>
                <c:pt idx="15403">
                  <c:v>73.441599999999994</c:v>
                </c:pt>
                <c:pt idx="15404">
                  <c:v>63.775199999999998</c:v>
                </c:pt>
                <c:pt idx="15405">
                  <c:v>71.703800000000001</c:v>
                </c:pt>
                <c:pt idx="15406">
                  <c:v>73.101900000000001</c:v>
                </c:pt>
                <c:pt idx="15407">
                  <c:v>72.049800000000005</c:v>
                </c:pt>
                <c:pt idx="15408">
                  <c:v>75.409700000000001</c:v>
                </c:pt>
                <c:pt idx="15409">
                  <c:v>74.384699999999995</c:v>
                </c:pt>
                <c:pt idx="15410">
                  <c:v>68.071700000000007</c:v>
                </c:pt>
                <c:pt idx="15411">
                  <c:v>71.020300000000006</c:v>
                </c:pt>
                <c:pt idx="15412">
                  <c:v>71.690399999999997</c:v>
                </c:pt>
                <c:pt idx="15413">
                  <c:v>69.316500000000005</c:v>
                </c:pt>
                <c:pt idx="15414">
                  <c:v>73.441599999999994</c:v>
                </c:pt>
                <c:pt idx="15415">
                  <c:v>63.775199999999998</c:v>
                </c:pt>
                <c:pt idx="15416">
                  <c:v>71.703800000000001</c:v>
                </c:pt>
                <c:pt idx="15417">
                  <c:v>73.101900000000001</c:v>
                </c:pt>
                <c:pt idx="15418">
                  <c:v>72.049800000000005</c:v>
                </c:pt>
                <c:pt idx="15419">
                  <c:v>75.409700000000001</c:v>
                </c:pt>
                <c:pt idx="15420">
                  <c:v>74.384699999999995</c:v>
                </c:pt>
                <c:pt idx="15421">
                  <c:v>68.071700000000007</c:v>
                </c:pt>
                <c:pt idx="15422">
                  <c:v>71.020300000000006</c:v>
                </c:pt>
                <c:pt idx="15423">
                  <c:v>71.690399999999997</c:v>
                </c:pt>
                <c:pt idx="15424">
                  <c:v>69.316500000000005</c:v>
                </c:pt>
                <c:pt idx="15425">
                  <c:v>73.441599999999994</c:v>
                </c:pt>
                <c:pt idx="15426">
                  <c:v>63.775199999999998</c:v>
                </c:pt>
                <c:pt idx="15427">
                  <c:v>71.703800000000001</c:v>
                </c:pt>
                <c:pt idx="15428">
                  <c:v>73.101900000000001</c:v>
                </c:pt>
                <c:pt idx="15429">
                  <c:v>72.049800000000005</c:v>
                </c:pt>
                <c:pt idx="15430">
                  <c:v>75.409700000000001</c:v>
                </c:pt>
                <c:pt idx="15431">
                  <c:v>74.384699999999995</c:v>
                </c:pt>
                <c:pt idx="15432">
                  <c:v>68.071700000000007</c:v>
                </c:pt>
                <c:pt idx="15433">
                  <c:v>71.020300000000006</c:v>
                </c:pt>
                <c:pt idx="15434">
                  <c:v>71.690399999999997</c:v>
                </c:pt>
                <c:pt idx="15435">
                  <c:v>69.316500000000005</c:v>
                </c:pt>
                <c:pt idx="15436">
                  <c:v>73.441599999999994</c:v>
                </c:pt>
                <c:pt idx="15437">
                  <c:v>63.775199999999998</c:v>
                </c:pt>
                <c:pt idx="15438">
                  <c:v>71.703800000000001</c:v>
                </c:pt>
                <c:pt idx="15439">
                  <c:v>73.101900000000001</c:v>
                </c:pt>
                <c:pt idx="15440">
                  <c:v>72.049800000000005</c:v>
                </c:pt>
                <c:pt idx="15441">
                  <c:v>75.409700000000001</c:v>
                </c:pt>
                <c:pt idx="15442">
                  <c:v>74.384699999999995</c:v>
                </c:pt>
                <c:pt idx="15443">
                  <c:v>68.071700000000007</c:v>
                </c:pt>
                <c:pt idx="15444">
                  <c:v>71.020300000000006</c:v>
                </c:pt>
                <c:pt idx="15445">
                  <c:v>71.690399999999997</c:v>
                </c:pt>
                <c:pt idx="15446">
                  <c:v>69.316500000000005</c:v>
                </c:pt>
                <c:pt idx="15447">
                  <c:v>70.762</c:v>
                </c:pt>
                <c:pt idx="15448">
                  <c:v>58.161099999999998</c:v>
                </c:pt>
                <c:pt idx="15449">
                  <c:v>67.951499999999996</c:v>
                </c:pt>
                <c:pt idx="15450">
                  <c:v>69.2072</c:v>
                </c:pt>
                <c:pt idx="15451">
                  <c:v>62.561599999999999</c:v>
                </c:pt>
                <c:pt idx="15452">
                  <c:v>64.258499999999998</c:v>
                </c:pt>
                <c:pt idx="15453">
                  <c:v>61.8521</c:v>
                </c:pt>
                <c:pt idx="15454">
                  <c:v>68.071700000000007</c:v>
                </c:pt>
                <c:pt idx="15455">
                  <c:v>71.020300000000006</c:v>
                </c:pt>
                <c:pt idx="15456">
                  <c:v>71.690399999999997</c:v>
                </c:pt>
                <c:pt idx="15457">
                  <c:v>69.316500000000005</c:v>
                </c:pt>
                <c:pt idx="15458">
                  <c:v>73.441599999999994</c:v>
                </c:pt>
                <c:pt idx="15459">
                  <c:v>63.775199999999998</c:v>
                </c:pt>
                <c:pt idx="15460">
                  <c:v>71.703800000000001</c:v>
                </c:pt>
                <c:pt idx="15461">
                  <c:v>73.101900000000001</c:v>
                </c:pt>
                <c:pt idx="15462">
                  <c:v>72.049800000000005</c:v>
                </c:pt>
                <c:pt idx="15463">
                  <c:v>75.409700000000001</c:v>
                </c:pt>
                <c:pt idx="15464">
                  <c:v>74.384699999999995</c:v>
                </c:pt>
                <c:pt idx="15465">
                  <c:v>68.071700000000007</c:v>
                </c:pt>
                <c:pt idx="15466">
                  <c:v>71.020300000000006</c:v>
                </c:pt>
                <c:pt idx="15467">
                  <c:v>71.690399999999997</c:v>
                </c:pt>
                <c:pt idx="15468">
                  <c:v>69.316500000000005</c:v>
                </c:pt>
                <c:pt idx="15469">
                  <c:v>73.441599999999994</c:v>
                </c:pt>
                <c:pt idx="15470">
                  <c:v>63.775199999999998</c:v>
                </c:pt>
                <c:pt idx="15471">
                  <c:v>71.703800000000001</c:v>
                </c:pt>
                <c:pt idx="15472">
                  <c:v>73.101900000000001</c:v>
                </c:pt>
                <c:pt idx="15473">
                  <c:v>72.049800000000005</c:v>
                </c:pt>
                <c:pt idx="15474">
                  <c:v>75.409700000000001</c:v>
                </c:pt>
                <c:pt idx="15475">
                  <c:v>74.384699999999995</c:v>
                </c:pt>
                <c:pt idx="15476">
                  <c:v>68.071700000000007</c:v>
                </c:pt>
                <c:pt idx="15477">
                  <c:v>71.020300000000006</c:v>
                </c:pt>
                <c:pt idx="15478">
                  <c:v>71.690399999999997</c:v>
                </c:pt>
                <c:pt idx="15479">
                  <c:v>69.316500000000005</c:v>
                </c:pt>
                <c:pt idx="15480">
                  <c:v>73.441599999999994</c:v>
                </c:pt>
                <c:pt idx="15481">
                  <c:v>63.775199999999998</c:v>
                </c:pt>
                <c:pt idx="15482">
                  <c:v>71.703800000000001</c:v>
                </c:pt>
                <c:pt idx="15483">
                  <c:v>73.101900000000001</c:v>
                </c:pt>
                <c:pt idx="15484">
                  <c:v>72.049800000000005</c:v>
                </c:pt>
                <c:pt idx="15485">
                  <c:v>75.409700000000001</c:v>
                </c:pt>
                <c:pt idx="15486">
                  <c:v>74.384699999999995</c:v>
                </c:pt>
                <c:pt idx="15487">
                  <c:v>68.071700000000007</c:v>
                </c:pt>
                <c:pt idx="15488">
                  <c:v>71.020300000000006</c:v>
                </c:pt>
                <c:pt idx="15489">
                  <c:v>71.690399999999997</c:v>
                </c:pt>
                <c:pt idx="15490">
                  <c:v>69.316500000000005</c:v>
                </c:pt>
                <c:pt idx="15491">
                  <c:v>73.441599999999994</c:v>
                </c:pt>
                <c:pt idx="15492">
                  <c:v>63.775199999999998</c:v>
                </c:pt>
                <c:pt idx="15493">
                  <c:v>71.703800000000001</c:v>
                </c:pt>
                <c:pt idx="15494">
                  <c:v>73.101900000000001</c:v>
                </c:pt>
                <c:pt idx="15495">
                  <c:v>72.049800000000005</c:v>
                </c:pt>
                <c:pt idx="15496">
                  <c:v>75.409700000000001</c:v>
                </c:pt>
                <c:pt idx="15497">
                  <c:v>74.384699999999995</c:v>
                </c:pt>
                <c:pt idx="15498">
                  <c:v>68.071700000000007</c:v>
                </c:pt>
                <c:pt idx="15499">
                  <c:v>71.020300000000006</c:v>
                </c:pt>
                <c:pt idx="15500">
                  <c:v>71.690399999999997</c:v>
                </c:pt>
                <c:pt idx="15501">
                  <c:v>69.316500000000005</c:v>
                </c:pt>
                <c:pt idx="15502">
                  <c:v>73.441599999999994</c:v>
                </c:pt>
                <c:pt idx="15503">
                  <c:v>63.775199999999998</c:v>
                </c:pt>
                <c:pt idx="15504">
                  <c:v>71.703800000000001</c:v>
                </c:pt>
                <c:pt idx="15505">
                  <c:v>73.101900000000001</c:v>
                </c:pt>
                <c:pt idx="15506">
                  <c:v>72.049800000000005</c:v>
                </c:pt>
                <c:pt idx="15507">
                  <c:v>75.409700000000001</c:v>
                </c:pt>
                <c:pt idx="15508">
                  <c:v>74.384699999999995</c:v>
                </c:pt>
                <c:pt idx="15509">
                  <c:v>68.071700000000007</c:v>
                </c:pt>
                <c:pt idx="15510">
                  <c:v>71.020300000000006</c:v>
                </c:pt>
                <c:pt idx="15511">
                  <c:v>71.690399999999997</c:v>
                </c:pt>
                <c:pt idx="15512">
                  <c:v>69.316500000000005</c:v>
                </c:pt>
                <c:pt idx="15513">
                  <c:v>73.441599999999994</c:v>
                </c:pt>
                <c:pt idx="15514">
                  <c:v>63.775199999999998</c:v>
                </c:pt>
                <c:pt idx="15515">
                  <c:v>71.703800000000001</c:v>
                </c:pt>
                <c:pt idx="15516">
                  <c:v>73.101900000000001</c:v>
                </c:pt>
                <c:pt idx="15517">
                  <c:v>72.049800000000005</c:v>
                </c:pt>
                <c:pt idx="15518">
                  <c:v>75.409700000000001</c:v>
                </c:pt>
                <c:pt idx="15519">
                  <c:v>74.384699999999995</c:v>
                </c:pt>
                <c:pt idx="15520">
                  <c:v>68.071700000000007</c:v>
                </c:pt>
                <c:pt idx="15521">
                  <c:v>71.020300000000006</c:v>
                </c:pt>
                <c:pt idx="15522">
                  <c:v>71.690399999999997</c:v>
                </c:pt>
                <c:pt idx="15523">
                  <c:v>69.316500000000005</c:v>
                </c:pt>
                <c:pt idx="15524">
                  <c:v>73.441599999999994</c:v>
                </c:pt>
                <c:pt idx="15525">
                  <c:v>63.775199999999998</c:v>
                </c:pt>
                <c:pt idx="15526">
                  <c:v>71.703800000000001</c:v>
                </c:pt>
                <c:pt idx="15527">
                  <c:v>73.101900000000001</c:v>
                </c:pt>
                <c:pt idx="15528">
                  <c:v>72.049800000000005</c:v>
                </c:pt>
                <c:pt idx="15529">
                  <c:v>75.409700000000001</c:v>
                </c:pt>
                <c:pt idx="15530">
                  <c:v>74.384699999999995</c:v>
                </c:pt>
                <c:pt idx="15531">
                  <c:v>68.071700000000007</c:v>
                </c:pt>
                <c:pt idx="15532">
                  <c:v>71.020300000000006</c:v>
                </c:pt>
                <c:pt idx="15533">
                  <c:v>71.690399999999997</c:v>
                </c:pt>
                <c:pt idx="15534">
                  <c:v>69.316500000000005</c:v>
                </c:pt>
                <c:pt idx="15535">
                  <c:v>73.441599999999994</c:v>
                </c:pt>
                <c:pt idx="15536">
                  <c:v>63.775199999999998</c:v>
                </c:pt>
                <c:pt idx="15537">
                  <c:v>71.703800000000001</c:v>
                </c:pt>
                <c:pt idx="15538">
                  <c:v>73.101900000000001</c:v>
                </c:pt>
                <c:pt idx="15539">
                  <c:v>72.049800000000005</c:v>
                </c:pt>
                <c:pt idx="15540">
                  <c:v>75.409700000000001</c:v>
                </c:pt>
                <c:pt idx="15541">
                  <c:v>74.384699999999995</c:v>
                </c:pt>
                <c:pt idx="15542">
                  <c:v>68.071700000000007</c:v>
                </c:pt>
                <c:pt idx="15543">
                  <c:v>71.020300000000006</c:v>
                </c:pt>
                <c:pt idx="15544">
                  <c:v>71.690399999999997</c:v>
                </c:pt>
                <c:pt idx="15545">
                  <c:v>69.316500000000005</c:v>
                </c:pt>
                <c:pt idx="15546">
                  <c:v>73.441599999999994</c:v>
                </c:pt>
                <c:pt idx="15547">
                  <c:v>63.775199999999998</c:v>
                </c:pt>
                <c:pt idx="15548">
                  <c:v>71.703800000000001</c:v>
                </c:pt>
                <c:pt idx="15549">
                  <c:v>73.101900000000001</c:v>
                </c:pt>
                <c:pt idx="15550">
                  <c:v>72.049800000000005</c:v>
                </c:pt>
                <c:pt idx="15551">
                  <c:v>75.409700000000001</c:v>
                </c:pt>
                <c:pt idx="15552">
                  <c:v>74.384699999999995</c:v>
                </c:pt>
                <c:pt idx="15553">
                  <c:v>68.071700000000007</c:v>
                </c:pt>
                <c:pt idx="15554">
                  <c:v>71.020300000000006</c:v>
                </c:pt>
                <c:pt idx="15555">
                  <c:v>71.690399999999997</c:v>
                </c:pt>
                <c:pt idx="15556">
                  <c:v>69.316500000000005</c:v>
                </c:pt>
                <c:pt idx="15557">
                  <c:v>73.441599999999994</c:v>
                </c:pt>
                <c:pt idx="15558">
                  <c:v>63.775199999999998</c:v>
                </c:pt>
                <c:pt idx="15559">
                  <c:v>71.703800000000001</c:v>
                </c:pt>
                <c:pt idx="15560">
                  <c:v>73.101900000000001</c:v>
                </c:pt>
                <c:pt idx="15561">
                  <c:v>72.049800000000005</c:v>
                </c:pt>
                <c:pt idx="15562">
                  <c:v>75.409700000000001</c:v>
                </c:pt>
                <c:pt idx="15563">
                  <c:v>74.384699999999995</c:v>
                </c:pt>
                <c:pt idx="15564">
                  <c:v>68.071700000000007</c:v>
                </c:pt>
                <c:pt idx="15565">
                  <c:v>71.020300000000006</c:v>
                </c:pt>
                <c:pt idx="15566">
                  <c:v>71.690399999999997</c:v>
                </c:pt>
                <c:pt idx="15567">
                  <c:v>69.316500000000005</c:v>
                </c:pt>
                <c:pt idx="15568">
                  <c:v>73.441599999999994</c:v>
                </c:pt>
                <c:pt idx="15569">
                  <c:v>63.775199999999998</c:v>
                </c:pt>
                <c:pt idx="15570">
                  <c:v>71.703800000000001</c:v>
                </c:pt>
                <c:pt idx="15571">
                  <c:v>73.101900000000001</c:v>
                </c:pt>
                <c:pt idx="15572">
                  <c:v>72.049800000000005</c:v>
                </c:pt>
                <c:pt idx="15573">
                  <c:v>75.409700000000001</c:v>
                </c:pt>
                <c:pt idx="15574">
                  <c:v>74.384699999999995</c:v>
                </c:pt>
                <c:pt idx="15575">
                  <c:v>68.071700000000007</c:v>
                </c:pt>
                <c:pt idx="15576">
                  <c:v>71.020300000000006</c:v>
                </c:pt>
                <c:pt idx="15577">
                  <c:v>71.690399999999997</c:v>
                </c:pt>
                <c:pt idx="15578">
                  <c:v>69.316500000000005</c:v>
                </c:pt>
                <c:pt idx="15579">
                  <c:v>70.762</c:v>
                </c:pt>
                <c:pt idx="15580">
                  <c:v>58.161099999999998</c:v>
                </c:pt>
                <c:pt idx="15581">
                  <c:v>67.951499999999996</c:v>
                </c:pt>
                <c:pt idx="15582">
                  <c:v>69.2072</c:v>
                </c:pt>
                <c:pt idx="15583">
                  <c:v>62.561599999999999</c:v>
                </c:pt>
                <c:pt idx="15584">
                  <c:v>64.258499999999998</c:v>
                </c:pt>
                <c:pt idx="15585">
                  <c:v>61.8521</c:v>
                </c:pt>
                <c:pt idx="15586">
                  <c:v>68.071700000000007</c:v>
                </c:pt>
                <c:pt idx="15587">
                  <c:v>71.020300000000006</c:v>
                </c:pt>
                <c:pt idx="15588">
                  <c:v>71.690399999999997</c:v>
                </c:pt>
                <c:pt idx="15589">
                  <c:v>69.316500000000005</c:v>
                </c:pt>
                <c:pt idx="15590">
                  <c:v>73.441599999999994</c:v>
                </c:pt>
                <c:pt idx="15591">
                  <c:v>63.775199999999998</c:v>
                </c:pt>
                <c:pt idx="15592">
                  <c:v>71.703800000000001</c:v>
                </c:pt>
                <c:pt idx="15593">
                  <c:v>73.101900000000001</c:v>
                </c:pt>
                <c:pt idx="15594">
                  <c:v>72.049800000000005</c:v>
                </c:pt>
                <c:pt idx="15595">
                  <c:v>75.409700000000001</c:v>
                </c:pt>
                <c:pt idx="15596">
                  <c:v>74.384699999999995</c:v>
                </c:pt>
                <c:pt idx="15597">
                  <c:v>68.071700000000007</c:v>
                </c:pt>
                <c:pt idx="15598">
                  <c:v>71.020300000000006</c:v>
                </c:pt>
                <c:pt idx="15599">
                  <c:v>71.690399999999997</c:v>
                </c:pt>
                <c:pt idx="15600">
                  <c:v>69.316500000000005</c:v>
                </c:pt>
                <c:pt idx="15601">
                  <c:v>73.441599999999994</c:v>
                </c:pt>
                <c:pt idx="15602">
                  <c:v>63.775199999999998</c:v>
                </c:pt>
                <c:pt idx="15603">
                  <c:v>71.703800000000001</c:v>
                </c:pt>
                <c:pt idx="15604">
                  <c:v>73.101900000000001</c:v>
                </c:pt>
                <c:pt idx="15605">
                  <c:v>72.049800000000005</c:v>
                </c:pt>
                <c:pt idx="15606">
                  <c:v>75.409700000000001</c:v>
                </c:pt>
                <c:pt idx="15607">
                  <c:v>74.384699999999995</c:v>
                </c:pt>
                <c:pt idx="15608">
                  <c:v>68.071700000000007</c:v>
                </c:pt>
                <c:pt idx="15609">
                  <c:v>71.020300000000006</c:v>
                </c:pt>
                <c:pt idx="15610">
                  <c:v>71.690399999999997</c:v>
                </c:pt>
                <c:pt idx="15611">
                  <c:v>69.316500000000005</c:v>
                </c:pt>
                <c:pt idx="15612">
                  <c:v>73.441599999999994</c:v>
                </c:pt>
                <c:pt idx="15613">
                  <c:v>63.775199999999998</c:v>
                </c:pt>
                <c:pt idx="15614">
                  <c:v>71.703800000000001</c:v>
                </c:pt>
                <c:pt idx="15615">
                  <c:v>73.101900000000001</c:v>
                </c:pt>
                <c:pt idx="15616">
                  <c:v>72.049800000000005</c:v>
                </c:pt>
                <c:pt idx="15617">
                  <c:v>75.409700000000001</c:v>
                </c:pt>
                <c:pt idx="15618">
                  <c:v>74.384699999999995</c:v>
                </c:pt>
                <c:pt idx="15619">
                  <c:v>68.071700000000007</c:v>
                </c:pt>
                <c:pt idx="15620">
                  <c:v>71.020300000000006</c:v>
                </c:pt>
                <c:pt idx="15621">
                  <c:v>71.690399999999997</c:v>
                </c:pt>
                <c:pt idx="15622">
                  <c:v>69.316500000000005</c:v>
                </c:pt>
                <c:pt idx="15623">
                  <c:v>73.441599999999994</c:v>
                </c:pt>
                <c:pt idx="15624">
                  <c:v>63.775199999999998</c:v>
                </c:pt>
                <c:pt idx="15625">
                  <c:v>71.703800000000001</c:v>
                </c:pt>
                <c:pt idx="15626">
                  <c:v>73.101900000000001</c:v>
                </c:pt>
                <c:pt idx="15627">
                  <c:v>72.049800000000005</c:v>
                </c:pt>
                <c:pt idx="15628">
                  <c:v>75.409700000000001</c:v>
                </c:pt>
                <c:pt idx="15629">
                  <c:v>74.384699999999995</c:v>
                </c:pt>
                <c:pt idx="15630">
                  <c:v>68.071700000000007</c:v>
                </c:pt>
                <c:pt idx="15631">
                  <c:v>71.020300000000006</c:v>
                </c:pt>
                <c:pt idx="15632">
                  <c:v>71.690399999999997</c:v>
                </c:pt>
                <c:pt idx="15633">
                  <c:v>69.316500000000005</c:v>
                </c:pt>
                <c:pt idx="15634">
                  <c:v>73.441599999999994</c:v>
                </c:pt>
                <c:pt idx="15635">
                  <c:v>63.775199999999998</c:v>
                </c:pt>
                <c:pt idx="15636">
                  <c:v>71.703800000000001</c:v>
                </c:pt>
                <c:pt idx="15637">
                  <c:v>73.101900000000001</c:v>
                </c:pt>
                <c:pt idx="15638">
                  <c:v>72.049800000000005</c:v>
                </c:pt>
                <c:pt idx="15639">
                  <c:v>75.409700000000001</c:v>
                </c:pt>
                <c:pt idx="15640">
                  <c:v>74.384699999999995</c:v>
                </c:pt>
                <c:pt idx="15641">
                  <c:v>68.071700000000007</c:v>
                </c:pt>
                <c:pt idx="15642">
                  <c:v>71.020300000000006</c:v>
                </c:pt>
                <c:pt idx="15643">
                  <c:v>71.690399999999997</c:v>
                </c:pt>
                <c:pt idx="15644">
                  <c:v>69.316500000000005</c:v>
                </c:pt>
                <c:pt idx="15645">
                  <c:v>73.441599999999994</c:v>
                </c:pt>
                <c:pt idx="15646">
                  <c:v>63.775199999999998</c:v>
                </c:pt>
                <c:pt idx="15647">
                  <c:v>71.703800000000001</c:v>
                </c:pt>
                <c:pt idx="15648">
                  <c:v>73.101900000000001</c:v>
                </c:pt>
                <c:pt idx="15649">
                  <c:v>72.049800000000005</c:v>
                </c:pt>
                <c:pt idx="15650">
                  <c:v>75.409700000000001</c:v>
                </c:pt>
                <c:pt idx="15651">
                  <c:v>74.384699999999995</c:v>
                </c:pt>
                <c:pt idx="15652">
                  <c:v>68.071700000000007</c:v>
                </c:pt>
                <c:pt idx="15653">
                  <c:v>71.020300000000006</c:v>
                </c:pt>
                <c:pt idx="15654">
                  <c:v>71.690399999999997</c:v>
                </c:pt>
                <c:pt idx="15655">
                  <c:v>69.316500000000005</c:v>
                </c:pt>
                <c:pt idx="15656">
                  <c:v>73.441599999999994</c:v>
                </c:pt>
                <c:pt idx="15657">
                  <c:v>63.775199999999998</c:v>
                </c:pt>
                <c:pt idx="15658">
                  <c:v>71.703800000000001</c:v>
                </c:pt>
                <c:pt idx="15659">
                  <c:v>73.101900000000001</c:v>
                </c:pt>
                <c:pt idx="15660">
                  <c:v>72.049800000000005</c:v>
                </c:pt>
                <c:pt idx="15661">
                  <c:v>75.409700000000001</c:v>
                </c:pt>
                <c:pt idx="15662">
                  <c:v>74.384699999999995</c:v>
                </c:pt>
                <c:pt idx="15663">
                  <c:v>68.071700000000007</c:v>
                </c:pt>
                <c:pt idx="15664">
                  <c:v>71.020300000000006</c:v>
                </c:pt>
                <c:pt idx="15665">
                  <c:v>71.690399999999997</c:v>
                </c:pt>
                <c:pt idx="15666">
                  <c:v>69.316500000000005</c:v>
                </c:pt>
                <c:pt idx="15667">
                  <c:v>73.441599999999994</c:v>
                </c:pt>
                <c:pt idx="15668">
                  <c:v>63.775199999999998</c:v>
                </c:pt>
                <c:pt idx="15669">
                  <c:v>71.703800000000001</c:v>
                </c:pt>
                <c:pt idx="15670">
                  <c:v>73.101900000000001</c:v>
                </c:pt>
                <c:pt idx="15671">
                  <c:v>72.049800000000005</c:v>
                </c:pt>
                <c:pt idx="15672">
                  <c:v>75.409700000000001</c:v>
                </c:pt>
                <c:pt idx="15673">
                  <c:v>74.384699999999995</c:v>
                </c:pt>
                <c:pt idx="15674">
                  <c:v>68.071700000000007</c:v>
                </c:pt>
                <c:pt idx="15675">
                  <c:v>71.020300000000006</c:v>
                </c:pt>
                <c:pt idx="15676">
                  <c:v>71.690399999999997</c:v>
                </c:pt>
                <c:pt idx="15677">
                  <c:v>69.316500000000005</c:v>
                </c:pt>
                <c:pt idx="15678">
                  <c:v>73.441599999999994</c:v>
                </c:pt>
                <c:pt idx="15679">
                  <c:v>63.775199999999998</c:v>
                </c:pt>
                <c:pt idx="15680">
                  <c:v>71.703800000000001</c:v>
                </c:pt>
                <c:pt idx="15681">
                  <c:v>73.101900000000001</c:v>
                </c:pt>
                <c:pt idx="15682">
                  <c:v>72.049800000000005</c:v>
                </c:pt>
                <c:pt idx="15683">
                  <c:v>75.409700000000001</c:v>
                </c:pt>
                <c:pt idx="15684">
                  <c:v>74.384699999999995</c:v>
                </c:pt>
                <c:pt idx="15685">
                  <c:v>68.071700000000007</c:v>
                </c:pt>
                <c:pt idx="15686">
                  <c:v>71.020300000000006</c:v>
                </c:pt>
                <c:pt idx="15687">
                  <c:v>71.690399999999997</c:v>
                </c:pt>
                <c:pt idx="15688">
                  <c:v>69.316500000000005</c:v>
                </c:pt>
                <c:pt idx="15689">
                  <c:v>73.441599999999994</c:v>
                </c:pt>
                <c:pt idx="15690">
                  <c:v>63.775199999999998</c:v>
                </c:pt>
                <c:pt idx="15691">
                  <c:v>71.703800000000001</c:v>
                </c:pt>
                <c:pt idx="15692">
                  <c:v>73.101900000000001</c:v>
                </c:pt>
                <c:pt idx="15693">
                  <c:v>72.049800000000005</c:v>
                </c:pt>
                <c:pt idx="15694">
                  <c:v>75.409700000000001</c:v>
                </c:pt>
                <c:pt idx="15695">
                  <c:v>74.384699999999995</c:v>
                </c:pt>
                <c:pt idx="15696">
                  <c:v>68.071700000000007</c:v>
                </c:pt>
                <c:pt idx="15697">
                  <c:v>71.020300000000006</c:v>
                </c:pt>
                <c:pt idx="15698">
                  <c:v>71.690399999999997</c:v>
                </c:pt>
                <c:pt idx="15699">
                  <c:v>69.316500000000005</c:v>
                </c:pt>
                <c:pt idx="15700">
                  <c:v>73.441599999999994</c:v>
                </c:pt>
                <c:pt idx="15701">
                  <c:v>63.775199999999998</c:v>
                </c:pt>
                <c:pt idx="15702">
                  <c:v>71.703800000000001</c:v>
                </c:pt>
                <c:pt idx="15703">
                  <c:v>73.101900000000001</c:v>
                </c:pt>
                <c:pt idx="15704">
                  <c:v>72.049800000000005</c:v>
                </c:pt>
                <c:pt idx="15705">
                  <c:v>75.409700000000001</c:v>
                </c:pt>
                <c:pt idx="15706">
                  <c:v>74.384699999999995</c:v>
                </c:pt>
                <c:pt idx="15707">
                  <c:v>68.071700000000007</c:v>
                </c:pt>
                <c:pt idx="15708">
                  <c:v>71.020300000000006</c:v>
                </c:pt>
                <c:pt idx="15709">
                  <c:v>71.690399999999997</c:v>
                </c:pt>
                <c:pt idx="15710">
                  <c:v>69.316500000000005</c:v>
                </c:pt>
                <c:pt idx="15711">
                  <c:v>70.762</c:v>
                </c:pt>
                <c:pt idx="15712">
                  <c:v>58.161099999999998</c:v>
                </c:pt>
                <c:pt idx="15713">
                  <c:v>67.951499999999996</c:v>
                </c:pt>
                <c:pt idx="15714">
                  <c:v>69.2072</c:v>
                </c:pt>
                <c:pt idx="15715">
                  <c:v>62.561599999999999</c:v>
                </c:pt>
                <c:pt idx="15716">
                  <c:v>64.258499999999998</c:v>
                </c:pt>
                <c:pt idx="15717">
                  <c:v>61.8521</c:v>
                </c:pt>
                <c:pt idx="15718">
                  <c:v>68.071700000000007</c:v>
                </c:pt>
                <c:pt idx="15719">
                  <c:v>71.020300000000006</c:v>
                </c:pt>
                <c:pt idx="15720">
                  <c:v>71.690399999999997</c:v>
                </c:pt>
                <c:pt idx="15721">
                  <c:v>69.316500000000005</c:v>
                </c:pt>
                <c:pt idx="15722">
                  <c:v>73.441599999999994</c:v>
                </c:pt>
                <c:pt idx="15723">
                  <c:v>63.775199999999998</c:v>
                </c:pt>
                <c:pt idx="15724">
                  <c:v>71.703800000000001</c:v>
                </c:pt>
                <c:pt idx="15725">
                  <c:v>73.101900000000001</c:v>
                </c:pt>
                <c:pt idx="15726">
                  <c:v>72.049800000000005</c:v>
                </c:pt>
                <c:pt idx="15727">
                  <c:v>75.409700000000001</c:v>
                </c:pt>
                <c:pt idx="15728">
                  <c:v>74.384699999999995</c:v>
                </c:pt>
                <c:pt idx="15729">
                  <c:v>68.071700000000007</c:v>
                </c:pt>
                <c:pt idx="15730">
                  <c:v>71.020300000000006</c:v>
                </c:pt>
                <c:pt idx="15731">
                  <c:v>71.690399999999997</c:v>
                </c:pt>
                <c:pt idx="15732">
                  <c:v>69.316500000000005</c:v>
                </c:pt>
                <c:pt idx="15733">
                  <c:v>73.441599999999994</c:v>
                </c:pt>
                <c:pt idx="15734">
                  <c:v>63.775199999999998</c:v>
                </c:pt>
                <c:pt idx="15735">
                  <c:v>71.703800000000001</c:v>
                </c:pt>
                <c:pt idx="15736">
                  <c:v>73.101900000000001</c:v>
                </c:pt>
                <c:pt idx="15737">
                  <c:v>72.049800000000005</c:v>
                </c:pt>
                <c:pt idx="15738">
                  <c:v>75.409700000000001</c:v>
                </c:pt>
                <c:pt idx="15739">
                  <c:v>74.384699999999995</c:v>
                </c:pt>
                <c:pt idx="15740">
                  <c:v>68.071700000000007</c:v>
                </c:pt>
                <c:pt idx="15741">
                  <c:v>71.020300000000006</c:v>
                </c:pt>
                <c:pt idx="15742">
                  <c:v>71.690399999999997</c:v>
                </c:pt>
                <c:pt idx="15743">
                  <c:v>69.316500000000005</c:v>
                </c:pt>
                <c:pt idx="15744">
                  <c:v>73.441599999999994</c:v>
                </c:pt>
                <c:pt idx="15745">
                  <c:v>63.775199999999998</c:v>
                </c:pt>
                <c:pt idx="15746">
                  <c:v>71.703800000000001</c:v>
                </c:pt>
                <c:pt idx="15747">
                  <c:v>73.101900000000001</c:v>
                </c:pt>
                <c:pt idx="15748">
                  <c:v>72.049800000000005</c:v>
                </c:pt>
                <c:pt idx="15749">
                  <c:v>75.409700000000001</c:v>
                </c:pt>
                <c:pt idx="15750">
                  <c:v>74.384699999999995</c:v>
                </c:pt>
                <c:pt idx="15751">
                  <c:v>68.071700000000007</c:v>
                </c:pt>
                <c:pt idx="15752">
                  <c:v>71.020300000000006</c:v>
                </c:pt>
                <c:pt idx="15753">
                  <c:v>71.690399999999997</c:v>
                </c:pt>
                <c:pt idx="15754">
                  <c:v>69.316500000000005</c:v>
                </c:pt>
                <c:pt idx="15755">
                  <c:v>73.441599999999994</c:v>
                </c:pt>
                <c:pt idx="15756">
                  <c:v>63.775199999999998</c:v>
                </c:pt>
                <c:pt idx="15757">
                  <c:v>71.703800000000001</c:v>
                </c:pt>
                <c:pt idx="15758">
                  <c:v>73.101900000000001</c:v>
                </c:pt>
                <c:pt idx="15759">
                  <c:v>72.049800000000005</c:v>
                </c:pt>
                <c:pt idx="15760">
                  <c:v>75.409700000000001</c:v>
                </c:pt>
                <c:pt idx="15761">
                  <c:v>74.384699999999995</c:v>
                </c:pt>
                <c:pt idx="15762">
                  <c:v>68.071700000000007</c:v>
                </c:pt>
                <c:pt idx="15763">
                  <c:v>71.020300000000006</c:v>
                </c:pt>
                <c:pt idx="15764">
                  <c:v>71.690399999999997</c:v>
                </c:pt>
                <c:pt idx="15765">
                  <c:v>69.316500000000005</c:v>
                </c:pt>
                <c:pt idx="15766">
                  <c:v>73.441599999999994</c:v>
                </c:pt>
                <c:pt idx="15767">
                  <c:v>63.775199999999998</c:v>
                </c:pt>
                <c:pt idx="15768">
                  <c:v>71.703800000000001</c:v>
                </c:pt>
                <c:pt idx="15769">
                  <c:v>73.101900000000001</c:v>
                </c:pt>
                <c:pt idx="15770">
                  <c:v>72.049800000000005</c:v>
                </c:pt>
                <c:pt idx="15771">
                  <c:v>75.409700000000001</c:v>
                </c:pt>
                <c:pt idx="15772">
                  <c:v>74.384699999999995</c:v>
                </c:pt>
                <c:pt idx="15773">
                  <c:v>68.071700000000007</c:v>
                </c:pt>
                <c:pt idx="15774">
                  <c:v>71.020300000000006</c:v>
                </c:pt>
                <c:pt idx="15775">
                  <c:v>71.690399999999997</c:v>
                </c:pt>
                <c:pt idx="15776">
                  <c:v>69.316500000000005</c:v>
                </c:pt>
                <c:pt idx="15777">
                  <c:v>73.441599999999994</c:v>
                </c:pt>
                <c:pt idx="15778">
                  <c:v>63.775199999999998</c:v>
                </c:pt>
                <c:pt idx="15779">
                  <c:v>71.703800000000001</c:v>
                </c:pt>
                <c:pt idx="15780">
                  <c:v>73.101900000000001</c:v>
                </c:pt>
                <c:pt idx="15781">
                  <c:v>72.049800000000005</c:v>
                </c:pt>
                <c:pt idx="15782">
                  <c:v>75.409700000000001</c:v>
                </c:pt>
                <c:pt idx="15783">
                  <c:v>74.384699999999995</c:v>
                </c:pt>
                <c:pt idx="15784">
                  <c:v>68.071700000000007</c:v>
                </c:pt>
                <c:pt idx="15785">
                  <c:v>71.020300000000006</c:v>
                </c:pt>
                <c:pt idx="15786">
                  <c:v>71.690399999999997</c:v>
                </c:pt>
                <c:pt idx="15787">
                  <c:v>69.316500000000005</c:v>
                </c:pt>
                <c:pt idx="15788">
                  <c:v>73.441599999999994</c:v>
                </c:pt>
                <c:pt idx="15789">
                  <c:v>63.775199999999998</c:v>
                </c:pt>
                <c:pt idx="15790">
                  <c:v>71.703800000000001</c:v>
                </c:pt>
                <c:pt idx="15791">
                  <c:v>73.101900000000001</c:v>
                </c:pt>
                <c:pt idx="15792">
                  <c:v>72.049800000000005</c:v>
                </c:pt>
                <c:pt idx="15793">
                  <c:v>75.409700000000001</c:v>
                </c:pt>
                <c:pt idx="15794">
                  <c:v>74.384699999999995</c:v>
                </c:pt>
                <c:pt idx="15795">
                  <c:v>68.071700000000007</c:v>
                </c:pt>
                <c:pt idx="15796">
                  <c:v>71.020300000000006</c:v>
                </c:pt>
                <c:pt idx="15797">
                  <c:v>71.690399999999997</c:v>
                </c:pt>
                <c:pt idx="15798">
                  <c:v>69.316500000000005</c:v>
                </c:pt>
                <c:pt idx="15799">
                  <c:v>73.441599999999994</c:v>
                </c:pt>
                <c:pt idx="15800">
                  <c:v>63.775199999999998</c:v>
                </c:pt>
                <c:pt idx="15801">
                  <c:v>71.703800000000001</c:v>
                </c:pt>
                <c:pt idx="15802">
                  <c:v>73.101900000000001</c:v>
                </c:pt>
                <c:pt idx="15803">
                  <c:v>72.049800000000005</c:v>
                </c:pt>
                <c:pt idx="15804">
                  <c:v>75.409700000000001</c:v>
                </c:pt>
                <c:pt idx="15805">
                  <c:v>74.384699999999995</c:v>
                </c:pt>
                <c:pt idx="15806">
                  <c:v>68.071700000000007</c:v>
                </c:pt>
                <c:pt idx="15807">
                  <c:v>71.020300000000006</c:v>
                </c:pt>
                <c:pt idx="15808">
                  <c:v>71.690399999999997</c:v>
                </c:pt>
                <c:pt idx="15809">
                  <c:v>69.316500000000005</c:v>
                </c:pt>
                <c:pt idx="15810">
                  <c:v>73.441599999999994</c:v>
                </c:pt>
                <c:pt idx="15811">
                  <c:v>63.775199999999998</c:v>
                </c:pt>
                <c:pt idx="15812">
                  <c:v>71.703800000000001</c:v>
                </c:pt>
                <c:pt idx="15813">
                  <c:v>73.101900000000001</c:v>
                </c:pt>
                <c:pt idx="15814">
                  <c:v>72.049800000000005</c:v>
                </c:pt>
                <c:pt idx="15815">
                  <c:v>75.409700000000001</c:v>
                </c:pt>
                <c:pt idx="15816">
                  <c:v>74.384699999999995</c:v>
                </c:pt>
                <c:pt idx="15817">
                  <c:v>68.071700000000007</c:v>
                </c:pt>
                <c:pt idx="15818">
                  <c:v>71.020300000000006</c:v>
                </c:pt>
                <c:pt idx="15819">
                  <c:v>71.690399999999997</c:v>
                </c:pt>
                <c:pt idx="15820">
                  <c:v>69.316500000000005</c:v>
                </c:pt>
                <c:pt idx="15821">
                  <c:v>73.441599999999994</c:v>
                </c:pt>
                <c:pt idx="15822">
                  <c:v>63.775199999999998</c:v>
                </c:pt>
                <c:pt idx="15823">
                  <c:v>71.703800000000001</c:v>
                </c:pt>
                <c:pt idx="15824">
                  <c:v>73.101900000000001</c:v>
                </c:pt>
                <c:pt idx="15825">
                  <c:v>72.049800000000005</c:v>
                </c:pt>
                <c:pt idx="15826">
                  <c:v>75.409700000000001</c:v>
                </c:pt>
                <c:pt idx="15827">
                  <c:v>74.384699999999995</c:v>
                </c:pt>
                <c:pt idx="15828">
                  <c:v>68.071700000000007</c:v>
                </c:pt>
                <c:pt idx="15829">
                  <c:v>71.020300000000006</c:v>
                </c:pt>
                <c:pt idx="15830">
                  <c:v>71.690399999999997</c:v>
                </c:pt>
                <c:pt idx="15831">
                  <c:v>69.316500000000005</c:v>
                </c:pt>
                <c:pt idx="15832">
                  <c:v>73.441599999999994</c:v>
                </c:pt>
                <c:pt idx="15833">
                  <c:v>63.775199999999998</c:v>
                </c:pt>
                <c:pt idx="15834">
                  <c:v>71.703800000000001</c:v>
                </c:pt>
                <c:pt idx="15835">
                  <c:v>73.101900000000001</c:v>
                </c:pt>
                <c:pt idx="15836">
                  <c:v>72.049800000000005</c:v>
                </c:pt>
                <c:pt idx="15837">
                  <c:v>75.409700000000001</c:v>
                </c:pt>
                <c:pt idx="15838">
                  <c:v>74.384699999999995</c:v>
                </c:pt>
                <c:pt idx="15839">
                  <c:v>86.072299999999998</c:v>
                </c:pt>
                <c:pt idx="15840">
                  <c:v>78.077500000000001</c:v>
                </c:pt>
                <c:pt idx="15841">
                  <c:v>74.488399999999999</c:v>
                </c:pt>
                <c:pt idx="15842">
                  <c:v>88.646299999999997</c:v>
                </c:pt>
                <c:pt idx="15843">
                  <c:v>88.7102</c:v>
                </c:pt>
                <c:pt idx="15844">
                  <c:v>90.121499999999997</c:v>
                </c:pt>
                <c:pt idx="15845">
                  <c:v>81.687899999999999</c:v>
                </c:pt>
                <c:pt idx="15846">
                  <c:v>77.115099999999998</c:v>
                </c:pt>
                <c:pt idx="15847">
                  <c:v>80.956699999999998</c:v>
                </c:pt>
                <c:pt idx="15848">
                  <c:v>92.319900000000004</c:v>
                </c:pt>
                <c:pt idx="15849">
                  <c:v>79.263800000000003</c:v>
                </c:pt>
                <c:pt idx="15850">
                  <c:v>86.072299999999998</c:v>
                </c:pt>
                <c:pt idx="15851">
                  <c:v>78.077500000000001</c:v>
                </c:pt>
                <c:pt idx="15852">
                  <c:v>74.488399999999999</c:v>
                </c:pt>
                <c:pt idx="15853">
                  <c:v>88.646299999999997</c:v>
                </c:pt>
                <c:pt idx="15854">
                  <c:v>88.7102</c:v>
                </c:pt>
                <c:pt idx="15855">
                  <c:v>90.121499999999997</c:v>
                </c:pt>
                <c:pt idx="15856">
                  <c:v>81.687899999999999</c:v>
                </c:pt>
                <c:pt idx="15857">
                  <c:v>77.115099999999998</c:v>
                </c:pt>
                <c:pt idx="15858">
                  <c:v>80.956699999999998</c:v>
                </c:pt>
                <c:pt idx="15859">
                  <c:v>92.319900000000004</c:v>
                </c:pt>
                <c:pt idx="15860">
                  <c:v>79.263800000000003</c:v>
                </c:pt>
                <c:pt idx="15861">
                  <c:v>86.072299999999998</c:v>
                </c:pt>
                <c:pt idx="15862">
                  <c:v>78.077500000000001</c:v>
                </c:pt>
                <c:pt idx="15863">
                  <c:v>74.488399999999999</c:v>
                </c:pt>
                <c:pt idx="15864">
                  <c:v>88.646299999999997</c:v>
                </c:pt>
                <c:pt idx="15865">
                  <c:v>88.7102</c:v>
                </c:pt>
                <c:pt idx="15866">
                  <c:v>90.121499999999997</c:v>
                </c:pt>
                <c:pt idx="15867">
                  <c:v>81.687899999999999</c:v>
                </c:pt>
                <c:pt idx="15868">
                  <c:v>77.115099999999998</c:v>
                </c:pt>
                <c:pt idx="15869">
                  <c:v>80.956699999999998</c:v>
                </c:pt>
                <c:pt idx="15870">
                  <c:v>92.319900000000004</c:v>
                </c:pt>
                <c:pt idx="15871">
                  <c:v>79.263800000000003</c:v>
                </c:pt>
                <c:pt idx="15872">
                  <c:v>86.072299999999998</c:v>
                </c:pt>
                <c:pt idx="15873">
                  <c:v>78.077500000000001</c:v>
                </c:pt>
                <c:pt idx="15874">
                  <c:v>74.488399999999999</c:v>
                </c:pt>
                <c:pt idx="15875">
                  <c:v>88.646299999999997</c:v>
                </c:pt>
                <c:pt idx="15876">
                  <c:v>88.7102</c:v>
                </c:pt>
                <c:pt idx="15877">
                  <c:v>90.121499999999997</c:v>
                </c:pt>
                <c:pt idx="15878">
                  <c:v>81.687899999999999</c:v>
                </c:pt>
                <c:pt idx="15879">
                  <c:v>77.115099999999998</c:v>
                </c:pt>
                <c:pt idx="15880">
                  <c:v>80.956699999999998</c:v>
                </c:pt>
                <c:pt idx="15881">
                  <c:v>92.319900000000004</c:v>
                </c:pt>
                <c:pt idx="15882">
                  <c:v>79.263800000000003</c:v>
                </c:pt>
                <c:pt idx="15883">
                  <c:v>86.072299999999998</c:v>
                </c:pt>
                <c:pt idx="15884">
                  <c:v>78.077500000000001</c:v>
                </c:pt>
                <c:pt idx="15885">
                  <c:v>74.488399999999999</c:v>
                </c:pt>
                <c:pt idx="15886">
                  <c:v>88.646299999999997</c:v>
                </c:pt>
                <c:pt idx="15887">
                  <c:v>88.7102</c:v>
                </c:pt>
                <c:pt idx="15888">
                  <c:v>90.121499999999997</c:v>
                </c:pt>
                <c:pt idx="15889">
                  <c:v>81.687899999999999</c:v>
                </c:pt>
                <c:pt idx="15890">
                  <c:v>77.115099999999998</c:v>
                </c:pt>
                <c:pt idx="15891">
                  <c:v>80.956699999999998</c:v>
                </c:pt>
                <c:pt idx="15892">
                  <c:v>92.319900000000004</c:v>
                </c:pt>
                <c:pt idx="15893">
                  <c:v>79.263800000000003</c:v>
                </c:pt>
                <c:pt idx="15894">
                  <c:v>86.072299999999998</c:v>
                </c:pt>
                <c:pt idx="15895">
                  <c:v>78.077500000000001</c:v>
                </c:pt>
                <c:pt idx="15896">
                  <c:v>74.488399999999999</c:v>
                </c:pt>
                <c:pt idx="15897">
                  <c:v>88.646299999999997</c:v>
                </c:pt>
                <c:pt idx="15898">
                  <c:v>88.7102</c:v>
                </c:pt>
                <c:pt idx="15899">
                  <c:v>90.121499999999997</c:v>
                </c:pt>
                <c:pt idx="15900">
                  <c:v>81.687899999999999</c:v>
                </c:pt>
                <c:pt idx="15901">
                  <c:v>77.115099999999998</c:v>
                </c:pt>
                <c:pt idx="15902">
                  <c:v>80.956699999999998</c:v>
                </c:pt>
                <c:pt idx="15903">
                  <c:v>92.319900000000004</c:v>
                </c:pt>
                <c:pt idx="15904">
                  <c:v>79.263800000000003</c:v>
                </c:pt>
                <c:pt idx="15905">
                  <c:v>86.072299999999998</c:v>
                </c:pt>
                <c:pt idx="15906">
                  <c:v>78.077500000000001</c:v>
                </c:pt>
                <c:pt idx="15907">
                  <c:v>74.488399999999999</c:v>
                </c:pt>
                <c:pt idx="15908">
                  <c:v>88.646299999999997</c:v>
                </c:pt>
                <c:pt idx="15909">
                  <c:v>88.7102</c:v>
                </c:pt>
                <c:pt idx="15910">
                  <c:v>90.121499999999997</c:v>
                </c:pt>
                <c:pt idx="15911">
                  <c:v>81.687899999999999</c:v>
                </c:pt>
                <c:pt idx="15912">
                  <c:v>77.115099999999998</c:v>
                </c:pt>
                <c:pt idx="15913">
                  <c:v>80.956699999999998</c:v>
                </c:pt>
                <c:pt idx="15914">
                  <c:v>92.319900000000004</c:v>
                </c:pt>
                <c:pt idx="15915">
                  <c:v>79.263800000000003</c:v>
                </c:pt>
                <c:pt idx="15916">
                  <c:v>86.072299999999998</c:v>
                </c:pt>
                <c:pt idx="15917">
                  <c:v>78.077500000000001</c:v>
                </c:pt>
                <c:pt idx="15918">
                  <c:v>74.488399999999999</c:v>
                </c:pt>
                <c:pt idx="15919">
                  <c:v>88.646299999999997</c:v>
                </c:pt>
                <c:pt idx="15920">
                  <c:v>88.7102</c:v>
                </c:pt>
                <c:pt idx="15921">
                  <c:v>90.121499999999997</c:v>
                </c:pt>
                <c:pt idx="15922">
                  <c:v>81.687899999999999</c:v>
                </c:pt>
                <c:pt idx="15923">
                  <c:v>77.115099999999998</c:v>
                </c:pt>
                <c:pt idx="15924">
                  <c:v>80.956699999999998</c:v>
                </c:pt>
                <c:pt idx="15925">
                  <c:v>92.319900000000004</c:v>
                </c:pt>
                <c:pt idx="15926">
                  <c:v>79.263800000000003</c:v>
                </c:pt>
                <c:pt idx="15927">
                  <c:v>86.072299999999998</c:v>
                </c:pt>
                <c:pt idx="15928">
                  <c:v>78.077500000000001</c:v>
                </c:pt>
                <c:pt idx="15929">
                  <c:v>74.488399999999999</c:v>
                </c:pt>
                <c:pt idx="15930">
                  <c:v>88.646299999999997</c:v>
                </c:pt>
                <c:pt idx="15931">
                  <c:v>88.7102</c:v>
                </c:pt>
                <c:pt idx="15932">
                  <c:v>90.121499999999997</c:v>
                </c:pt>
                <c:pt idx="15933">
                  <c:v>81.687899999999999</c:v>
                </c:pt>
                <c:pt idx="15934">
                  <c:v>77.115099999999998</c:v>
                </c:pt>
                <c:pt idx="15935">
                  <c:v>80.956699999999998</c:v>
                </c:pt>
                <c:pt idx="15936">
                  <c:v>92.319900000000004</c:v>
                </c:pt>
                <c:pt idx="15937">
                  <c:v>79.263800000000003</c:v>
                </c:pt>
                <c:pt idx="15938">
                  <c:v>86.072299999999998</c:v>
                </c:pt>
                <c:pt idx="15939">
                  <c:v>78.077500000000001</c:v>
                </c:pt>
                <c:pt idx="15940">
                  <c:v>74.488399999999999</c:v>
                </c:pt>
                <c:pt idx="15941">
                  <c:v>88.646299999999997</c:v>
                </c:pt>
                <c:pt idx="15942">
                  <c:v>88.7102</c:v>
                </c:pt>
                <c:pt idx="15943">
                  <c:v>90.121499999999997</c:v>
                </c:pt>
                <c:pt idx="15944">
                  <c:v>81.687899999999999</c:v>
                </c:pt>
                <c:pt idx="15945">
                  <c:v>77.115099999999998</c:v>
                </c:pt>
                <c:pt idx="15946">
                  <c:v>80.956699999999998</c:v>
                </c:pt>
                <c:pt idx="15947">
                  <c:v>92.319900000000004</c:v>
                </c:pt>
                <c:pt idx="15948">
                  <c:v>79.263800000000003</c:v>
                </c:pt>
                <c:pt idx="15949">
                  <c:v>86.072299999999998</c:v>
                </c:pt>
                <c:pt idx="15950">
                  <c:v>78.077500000000001</c:v>
                </c:pt>
                <c:pt idx="15951">
                  <c:v>74.488399999999999</c:v>
                </c:pt>
                <c:pt idx="15952">
                  <c:v>88.646299999999997</c:v>
                </c:pt>
                <c:pt idx="15953">
                  <c:v>88.7102</c:v>
                </c:pt>
                <c:pt idx="15954">
                  <c:v>90.121499999999997</c:v>
                </c:pt>
                <c:pt idx="15955">
                  <c:v>81.687899999999999</c:v>
                </c:pt>
                <c:pt idx="15956">
                  <c:v>77.115099999999998</c:v>
                </c:pt>
                <c:pt idx="15957">
                  <c:v>80.956699999999998</c:v>
                </c:pt>
                <c:pt idx="15958">
                  <c:v>92.319900000000004</c:v>
                </c:pt>
                <c:pt idx="15959">
                  <c:v>79.263800000000003</c:v>
                </c:pt>
                <c:pt idx="15960">
                  <c:v>86.072299999999998</c:v>
                </c:pt>
                <c:pt idx="15961">
                  <c:v>78.077500000000001</c:v>
                </c:pt>
                <c:pt idx="15962">
                  <c:v>74.488399999999999</c:v>
                </c:pt>
                <c:pt idx="15963">
                  <c:v>88.646299999999997</c:v>
                </c:pt>
                <c:pt idx="15964">
                  <c:v>88.7102</c:v>
                </c:pt>
                <c:pt idx="15965">
                  <c:v>90.121499999999997</c:v>
                </c:pt>
                <c:pt idx="15966">
                  <c:v>81.687899999999999</c:v>
                </c:pt>
                <c:pt idx="15967">
                  <c:v>77.115099999999998</c:v>
                </c:pt>
                <c:pt idx="15968">
                  <c:v>80.956699999999998</c:v>
                </c:pt>
                <c:pt idx="15969">
                  <c:v>92.319900000000004</c:v>
                </c:pt>
                <c:pt idx="15970">
                  <c:v>79.263800000000003</c:v>
                </c:pt>
                <c:pt idx="15971">
                  <c:v>86.072299999999998</c:v>
                </c:pt>
                <c:pt idx="15972">
                  <c:v>78.077500000000001</c:v>
                </c:pt>
                <c:pt idx="15973">
                  <c:v>74.488399999999999</c:v>
                </c:pt>
                <c:pt idx="15974">
                  <c:v>88.646299999999997</c:v>
                </c:pt>
                <c:pt idx="15975">
                  <c:v>88.7102</c:v>
                </c:pt>
                <c:pt idx="15976">
                  <c:v>90.121499999999997</c:v>
                </c:pt>
                <c:pt idx="15977">
                  <c:v>81.687899999999999</c:v>
                </c:pt>
                <c:pt idx="15978">
                  <c:v>77.115099999999998</c:v>
                </c:pt>
                <c:pt idx="15979">
                  <c:v>80.956699999999998</c:v>
                </c:pt>
                <c:pt idx="15980">
                  <c:v>92.319900000000004</c:v>
                </c:pt>
                <c:pt idx="15981">
                  <c:v>79.263800000000003</c:v>
                </c:pt>
                <c:pt idx="15982">
                  <c:v>86.072299999999998</c:v>
                </c:pt>
                <c:pt idx="15983">
                  <c:v>78.077500000000001</c:v>
                </c:pt>
                <c:pt idx="15984">
                  <c:v>74.488399999999999</c:v>
                </c:pt>
                <c:pt idx="15985">
                  <c:v>88.646299999999997</c:v>
                </c:pt>
                <c:pt idx="15986">
                  <c:v>88.7102</c:v>
                </c:pt>
                <c:pt idx="15987">
                  <c:v>90.121499999999997</c:v>
                </c:pt>
                <c:pt idx="15988">
                  <c:v>81.687899999999999</c:v>
                </c:pt>
                <c:pt idx="15989">
                  <c:v>77.115099999999998</c:v>
                </c:pt>
                <c:pt idx="15990">
                  <c:v>80.956699999999998</c:v>
                </c:pt>
                <c:pt idx="15991">
                  <c:v>92.319900000000004</c:v>
                </c:pt>
                <c:pt idx="15992">
                  <c:v>79.263800000000003</c:v>
                </c:pt>
                <c:pt idx="15993">
                  <c:v>86.072299999999998</c:v>
                </c:pt>
                <c:pt idx="15994">
                  <c:v>78.077500000000001</c:v>
                </c:pt>
                <c:pt idx="15995">
                  <c:v>74.488399999999999</c:v>
                </c:pt>
                <c:pt idx="15996">
                  <c:v>88.646299999999997</c:v>
                </c:pt>
                <c:pt idx="15997">
                  <c:v>88.7102</c:v>
                </c:pt>
                <c:pt idx="15998">
                  <c:v>90.121499999999997</c:v>
                </c:pt>
                <c:pt idx="15999">
                  <c:v>81.687899999999999</c:v>
                </c:pt>
                <c:pt idx="16000">
                  <c:v>77.115099999999998</c:v>
                </c:pt>
                <c:pt idx="16001">
                  <c:v>80.956699999999998</c:v>
                </c:pt>
                <c:pt idx="16002">
                  <c:v>92.319900000000004</c:v>
                </c:pt>
                <c:pt idx="16003">
                  <c:v>79.263800000000003</c:v>
                </c:pt>
                <c:pt idx="16004">
                  <c:v>86.072299999999998</c:v>
                </c:pt>
                <c:pt idx="16005">
                  <c:v>78.077500000000001</c:v>
                </c:pt>
                <c:pt idx="16006">
                  <c:v>74.488399999999999</c:v>
                </c:pt>
                <c:pt idx="16007">
                  <c:v>88.646299999999997</c:v>
                </c:pt>
                <c:pt idx="16008">
                  <c:v>88.7102</c:v>
                </c:pt>
                <c:pt idx="16009">
                  <c:v>90.121499999999997</c:v>
                </c:pt>
                <c:pt idx="16010">
                  <c:v>81.687899999999999</c:v>
                </c:pt>
                <c:pt idx="16011">
                  <c:v>77.115099999999998</c:v>
                </c:pt>
                <c:pt idx="16012">
                  <c:v>80.956699999999998</c:v>
                </c:pt>
                <c:pt idx="16013">
                  <c:v>92.319900000000004</c:v>
                </c:pt>
                <c:pt idx="16014">
                  <c:v>79.263800000000003</c:v>
                </c:pt>
                <c:pt idx="16015">
                  <c:v>86.072299999999998</c:v>
                </c:pt>
                <c:pt idx="16016">
                  <c:v>78.077500000000001</c:v>
                </c:pt>
                <c:pt idx="16017">
                  <c:v>74.488399999999999</c:v>
                </c:pt>
                <c:pt idx="16018">
                  <c:v>88.646299999999997</c:v>
                </c:pt>
                <c:pt idx="16019">
                  <c:v>88.7102</c:v>
                </c:pt>
                <c:pt idx="16020">
                  <c:v>90.121499999999997</c:v>
                </c:pt>
                <c:pt idx="16021">
                  <c:v>81.687899999999999</c:v>
                </c:pt>
                <c:pt idx="16022">
                  <c:v>77.115099999999998</c:v>
                </c:pt>
                <c:pt idx="16023">
                  <c:v>80.956699999999998</c:v>
                </c:pt>
                <c:pt idx="16024">
                  <c:v>92.319900000000004</c:v>
                </c:pt>
                <c:pt idx="16025">
                  <c:v>79.263800000000003</c:v>
                </c:pt>
                <c:pt idx="16026">
                  <c:v>86.072299999999998</c:v>
                </c:pt>
                <c:pt idx="16027">
                  <c:v>78.077500000000001</c:v>
                </c:pt>
                <c:pt idx="16028">
                  <c:v>74.488399999999999</c:v>
                </c:pt>
                <c:pt idx="16029">
                  <c:v>88.646299999999997</c:v>
                </c:pt>
                <c:pt idx="16030">
                  <c:v>88.7102</c:v>
                </c:pt>
                <c:pt idx="16031">
                  <c:v>90.121499999999997</c:v>
                </c:pt>
                <c:pt idx="16032">
                  <c:v>81.687899999999999</c:v>
                </c:pt>
                <c:pt idx="16033">
                  <c:v>77.115099999999998</c:v>
                </c:pt>
                <c:pt idx="16034">
                  <c:v>80.956699999999998</c:v>
                </c:pt>
                <c:pt idx="16035">
                  <c:v>92.319900000000004</c:v>
                </c:pt>
                <c:pt idx="16036">
                  <c:v>79.263800000000003</c:v>
                </c:pt>
                <c:pt idx="16037">
                  <c:v>86.072299999999998</c:v>
                </c:pt>
                <c:pt idx="16038">
                  <c:v>78.077500000000001</c:v>
                </c:pt>
                <c:pt idx="16039">
                  <c:v>74.488399999999999</c:v>
                </c:pt>
                <c:pt idx="16040">
                  <c:v>88.646299999999997</c:v>
                </c:pt>
                <c:pt idx="16041">
                  <c:v>88.7102</c:v>
                </c:pt>
                <c:pt idx="16042">
                  <c:v>90.121499999999997</c:v>
                </c:pt>
                <c:pt idx="16043">
                  <c:v>81.687899999999999</c:v>
                </c:pt>
                <c:pt idx="16044">
                  <c:v>77.115099999999998</c:v>
                </c:pt>
                <c:pt idx="16045">
                  <c:v>80.956699999999998</c:v>
                </c:pt>
                <c:pt idx="16046">
                  <c:v>92.319900000000004</c:v>
                </c:pt>
                <c:pt idx="16047">
                  <c:v>79.263800000000003</c:v>
                </c:pt>
                <c:pt idx="16048">
                  <c:v>86.072299999999998</c:v>
                </c:pt>
                <c:pt idx="16049">
                  <c:v>78.077500000000001</c:v>
                </c:pt>
                <c:pt idx="16050">
                  <c:v>74.488399999999999</c:v>
                </c:pt>
                <c:pt idx="16051">
                  <c:v>88.646299999999997</c:v>
                </c:pt>
                <c:pt idx="16052">
                  <c:v>88.7102</c:v>
                </c:pt>
                <c:pt idx="16053">
                  <c:v>90.121499999999997</c:v>
                </c:pt>
                <c:pt idx="16054">
                  <c:v>81.687899999999999</c:v>
                </c:pt>
                <c:pt idx="16055">
                  <c:v>77.115099999999998</c:v>
                </c:pt>
                <c:pt idx="16056">
                  <c:v>80.956699999999998</c:v>
                </c:pt>
                <c:pt idx="16057">
                  <c:v>92.319900000000004</c:v>
                </c:pt>
                <c:pt idx="16058">
                  <c:v>79.263800000000003</c:v>
                </c:pt>
                <c:pt idx="16059">
                  <c:v>86.072299999999998</c:v>
                </c:pt>
                <c:pt idx="16060">
                  <c:v>78.077500000000001</c:v>
                </c:pt>
                <c:pt idx="16061">
                  <c:v>74.488399999999999</c:v>
                </c:pt>
                <c:pt idx="16062">
                  <c:v>88.646299999999997</c:v>
                </c:pt>
                <c:pt idx="16063">
                  <c:v>88.7102</c:v>
                </c:pt>
                <c:pt idx="16064">
                  <c:v>90.121499999999997</c:v>
                </c:pt>
                <c:pt idx="16065">
                  <c:v>81.687899999999999</c:v>
                </c:pt>
                <c:pt idx="16066">
                  <c:v>77.115099999999998</c:v>
                </c:pt>
                <c:pt idx="16067">
                  <c:v>80.956699999999998</c:v>
                </c:pt>
                <c:pt idx="16068">
                  <c:v>92.319900000000004</c:v>
                </c:pt>
                <c:pt idx="16069">
                  <c:v>79.263800000000003</c:v>
                </c:pt>
                <c:pt idx="16070">
                  <c:v>86.072299999999998</c:v>
                </c:pt>
                <c:pt idx="16071">
                  <c:v>78.077500000000001</c:v>
                </c:pt>
                <c:pt idx="16072">
                  <c:v>74.488399999999999</c:v>
                </c:pt>
                <c:pt idx="16073">
                  <c:v>88.646299999999997</c:v>
                </c:pt>
                <c:pt idx="16074">
                  <c:v>88.7102</c:v>
                </c:pt>
                <c:pt idx="16075">
                  <c:v>90.121499999999997</c:v>
                </c:pt>
                <c:pt idx="16076">
                  <c:v>81.687899999999999</c:v>
                </c:pt>
                <c:pt idx="16077">
                  <c:v>77.115099999999998</c:v>
                </c:pt>
                <c:pt idx="16078">
                  <c:v>80.956699999999998</c:v>
                </c:pt>
                <c:pt idx="16079">
                  <c:v>92.319900000000004</c:v>
                </c:pt>
                <c:pt idx="16080">
                  <c:v>79.263800000000003</c:v>
                </c:pt>
                <c:pt idx="16081">
                  <c:v>86.072299999999998</c:v>
                </c:pt>
                <c:pt idx="16082">
                  <c:v>78.077500000000001</c:v>
                </c:pt>
                <c:pt idx="16083">
                  <c:v>74.488399999999999</c:v>
                </c:pt>
                <c:pt idx="16084">
                  <c:v>88.646299999999997</c:v>
                </c:pt>
                <c:pt idx="16085">
                  <c:v>88.7102</c:v>
                </c:pt>
                <c:pt idx="16086">
                  <c:v>90.121499999999997</c:v>
                </c:pt>
                <c:pt idx="16087">
                  <c:v>81.687899999999999</c:v>
                </c:pt>
                <c:pt idx="16088">
                  <c:v>77.115099999999998</c:v>
                </c:pt>
                <c:pt idx="16089">
                  <c:v>80.956699999999998</c:v>
                </c:pt>
                <c:pt idx="16090">
                  <c:v>92.319900000000004</c:v>
                </c:pt>
                <c:pt idx="16091">
                  <c:v>79.263800000000003</c:v>
                </c:pt>
                <c:pt idx="16092">
                  <c:v>86.072299999999998</c:v>
                </c:pt>
                <c:pt idx="16093">
                  <c:v>78.077500000000001</c:v>
                </c:pt>
                <c:pt idx="16094">
                  <c:v>74.488399999999999</c:v>
                </c:pt>
                <c:pt idx="16095">
                  <c:v>88.646299999999997</c:v>
                </c:pt>
                <c:pt idx="16096">
                  <c:v>88.7102</c:v>
                </c:pt>
                <c:pt idx="16097">
                  <c:v>90.121499999999997</c:v>
                </c:pt>
                <c:pt idx="16098">
                  <c:v>81.687899999999999</c:v>
                </c:pt>
                <c:pt idx="16099">
                  <c:v>77.115099999999998</c:v>
                </c:pt>
                <c:pt idx="16100">
                  <c:v>80.956699999999998</c:v>
                </c:pt>
                <c:pt idx="16101">
                  <c:v>92.319900000000004</c:v>
                </c:pt>
                <c:pt idx="16102">
                  <c:v>79.263800000000003</c:v>
                </c:pt>
                <c:pt idx="16103">
                  <c:v>86.072299999999998</c:v>
                </c:pt>
                <c:pt idx="16104">
                  <c:v>78.077500000000001</c:v>
                </c:pt>
                <c:pt idx="16105">
                  <c:v>74.488399999999999</c:v>
                </c:pt>
                <c:pt idx="16106">
                  <c:v>88.646299999999997</c:v>
                </c:pt>
                <c:pt idx="16107">
                  <c:v>88.7102</c:v>
                </c:pt>
                <c:pt idx="16108">
                  <c:v>90.121499999999997</c:v>
                </c:pt>
                <c:pt idx="16109">
                  <c:v>81.687899999999999</c:v>
                </c:pt>
                <c:pt idx="16110">
                  <c:v>77.115099999999998</c:v>
                </c:pt>
                <c:pt idx="16111">
                  <c:v>80.956699999999998</c:v>
                </c:pt>
                <c:pt idx="16112">
                  <c:v>92.319900000000004</c:v>
                </c:pt>
                <c:pt idx="16113">
                  <c:v>79.263800000000003</c:v>
                </c:pt>
                <c:pt idx="16114">
                  <c:v>86.072299999999998</c:v>
                </c:pt>
                <c:pt idx="16115">
                  <c:v>78.077500000000001</c:v>
                </c:pt>
                <c:pt idx="16116">
                  <c:v>74.488399999999999</c:v>
                </c:pt>
                <c:pt idx="16117">
                  <c:v>88.646299999999997</c:v>
                </c:pt>
                <c:pt idx="16118">
                  <c:v>88.7102</c:v>
                </c:pt>
                <c:pt idx="16119">
                  <c:v>90.121499999999997</c:v>
                </c:pt>
                <c:pt idx="16120">
                  <c:v>81.687899999999999</c:v>
                </c:pt>
                <c:pt idx="16121">
                  <c:v>77.115099999999998</c:v>
                </c:pt>
                <c:pt idx="16122">
                  <c:v>80.956699999999998</c:v>
                </c:pt>
                <c:pt idx="16123">
                  <c:v>92.319900000000004</c:v>
                </c:pt>
                <c:pt idx="16124">
                  <c:v>79.263800000000003</c:v>
                </c:pt>
                <c:pt idx="16125">
                  <c:v>86.072299999999998</c:v>
                </c:pt>
                <c:pt idx="16126">
                  <c:v>78.077500000000001</c:v>
                </c:pt>
                <c:pt idx="16127">
                  <c:v>74.488399999999999</c:v>
                </c:pt>
                <c:pt idx="16128">
                  <c:v>88.646299999999997</c:v>
                </c:pt>
                <c:pt idx="16129">
                  <c:v>88.7102</c:v>
                </c:pt>
                <c:pt idx="16130">
                  <c:v>90.121499999999997</c:v>
                </c:pt>
                <c:pt idx="16131">
                  <c:v>81.687899999999999</c:v>
                </c:pt>
                <c:pt idx="16132">
                  <c:v>77.115099999999998</c:v>
                </c:pt>
                <c:pt idx="16133">
                  <c:v>80.956699999999998</c:v>
                </c:pt>
                <c:pt idx="16134">
                  <c:v>92.319900000000004</c:v>
                </c:pt>
                <c:pt idx="16135">
                  <c:v>79.263800000000003</c:v>
                </c:pt>
                <c:pt idx="16136">
                  <c:v>86.072299999999998</c:v>
                </c:pt>
                <c:pt idx="16137">
                  <c:v>78.077500000000001</c:v>
                </c:pt>
                <c:pt idx="16138">
                  <c:v>74.488399999999999</c:v>
                </c:pt>
                <c:pt idx="16139">
                  <c:v>88.646299999999997</c:v>
                </c:pt>
                <c:pt idx="16140">
                  <c:v>88.7102</c:v>
                </c:pt>
                <c:pt idx="16141">
                  <c:v>90.121499999999997</c:v>
                </c:pt>
                <c:pt idx="16142">
                  <c:v>81.687899999999999</c:v>
                </c:pt>
                <c:pt idx="16143">
                  <c:v>77.115099999999998</c:v>
                </c:pt>
                <c:pt idx="16144">
                  <c:v>80.956699999999998</c:v>
                </c:pt>
                <c:pt idx="16145">
                  <c:v>92.319900000000004</c:v>
                </c:pt>
                <c:pt idx="16146">
                  <c:v>79.263800000000003</c:v>
                </c:pt>
                <c:pt idx="16147">
                  <c:v>86.072299999999998</c:v>
                </c:pt>
                <c:pt idx="16148">
                  <c:v>78.077500000000001</c:v>
                </c:pt>
                <c:pt idx="16149">
                  <c:v>74.488399999999999</c:v>
                </c:pt>
                <c:pt idx="16150">
                  <c:v>88.646299999999997</c:v>
                </c:pt>
                <c:pt idx="16151">
                  <c:v>88.7102</c:v>
                </c:pt>
                <c:pt idx="16152">
                  <c:v>90.121499999999997</c:v>
                </c:pt>
                <c:pt idx="16153">
                  <c:v>81.687899999999999</c:v>
                </c:pt>
                <c:pt idx="16154">
                  <c:v>77.115099999999998</c:v>
                </c:pt>
                <c:pt idx="16155">
                  <c:v>80.956699999999998</c:v>
                </c:pt>
                <c:pt idx="16156">
                  <c:v>92.319900000000004</c:v>
                </c:pt>
                <c:pt idx="16157">
                  <c:v>79.263800000000003</c:v>
                </c:pt>
                <c:pt idx="16158">
                  <c:v>86.072299999999998</c:v>
                </c:pt>
                <c:pt idx="16159">
                  <c:v>78.077500000000001</c:v>
                </c:pt>
                <c:pt idx="16160">
                  <c:v>74.488399999999999</c:v>
                </c:pt>
                <c:pt idx="16161">
                  <c:v>88.646299999999997</c:v>
                </c:pt>
                <c:pt idx="16162">
                  <c:v>88.7102</c:v>
                </c:pt>
                <c:pt idx="16163">
                  <c:v>90.121499999999997</c:v>
                </c:pt>
                <c:pt idx="16164">
                  <c:v>81.687899999999999</c:v>
                </c:pt>
                <c:pt idx="16165">
                  <c:v>77.115099999999998</c:v>
                </c:pt>
                <c:pt idx="16166">
                  <c:v>80.956699999999998</c:v>
                </c:pt>
                <c:pt idx="16167">
                  <c:v>92.319900000000004</c:v>
                </c:pt>
                <c:pt idx="16168">
                  <c:v>79.263800000000003</c:v>
                </c:pt>
                <c:pt idx="16169">
                  <c:v>86.072299999999998</c:v>
                </c:pt>
                <c:pt idx="16170">
                  <c:v>78.077500000000001</c:v>
                </c:pt>
                <c:pt idx="16171">
                  <c:v>74.488399999999999</c:v>
                </c:pt>
                <c:pt idx="16172">
                  <c:v>88.646299999999997</c:v>
                </c:pt>
                <c:pt idx="16173">
                  <c:v>88.7102</c:v>
                </c:pt>
                <c:pt idx="16174">
                  <c:v>90.121499999999997</c:v>
                </c:pt>
                <c:pt idx="16175">
                  <c:v>81.687899999999999</c:v>
                </c:pt>
                <c:pt idx="16176">
                  <c:v>77.115099999999998</c:v>
                </c:pt>
                <c:pt idx="16177">
                  <c:v>80.956699999999998</c:v>
                </c:pt>
                <c:pt idx="16178">
                  <c:v>92.319900000000004</c:v>
                </c:pt>
                <c:pt idx="16179">
                  <c:v>79.263800000000003</c:v>
                </c:pt>
                <c:pt idx="16180">
                  <c:v>86.072299999999998</c:v>
                </c:pt>
                <c:pt idx="16181">
                  <c:v>78.077500000000001</c:v>
                </c:pt>
                <c:pt idx="16182">
                  <c:v>74.488399999999999</c:v>
                </c:pt>
                <c:pt idx="16183">
                  <c:v>88.646299999999997</c:v>
                </c:pt>
                <c:pt idx="16184">
                  <c:v>88.7102</c:v>
                </c:pt>
                <c:pt idx="16185">
                  <c:v>90.121499999999997</c:v>
                </c:pt>
                <c:pt idx="16186">
                  <c:v>81.687899999999999</c:v>
                </c:pt>
                <c:pt idx="16187">
                  <c:v>77.115099999999998</c:v>
                </c:pt>
                <c:pt idx="16188">
                  <c:v>80.956699999999998</c:v>
                </c:pt>
                <c:pt idx="16189">
                  <c:v>92.319900000000004</c:v>
                </c:pt>
                <c:pt idx="16190">
                  <c:v>79.263800000000003</c:v>
                </c:pt>
                <c:pt idx="16191">
                  <c:v>86.072299999999998</c:v>
                </c:pt>
                <c:pt idx="16192">
                  <c:v>78.077500000000001</c:v>
                </c:pt>
                <c:pt idx="16193">
                  <c:v>74.488399999999999</c:v>
                </c:pt>
                <c:pt idx="16194">
                  <c:v>88.646299999999997</c:v>
                </c:pt>
                <c:pt idx="16195">
                  <c:v>88.7102</c:v>
                </c:pt>
                <c:pt idx="16196">
                  <c:v>90.121499999999997</c:v>
                </c:pt>
                <c:pt idx="16197">
                  <c:v>81.687899999999999</c:v>
                </c:pt>
                <c:pt idx="16198">
                  <c:v>77.115099999999998</c:v>
                </c:pt>
                <c:pt idx="16199">
                  <c:v>80.956699999999998</c:v>
                </c:pt>
                <c:pt idx="16200">
                  <c:v>92.319900000000004</c:v>
                </c:pt>
                <c:pt idx="16201">
                  <c:v>79.263800000000003</c:v>
                </c:pt>
                <c:pt idx="16202">
                  <c:v>86.072299999999998</c:v>
                </c:pt>
                <c:pt idx="16203">
                  <c:v>78.077500000000001</c:v>
                </c:pt>
                <c:pt idx="16204">
                  <c:v>74.488399999999999</c:v>
                </c:pt>
                <c:pt idx="16205">
                  <c:v>88.646299999999997</c:v>
                </c:pt>
                <c:pt idx="16206">
                  <c:v>88.7102</c:v>
                </c:pt>
                <c:pt idx="16207">
                  <c:v>90.121499999999997</c:v>
                </c:pt>
                <c:pt idx="16208">
                  <c:v>81.687899999999999</c:v>
                </c:pt>
                <c:pt idx="16209">
                  <c:v>77.115099999999998</c:v>
                </c:pt>
                <c:pt idx="16210">
                  <c:v>80.956699999999998</c:v>
                </c:pt>
                <c:pt idx="16211">
                  <c:v>92.319900000000004</c:v>
                </c:pt>
                <c:pt idx="16212">
                  <c:v>79.263800000000003</c:v>
                </c:pt>
                <c:pt idx="16213">
                  <c:v>86.072299999999998</c:v>
                </c:pt>
                <c:pt idx="16214">
                  <c:v>78.077500000000001</c:v>
                </c:pt>
                <c:pt idx="16215">
                  <c:v>74.488399999999999</c:v>
                </c:pt>
                <c:pt idx="16216">
                  <c:v>88.646299999999997</c:v>
                </c:pt>
                <c:pt idx="16217">
                  <c:v>88.7102</c:v>
                </c:pt>
                <c:pt idx="16218">
                  <c:v>90.121499999999997</c:v>
                </c:pt>
                <c:pt idx="16219">
                  <c:v>81.687899999999999</c:v>
                </c:pt>
                <c:pt idx="16220">
                  <c:v>77.115099999999998</c:v>
                </c:pt>
                <c:pt idx="16221">
                  <c:v>80.956699999999998</c:v>
                </c:pt>
                <c:pt idx="16222">
                  <c:v>92.319900000000004</c:v>
                </c:pt>
                <c:pt idx="16223">
                  <c:v>79.263800000000003</c:v>
                </c:pt>
                <c:pt idx="16224">
                  <c:v>86.072299999999998</c:v>
                </c:pt>
                <c:pt idx="16225">
                  <c:v>78.077500000000001</c:v>
                </c:pt>
                <c:pt idx="16226">
                  <c:v>74.488399999999999</c:v>
                </c:pt>
                <c:pt idx="16227">
                  <c:v>88.646299999999997</c:v>
                </c:pt>
                <c:pt idx="16228">
                  <c:v>88.7102</c:v>
                </c:pt>
                <c:pt idx="16229">
                  <c:v>90.121499999999997</c:v>
                </c:pt>
                <c:pt idx="16230">
                  <c:v>81.687899999999999</c:v>
                </c:pt>
                <c:pt idx="16231">
                  <c:v>77.115099999999998</c:v>
                </c:pt>
                <c:pt idx="16232">
                  <c:v>80.956699999999998</c:v>
                </c:pt>
                <c:pt idx="16233">
                  <c:v>92.319900000000004</c:v>
                </c:pt>
                <c:pt idx="16234">
                  <c:v>79.263800000000003</c:v>
                </c:pt>
                <c:pt idx="16235">
                  <c:v>86.072299999999998</c:v>
                </c:pt>
                <c:pt idx="16236">
                  <c:v>78.077500000000001</c:v>
                </c:pt>
                <c:pt idx="16237">
                  <c:v>74.488399999999999</c:v>
                </c:pt>
                <c:pt idx="16238">
                  <c:v>88.646299999999997</c:v>
                </c:pt>
                <c:pt idx="16239">
                  <c:v>88.7102</c:v>
                </c:pt>
                <c:pt idx="16240">
                  <c:v>90.121499999999997</c:v>
                </c:pt>
                <c:pt idx="16241">
                  <c:v>81.687899999999999</c:v>
                </c:pt>
                <c:pt idx="16242">
                  <c:v>77.115099999999998</c:v>
                </c:pt>
                <c:pt idx="16243">
                  <c:v>80.956699999999998</c:v>
                </c:pt>
                <c:pt idx="16244">
                  <c:v>92.319900000000004</c:v>
                </c:pt>
                <c:pt idx="16245">
                  <c:v>79.263800000000003</c:v>
                </c:pt>
                <c:pt idx="16246">
                  <c:v>86.072299999999998</c:v>
                </c:pt>
                <c:pt idx="16247">
                  <c:v>78.077500000000001</c:v>
                </c:pt>
                <c:pt idx="16248">
                  <c:v>74.488399999999999</c:v>
                </c:pt>
                <c:pt idx="16249">
                  <c:v>88.646299999999997</c:v>
                </c:pt>
                <c:pt idx="16250">
                  <c:v>88.7102</c:v>
                </c:pt>
                <c:pt idx="16251">
                  <c:v>90.121499999999997</c:v>
                </c:pt>
                <c:pt idx="16252">
                  <c:v>81.687899999999999</c:v>
                </c:pt>
                <c:pt idx="16253">
                  <c:v>77.115099999999998</c:v>
                </c:pt>
                <c:pt idx="16254">
                  <c:v>80.956699999999998</c:v>
                </c:pt>
                <c:pt idx="16255">
                  <c:v>92.319900000000004</c:v>
                </c:pt>
                <c:pt idx="16256">
                  <c:v>79.263800000000003</c:v>
                </c:pt>
                <c:pt idx="16257">
                  <c:v>86.072299999999998</c:v>
                </c:pt>
                <c:pt idx="16258">
                  <c:v>78.077500000000001</c:v>
                </c:pt>
                <c:pt idx="16259">
                  <c:v>74.488399999999999</c:v>
                </c:pt>
                <c:pt idx="16260">
                  <c:v>88.646299999999997</c:v>
                </c:pt>
                <c:pt idx="16261">
                  <c:v>88.7102</c:v>
                </c:pt>
                <c:pt idx="16262">
                  <c:v>90.121499999999997</c:v>
                </c:pt>
                <c:pt idx="16263">
                  <c:v>81.687899999999999</c:v>
                </c:pt>
                <c:pt idx="16264">
                  <c:v>77.115099999999998</c:v>
                </c:pt>
                <c:pt idx="16265">
                  <c:v>80.956699999999998</c:v>
                </c:pt>
                <c:pt idx="16266">
                  <c:v>92.319900000000004</c:v>
                </c:pt>
                <c:pt idx="16267">
                  <c:v>79.263800000000003</c:v>
                </c:pt>
                <c:pt idx="16268">
                  <c:v>86.072299999999998</c:v>
                </c:pt>
                <c:pt idx="16269">
                  <c:v>78.077500000000001</c:v>
                </c:pt>
                <c:pt idx="16270">
                  <c:v>74.488399999999999</c:v>
                </c:pt>
                <c:pt idx="16271">
                  <c:v>88.646299999999997</c:v>
                </c:pt>
                <c:pt idx="16272">
                  <c:v>88.7102</c:v>
                </c:pt>
                <c:pt idx="16273">
                  <c:v>90.121499999999997</c:v>
                </c:pt>
                <c:pt idx="16274">
                  <c:v>81.687899999999999</c:v>
                </c:pt>
                <c:pt idx="16275">
                  <c:v>77.115099999999998</c:v>
                </c:pt>
                <c:pt idx="16276">
                  <c:v>80.956699999999998</c:v>
                </c:pt>
                <c:pt idx="16277">
                  <c:v>92.319900000000004</c:v>
                </c:pt>
                <c:pt idx="16278">
                  <c:v>79.263800000000003</c:v>
                </c:pt>
                <c:pt idx="16279">
                  <c:v>86.072299999999998</c:v>
                </c:pt>
                <c:pt idx="16280">
                  <c:v>78.077500000000001</c:v>
                </c:pt>
                <c:pt idx="16281">
                  <c:v>74.488399999999999</c:v>
                </c:pt>
                <c:pt idx="16282">
                  <c:v>88.646299999999997</c:v>
                </c:pt>
                <c:pt idx="16283">
                  <c:v>88.7102</c:v>
                </c:pt>
                <c:pt idx="16284">
                  <c:v>90.121499999999997</c:v>
                </c:pt>
                <c:pt idx="16285">
                  <c:v>81.687899999999999</c:v>
                </c:pt>
                <c:pt idx="16286">
                  <c:v>77.115099999999998</c:v>
                </c:pt>
                <c:pt idx="16287">
                  <c:v>80.956699999999998</c:v>
                </c:pt>
                <c:pt idx="16288">
                  <c:v>92.319900000000004</c:v>
                </c:pt>
                <c:pt idx="16289">
                  <c:v>79.263800000000003</c:v>
                </c:pt>
                <c:pt idx="16290">
                  <c:v>86.072299999999998</c:v>
                </c:pt>
                <c:pt idx="16291">
                  <c:v>78.077500000000001</c:v>
                </c:pt>
                <c:pt idx="16292">
                  <c:v>74.488399999999999</c:v>
                </c:pt>
                <c:pt idx="16293">
                  <c:v>88.646299999999997</c:v>
                </c:pt>
                <c:pt idx="16294">
                  <c:v>88.7102</c:v>
                </c:pt>
                <c:pt idx="16295">
                  <c:v>90.121499999999997</c:v>
                </c:pt>
                <c:pt idx="16296">
                  <c:v>81.687899999999999</c:v>
                </c:pt>
                <c:pt idx="16297">
                  <c:v>77.115099999999998</c:v>
                </c:pt>
                <c:pt idx="16298">
                  <c:v>80.956699999999998</c:v>
                </c:pt>
                <c:pt idx="16299">
                  <c:v>92.319900000000004</c:v>
                </c:pt>
                <c:pt idx="16300">
                  <c:v>79.263800000000003</c:v>
                </c:pt>
                <c:pt idx="16301">
                  <c:v>86.072299999999998</c:v>
                </c:pt>
                <c:pt idx="16302">
                  <c:v>78.077500000000001</c:v>
                </c:pt>
                <c:pt idx="16303">
                  <c:v>74.488399999999999</c:v>
                </c:pt>
                <c:pt idx="16304">
                  <c:v>88.646299999999997</c:v>
                </c:pt>
                <c:pt idx="16305">
                  <c:v>88.7102</c:v>
                </c:pt>
                <c:pt idx="16306">
                  <c:v>90.121499999999997</c:v>
                </c:pt>
                <c:pt idx="16307">
                  <c:v>81.687899999999999</c:v>
                </c:pt>
                <c:pt idx="16308">
                  <c:v>77.115099999999998</c:v>
                </c:pt>
                <c:pt idx="16309">
                  <c:v>80.956699999999998</c:v>
                </c:pt>
                <c:pt idx="16310">
                  <c:v>92.319900000000004</c:v>
                </c:pt>
                <c:pt idx="16311">
                  <c:v>79.263800000000003</c:v>
                </c:pt>
                <c:pt idx="16312">
                  <c:v>86.072299999999998</c:v>
                </c:pt>
                <c:pt idx="16313">
                  <c:v>78.077500000000001</c:v>
                </c:pt>
                <c:pt idx="16314">
                  <c:v>74.488399999999999</c:v>
                </c:pt>
                <c:pt idx="16315">
                  <c:v>88.646299999999997</c:v>
                </c:pt>
                <c:pt idx="16316">
                  <c:v>88.7102</c:v>
                </c:pt>
                <c:pt idx="16317">
                  <c:v>90.121499999999997</c:v>
                </c:pt>
                <c:pt idx="16318">
                  <c:v>81.687899999999999</c:v>
                </c:pt>
                <c:pt idx="16319">
                  <c:v>77.115099999999998</c:v>
                </c:pt>
                <c:pt idx="16320">
                  <c:v>80.956699999999998</c:v>
                </c:pt>
                <c:pt idx="16321">
                  <c:v>92.319900000000004</c:v>
                </c:pt>
                <c:pt idx="16322">
                  <c:v>79.263800000000003</c:v>
                </c:pt>
                <c:pt idx="16323">
                  <c:v>86.072299999999998</c:v>
                </c:pt>
                <c:pt idx="16324">
                  <c:v>78.077500000000001</c:v>
                </c:pt>
                <c:pt idx="16325">
                  <c:v>74.488399999999999</c:v>
                </c:pt>
                <c:pt idx="16326">
                  <c:v>88.646299999999997</c:v>
                </c:pt>
                <c:pt idx="16327">
                  <c:v>88.7102</c:v>
                </c:pt>
                <c:pt idx="16328">
                  <c:v>90.121499999999997</c:v>
                </c:pt>
                <c:pt idx="16329">
                  <c:v>81.687899999999999</c:v>
                </c:pt>
                <c:pt idx="16330">
                  <c:v>77.115099999999998</c:v>
                </c:pt>
                <c:pt idx="16331">
                  <c:v>80.956699999999998</c:v>
                </c:pt>
                <c:pt idx="16332">
                  <c:v>92.319900000000004</c:v>
                </c:pt>
                <c:pt idx="16333">
                  <c:v>79.263800000000003</c:v>
                </c:pt>
                <c:pt idx="16334">
                  <c:v>86.072299999999998</c:v>
                </c:pt>
                <c:pt idx="16335">
                  <c:v>78.077500000000001</c:v>
                </c:pt>
                <c:pt idx="16336">
                  <c:v>74.488399999999999</c:v>
                </c:pt>
                <c:pt idx="16337">
                  <c:v>88.646299999999997</c:v>
                </c:pt>
                <c:pt idx="16338">
                  <c:v>88.7102</c:v>
                </c:pt>
                <c:pt idx="16339">
                  <c:v>90.121499999999997</c:v>
                </c:pt>
                <c:pt idx="16340">
                  <c:v>81.687899999999999</c:v>
                </c:pt>
                <c:pt idx="16341">
                  <c:v>77.115099999999998</c:v>
                </c:pt>
                <c:pt idx="16342">
                  <c:v>80.956699999999998</c:v>
                </c:pt>
                <c:pt idx="16343">
                  <c:v>92.319900000000004</c:v>
                </c:pt>
                <c:pt idx="16344">
                  <c:v>79.263800000000003</c:v>
                </c:pt>
                <c:pt idx="16345">
                  <c:v>86.072299999999998</c:v>
                </c:pt>
                <c:pt idx="16346">
                  <c:v>78.077500000000001</c:v>
                </c:pt>
                <c:pt idx="16347">
                  <c:v>74.488399999999999</c:v>
                </c:pt>
                <c:pt idx="16348">
                  <c:v>88.646299999999997</c:v>
                </c:pt>
                <c:pt idx="16349">
                  <c:v>88.7102</c:v>
                </c:pt>
                <c:pt idx="16350">
                  <c:v>90.121499999999997</c:v>
                </c:pt>
                <c:pt idx="16351">
                  <c:v>81.687899999999999</c:v>
                </c:pt>
                <c:pt idx="16352">
                  <c:v>77.115099999999998</c:v>
                </c:pt>
                <c:pt idx="16353">
                  <c:v>80.956699999999998</c:v>
                </c:pt>
                <c:pt idx="16354">
                  <c:v>92.319900000000004</c:v>
                </c:pt>
                <c:pt idx="16355">
                  <c:v>79.263800000000003</c:v>
                </c:pt>
                <c:pt idx="16356">
                  <c:v>86.072299999999998</c:v>
                </c:pt>
                <c:pt idx="16357">
                  <c:v>78.077500000000001</c:v>
                </c:pt>
                <c:pt idx="16358">
                  <c:v>74.488399999999999</c:v>
                </c:pt>
                <c:pt idx="16359">
                  <c:v>88.646299999999997</c:v>
                </c:pt>
                <c:pt idx="16360">
                  <c:v>88.7102</c:v>
                </c:pt>
                <c:pt idx="16361">
                  <c:v>90.121499999999997</c:v>
                </c:pt>
                <c:pt idx="16362">
                  <c:v>81.687899999999999</c:v>
                </c:pt>
                <c:pt idx="16363">
                  <c:v>77.115099999999998</c:v>
                </c:pt>
                <c:pt idx="16364">
                  <c:v>80.956699999999998</c:v>
                </c:pt>
                <c:pt idx="16365">
                  <c:v>92.319900000000004</c:v>
                </c:pt>
                <c:pt idx="16366">
                  <c:v>79.263800000000003</c:v>
                </c:pt>
                <c:pt idx="16367">
                  <c:v>86.072299999999998</c:v>
                </c:pt>
                <c:pt idx="16368">
                  <c:v>78.077500000000001</c:v>
                </c:pt>
                <c:pt idx="16369">
                  <c:v>74.488399999999999</c:v>
                </c:pt>
                <c:pt idx="16370">
                  <c:v>88.646299999999997</c:v>
                </c:pt>
                <c:pt idx="16371">
                  <c:v>88.7102</c:v>
                </c:pt>
                <c:pt idx="16372">
                  <c:v>90.121499999999997</c:v>
                </c:pt>
                <c:pt idx="16373">
                  <c:v>81.687899999999999</c:v>
                </c:pt>
                <c:pt idx="16374">
                  <c:v>77.115099999999998</c:v>
                </c:pt>
                <c:pt idx="16375">
                  <c:v>80.956699999999998</c:v>
                </c:pt>
                <c:pt idx="16376">
                  <c:v>92.319900000000004</c:v>
                </c:pt>
                <c:pt idx="16377">
                  <c:v>79.263800000000003</c:v>
                </c:pt>
                <c:pt idx="16378">
                  <c:v>86.072299999999998</c:v>
                </c:pt>
                <c:pt idx="16379">
                  <c:v>78.077500000000001</c:v>
                </c:pt>
                <c:pt idx="16380">
                  <c:v>74.488399999999999</c:v>
                </c:pt>
                <c:pt idx="16381">
                  <c:v>88.646299999999997</c:v>
                </c:pt>
                <c:pt idx="16382">
                  <c:v>88.7102</c:v>
                </c:pt>
                <c:pt idx="16383">
                  <c:v>90.121499999999997</c:v>
                </c:pt>
                <c:pt idx="16384">
                  <c:v>81.687899999999999</c:v>
                </c:pt>
                <c:pt idx="16385">
                  <c:v>77.115099999999998</c:v>
                </c:pt>
                <c:pt idx="16386">
                  <c:v>80.956699999999998</c:v>
                </c:pt>
                <c:pt idx="16387">
                  <c:v>92.319900000000004</c:v>
                </c:pt>
                <c:pt idx="16388">
                  <c:v>79.263800000000003</c:v>
                </c:pt>
                <c:pt idx="16389">
                  <c:v>86.072299999999998</c:v>
                </c:pt>
                <c:pt idx="16390">
                  <c:v>78.077500000000001</c:v>
                </c:pt>
                <c:pt idx="16391">
                  <c:v>74.488399999999999</c:v>
                </c:pt>
                <c:pt idx="16392">
                  <c:v>88.646299999999997</c:v>
                </c:pt>
                <c:pt idx="16393">
                  <c:v>88.7102</c:v>
                </c:pt>
                <c:pt idx="16394">
                  <c:v>90.121499999999997</c:v>
                </c:pt>
                <c:pt idx="16395">
                  <c:v>81.687899999999999</c:v>
                </c:pt>
                <c:pt idx="16396">
                  <c:v>77.115099999999998</c:v>
                </c:pt>
                <c:pt idx="16397">
                  <c:v>80.956699999999998</c:v>
                </c:pt>
                <c:pt idx="16398">
                  <c:v>92.319900000000004</c:v>
                </c:pt>
                <c:pt idx="16399">
                  <c:v>79.263800000000003</c:v>
                </c:pt>
                <c:pt idx="16400">
                  <c:v>86.072299999999998</c:v>
                </c:pt>
                <c:pt idx="16401">
                  <c:v>78.077500000000001</c:v>
                </c:pt>
                <c:pt idx="16402">
                  <c:v>74.488399999999999</c:v>
                </c:pt>
                <c:pt idx="16403">
                  <c:v>88.646299999999997</c:v>
                </c:pt>
                <c:pt idx="16404">
                  <c:v>88.7102</c:v>
                </c:pt>
                <c:pt idx="16405">
                  <c:v>90.121499999999997</c:v>
                </c:pt>
                <c:pt idx="16406">
                  <c:v>81.687899999999999</c:v>
                </c:pt>
                <c:pt idx="16407">
                  <c:v>77.115099999999998</c:v>
                </c:pt>
                <c:pt idx="16408">
                  <c:v>80.956699999999998</c:v>
                </c:pt>
                <c:pt idx="16409">
                  <c:v>92.319900000000004</c:v>
                </c:pt>
                <c:pt idx="16410">
                  <c:v>79.263800000000003</c:v>
                </c:pt>
                <c:pt idx="16411">
                  <c:v>86.072299999999998</c:v>
                </c:pt>
                <c:pt idx="16412">
                  <c:v>78.077500000000001</c:v>
                </c:pt>
                <c:pt idx="16413">
                  <c:v>74.488399999999999</c:v>
                </c:pt>
                <c:pt idx="16414">
                  <c:v>88.646299999999997</c:v>
                </c:pt>
                <c:pt idx="16415">
                  <c:v>88.7102</c:v>
                </c:pt>
                <c:pt idx="16416">
                  <c:v>90.121499999999997</c:v>
                </c:pt>
                <c:pt idx="16417">
                  <c:v>81.687899999999999</c:v>
                </c:pt>
                <c:pt idx="16418">
                  <c:v>77.115099999999998</c:v>
                </c:pt>
                <c:pt idx="16419">
                  <c:v>80.956699999999998</c:v>
                </c:pt>
                <c:pt idx="16420">
                  <c:v>92.319900000000004</c:v>
                </c:pt>
                <c:pt idx="16421">
                  <c:v>79.263800000000003</c:v>
                </c:pt>
                <c:pt idx="16422">
                  <c:v>86.072299999999998</c:v>
                </c:pt>
                <c:pt idx="16423">
                  <c:v>78.077500000000001</c:v>
                </c:pt>
                <c:pt idx="16424">
                  <c:v>74.488399999999999</c:v>
                </c:pt>
                <c:pt idx="16425">
                  <c:v>88.646299999999997</c:v>
                </c:pt>
                <c:pt idx="16426">
                  <c:v>88.7102</c:v>
                </c:pt>
                <c:pt idx="16427">
                  <c:v>90.121499999999997</c:v>
                </c:pt>
                <c:pt idx="16428">
                  <c:v>81.687899999999999</c:v>
                </c:pt>
                <c:pt idx="16429">
                  <c:v>77.115099999999998</c:v>
                </c:pt>
                <c:pt idx="16430">
                  <c:v>80.956699999999998</c:v>
                </c:pt>
                <c:pt idx="16431">
                  <c:v>92.319900000000004</c:v>
                </c:pt>
                <c:pt idx="16432">
                  <c:v>79.263800000000003</c:v>
                </c:pt>
                <c:pt idx="16433">
                  <c:v>86.072299999999998</c:v>
                </c:pt>
                <c:pt idx="16434">
                  <c:v>78.077500000000001</c:v>
                </c:pt>
                <c:pt idx="16435">
                  <c:v>74.488399999999999</c:v>
                </c:pt>
                <c:pt idx="16436">
                  <c:v>88.646299999999997</c:v>
                </c:pt>
                <c:pt idx="16437">
                  <c:v>88.7102</c:v>
                </c:pt>
                <c:pt idx="16438">
                  <c:v>90.121499999999997</c:v>
                </c:pt>
                <c:pt idx="16439">
                  <c:v>81.687899999999999</c:v>
                </c:pt>
                <c:pt idx="16440">
                  <c:v>77.115099999999998</c:v>
                </c:pt>
                <c:pt idx="16441">
                  <c:v>80.956699999999998</c:v>
                </c:pt>
                <c:pt idx="16442">
                  <c:v>92.319900000000004</c:v>
                </c:pt>
                <c:pt idx="16443">
                  <c:v>79.263800000000003</c:v>
                </c:pt>
                <c:pt idx="16444">
                  <c:v>86.072299999999998</c:v>
                </c:pt>
                <c:pt idx="16445">
                  <c:v>78.077500000000001</c:v>
                </c:pt>
                <c:pt idx="16446">
                  <c:v>74.488399999999999</c:v>
                </c:pt>
                <c:pt idx="16447">
                  <c:v>88.646299999999997</c:v>
                </c:pt>
                <c:pt idx="16448">
                  <c:v>88.7102</c:v>
                </c:pt>
                <c:pt idx="16449">
                  <c:v>90.121499999999997</c:v>
                </c:pt>
                <c:pt idx="16450">
                  <c:v>81.687899999999999</c:v>
                </c:pt>
                <c:pt idx="16451">
                  <c:v>77.115099999999998</c:v>
                </c:pt>
                <c:pt idx="16452">
                  <c:v>80.956699999999998</c:v>
                </c:pt>
                <c:pt idx="16453">
                  <c:v>92.319900000000004</c:v>
                </c:pt>
                <c:pt idx="16454">
                  <c:v>79.263800000000003</c:v>
                </c:pt>
                <c:pt idx="16455">
                  <c:v>86.072299999999998</c:v>
                </c:pt>
                <c:pt idx="16456">
                  <c:v>78.077500000000001</c:v>
                </c:pt>
                <c:pt idx="16457">
                  <c:v>74.488399999999999</c:v>
                </c:pt>
                <c:pt idx="16458">
                  <c:v>88.646299999999997</c:v>
                </c:pt>
                <c:pt idx="16459">
                  <c:v>88.7102</c:v>
                </c:pt>
                <c:pt idx="16460">
                  <c:v>90.121499999999997</c:v>
                </c:pt>
                <c:pt idx="16461">
                  <c:v>81.687899999999999</c:v>
                </c:pt>
                <c:pt idx="16462">
                  <c:v>77.115099999999998</c:v>
                </c:pt>
                <c:pt idx="16463">
                  <c:v>80.956699999999998</c:v>
                </c:pt>
                <c:pt idx="16464">
                  <c:v>92.319900000000004</c:v>
                </c:pt>
                <c:pt idx="16465">
                  <c:v>79.263800000000003</c:v>
                </c:pt>
                <c:pt idx="16466">
                  <c:v>86.072299999999998</c:v>
                </c:pt>
                <c:pt idx="16467">
                  <c:v>78.077500000000001</c:v>
                </c:pt>
                <c:pt idx="16468">
                  <c:v>74.488399999999999</c:v>
                </c:pt>
                <c:pt idx="16469">
                  <c:v>88.646299999999997</c:v>
                </c:pt>
                <c:pt idx="16470">
                  <c:v>88.7102</c:v>
                </c:pt>
                <c:pt idx="16471">
                  <c:v>90.121499999999997</c:v>
                </c:pt>
                <c:pt idx="16472">
                  <c:v>81.687899999999999</c:v>
                </c:pt>
                <c:pt idx="16473">
                  <c:v>77.115099999999998</c:v>
                </c:pt>
                <c:pt idx="16474">
                  <c:v>80.956699999999998</c:v>
                </c:pt>
                <c:pt idx="16475">
                  <c:v>92.319900000000004</c:v>
                </c:pt>
                <c:pt idx="16476">
                  <c:v>79.263800000000003</c:v>
                </c:pt>
                <c:pt idx="16477">
                  <c:v>86.072299999999998</c:v>
                </c:pt>
                <c:pt idx="16478">
                  <c:v>78.077500000000001</c:v>
                </c:pt>
                <c:pt idx="16479">
                  <c:v>74.488399999999999</c:v>
                </c:pt>
                <c:pt idx="16480">
                  <c:v>88.646299999999997</c:v>
                </c:pt>
                <c:pt idx="16481">
                  <c:v>88.7102</c:v>
                </c:pt>
                <c:pt idx="16482">
                  <c:v>90.121499999999997</c:v>
                </c:pt>
                <c:pt idx="16483">
                  <c:v>81.687899999999999</c:v>
                </c:pt>
                <c:pt idx="16484">
                  <c:v>77.115099999999998</c:v>
                </c:pt>
                <c:pt idx="16485">
                  <c:v>80.956699999999998</c:v>
                </c:pt>
                <c:pt idx="16486">
                  <c:v>92.319900000000004</c:v>
                </c:pt>
                <c:pt idx="16487">
                  <c:v>79.263800000000003</c:v>
                </c:pt>
                <c:pt idx="16488">
                  <c:v>86.072299999999998</c:v>
                </c:pt>
                <c:pt idx="16489">
                  <c:v>78.077500000000001</c:v>
                </c:pt>
                <c:pt idx="16490">
                  <c:v>74.488399999999999</c:v>
                </c:pt>
                <c:pt idx="16491">
                  <c:v>88.646299999999997</c:v>
                </c:pt>
                <c:pt idx="16492">
                  <c:v>88.7102</c:v>
                </c:pt>
                <c:pt idx="16493">
                  <c:v>90.121499999999997</c:v>
                </c:pt>
                <c:pt idx="16494">
                  <c:v>81.687899999999999</c:v>
                </c:pt>
                <c:pt idx="16495">
                  <c:v>77.115099999999998</c:v>
                </c:pt>
                <c:pt idx="16496">
                  <c:v>80.956699999999998</c:v>
                </c:pt>
                <c:pt idx="16497">
                  <c:v>92.319900000000004</c:v>
                </c:pt>
                <c:pt idx="16498">
                  <c:v>79.263800000000003</c:v>
                </c:pt>
                <c:pt idx="16499">
                  <c:v>86.072299999999998</c:v>
                </c:pt>
                <c:pt idx="16500">
                  <c:v>78.077500000000001</c:v>
                </c:pt>
                <c:pt idx="16501">
                  <c:v>74.488399999999999</c:v>
                </c:pt>
                <c:pt idx="16502">
                  <c:v>88.646299999999997</c:v>
                </c:pt>
                <c:pt idx="16503">
                  <c:v>88.7102</c:v>
                </c:pt>
                <c:pt idx="16504">
                  <c:v>90.121499999999997</c:v>
                </c:pt>
                <c:pt idx="16505">
                  <c:v>81.687899999999999</c:v>
                </c:pt>
                <c:pt idx="16506">
                  <c:v>77.115099999999998</c:v>
                </c:pt>
                <c:pt idx="16507">
                  <c:v>80.956699999999998</c:v>
                </c:pt>
                <c:pt idx="16508">
                  <c:v>92.319900000000004</c:v>
                </c:pt>
                <c:pt idx="16509">
                  <c:v>79.263800000000003</c:v>
                </c:pt>
                <c:pt idx="16510">
                  <c:v>86.072299999999998</c:v>
                </c:pt>
                <c:pt idx="16511">
                  <c:v>78.077500000000001</c:v>
                </c:pt>
                <c:pt idx="16512">
                  <c:v>74.488399999999999</c:v>
                </c:pt>
                <c:pt idx="16513">
                  <c:v>88.646299999999997</c:v>
                </c:pt>
                <c:pt idx="16514">
                  <c:v>88.7102</c:v>
                </c:pt>
                <c:pt idx="16515">
                  <c:v>90.121499999999997</c:v>
                </c:pt>
                <c:pt idx="16516">
                  <c:v>81.687899999999999</c:v>
                </c:pt>
                <c:pt idx="16517">
                  <c:v>77.115099999999998</c:v>
                </c:pt>
                <c:pt idx="16518">
                  <c:v>80.956699999999998</c:v>
                </c:pt>
                <c:pt idx="16519">
                  <c:v>92.319900000000004</c:v>
                </c:pt>
                <c:pt idx="16520">
                  <c:v>79.263800000000003</c:v>
                </c:pt>
                <c:pt idx="16521">
                  <c:v>86.072299999999998</c:v>
                </c:pt>
                <c:pt idx="16522">
                  <c:v>78.077500000000001</c:v>
                </c:pt>
                <c:pt idx="16523">
                  <c:v>74.488399999999999</c:v>
                </c:pt>
                <c:pt idx="16524">
                  <c:v>88.646299999999997</c:v>
                </c:pt>
                <c:pt idx="16525">
                  <c:v>88.7102</c:v>
                </c:pt>
                <c:pt idx="16526">
                  <c:v>90.121499999999997</c:v>
                </c:pt>
                <c:pt idx="16527">
                  <c:v>81.687899999999999</c:v>
                </c:pt>
                <c:pt idx="16528">
                  <c:v>77.115099999999998</c:v>
                </c:pt>
                <c:pt idx="16529">
                  <c:v>80.956699999999998</c:v>
                </c:pt>
                <c:pt idx="16530">
                  <c:v>92.319900000000004</c:v>
                </c:pt>
                <c:pt idx="16531">
                  <c:v>79.263800000000003</c:v>
                </c:pt>
                <c:pt idx="16532">
                  <c:v>86.072299999999998</c:v>
                </c:pt>
                <c:pt idx="16533">
                  <c:v>78.077500000000001</c:v>
                </c:pt>
                <c:pt idx="16534">
                  <c:v>74.488399999999999</c:v>
                </c:pt>
                <c:pt idx="16535">
                  <c:v>88.646299999999997</c:v>
                </c:pt>
                <c:pt idx="16536">
                  <c:v>88.7102</c:v>
                </c:pt>
                <c:pt idx="16537">
                  <c:v>90.121499999999997</c:v>
                </c:pt>
                <c:pt idx="16538">
                  <c:v>81.687899999999999</c:v>
                </c:pt>
                <c:pt idx="16539">
                  <c:v>77.115099999999998</c:v>
                </c:pt>
                <c:pt idx="16540">
                  <c:v>80.956699999999998</c:v>
                </c:pt>
                <c:pt idx="16541">
                  <c:v>92.319900000000004</c:v>
                </c:pt>
                <c:pt idx="16542">
                  <c:v>79.263800000000003</c:v>
                </c:pt>
                <c:pt idx="16543">
                  <c:v>86.072299999999998</c:v>
                </c:pt>
                <c:pt idx="16544">
                  <c:v>78.077500000000001</c:v>
                </c:pt>
                <c:pt idx="16545">
                  <c:v>74.488399999999999</c:v>
                </c:pt>
                <c:pt idx="16546">
                  <c:v>88.646299999999997</c:v>
                </c:pt>
                <c:pt idx="16547">
                  <c:v>88.7102</c:v>
                </c:pt>
                <c:pt idx="16548">
                  <c:v>90.121499999999997</c:v>
                </c:pt>
                <c:pt idx="16549">
                  <c:v>81.687899999999999</c:v>
                </c:pt>
                <c:pt idx="16550">
                  <c:v>77.115099999999998</c:v>
                </c:pt>
                <c:pt idx="16551">
                  <c:v>80.956699999999998</c:v>
                </c:pt>
                <c:pt idx="16552">
                  <c:v>92.319900000000004</c:v>
                </c:pt>
                <c:pt idx="16553">
                  <c:v>79.263800000000003</c:v>
                </c:pt>
                <c:pt idx="16554">
                  <c:v>86.072299999999998</c:v>
                </c:pt>
                <c:pt idx="16555">
                  <c:v>78.077500000000001</c:v>
                </c:pt>
                <c:pt idx="16556">
                  <c:v>74.488399999999999</c:v>
                </c:pt>
                <c:pt idx="16557">
                  <c:v>88.646299999999997</c:v>
                </c:pt>
                <c:pt idx="16558">
                  <c:v>88.7102</c:v>
                </c:pt>
                <c:pt idx="16559">
                  <c:v>90.121499999999997</c:v>
                </c:pt>
                <c:pt idx="16560">
                  <c:v>81.687899999999999</c:v>
                </c:pt>
                <c:pt idx="16561">
                  <c:v>77.115099999999998</c:v>
                </c:pt>
                <c:pt idx="16562">
                  <c:v>80.956699999999998</c:v>
                </c:pt>
                <c:pt idx="16563">
                  <c:v>92.319900000000004</c:v>
                </c:pt>
                <c:pt idx="16564">
                  <c:v>79.263800000000003</c:v>
                </c:pt>
                <c:pt idx="16565">
                  <c:v>86.072299999999998</c:v>
                </c:pt>
                <c:pt idx="16566">
                  <c:v>78.077500000000001</c:v>
                </c:pt>
                <c:pt idx="16567">
                  <c:v>74.488399999999999</c:v>
                </c:pt>
                <c:pt idx="16568">
                  <c:v>88.646299999999997</c:v>
                </c:pt>
                <c:pt idx="16569">
                  <c:v>88.7102</c:v>
                </c:pt>
                <c:pt idx="16570">
                  <c:v>90.121499999999997</c:v>
                </c:pt>
                <c:pt idx="16571">
                  <c:v>81.687899999999999</c:v>
                </c:pt>
                <c:pt idx="16572">
                  <c:v>77.115099999999998</c:v>
                </c:pt>
                <c:pt idx="16573">
                  <c:v>80.956699999999998</c:v>
                </c:pt>
                <c:pt idx="16574">
                  <c:v>92.319900000000004</c:v>
                </c:pt>
                <c:pt idx="16575">
                  <c:v>79.263800000000003</c:v>
                </c:pt>
                <c:pt idx="16576">
                  <c:v>86.072299999999998</c:v>
                </c:pt>
                <c:pt idx="16577">
                  <c:v>78.077500000000001</c:v>
                </c:pt>
                <c:pt idx="16578">
                  <c:v>74.488399999999999</c:v>
                </c:pt>
                <c:pt idx="16579">
                  <c:v>88.646299999999997</c:v>
                </c:pt>
                <c:pt idx="16580">
                  <c:v>88.7102</c:v>
                </c:pt>
                <c:pt idx="16581">
                  <c:v>90.121499999999997</c:v>
                </c:pt>
                <c:pt idx="16582">
                  <c:v>81.687899999999999</c:v>
                </c:pt>
                <c:pt idx="16583">
                  <c:v>77.115099999999998</c:v>
                </c:pt>
                <c:pt idx="16584">
                  <c:v>80.956699999999998</c:v>
                </c:pt>
                <c:pt idx="16585">
                  <c:v>92.319900000000004</c:v>
                </c:pt>
                <c:pt idx="16586">
                  <c:v>79.263800000000003</c:v>
                </c:pt>
                <c:pt idx="16587">
                  <c:v>86.072299999999998</c:v>
                </c:pt>
                <c:pt idx="16588">
                  <c:v>78.077500000000001</c:v>
                </c:pt>
                <c:pt idx="16589">
                  <c:v>74.488399999999999</c:v>
                </c:pt>
                <c:pt idx="16590">
                  <c:v>88.646299999999997</c:v>
                </c:pt>
                <c:pt idx="16591">
                  <c:v>88.7102</c:v>
                </c:pt>
                <c:pt idx="16592">
                  <c:v>90.121499999999997</c:v>
                </c:pt>
                <c:pt idx="16593">
                  <c:v>81.687899999999999</c:v>
                </c:pt>
                <c:pt idx="16594">
                  <c:v>77.115099999999998</c:v>
                </c:pt>
                <c:pt idx="16595">
                  <c:v>80.956699999999998</c:v>
                </c:pt>
                <c:pt idx="16596">
                  <c:v>92.319900000000004</c:v>
                </c:pt>
                <c:pt idx="16597">
                  <c:v>79.263800000000003</c:v>
                </c:pt>
                <c:pt idx="16598">
                  <c:v>86.072299999999998</c:v>
                </c:pt>
                <c:pt idx="16599">
                  <c:v>78.077500000000001</c:v>
                </c:pt>
                <c:pt idx="16600">
                  <c:v>74.488399999999999</c:v>
                </c:pt>
                <c:pt idx="16601">
                  <c:v>88.646299999999997</c:v>
                </c:pt>
                <c:pt idx="16602">
                  <c:v>88.7102</c:v>
                </c:pt>
                <c:pt idx="16603">
                  <c:v>90.121499999999997</c:v>
                </c:pt>
                <c:pt idx="16604">
                  <c:v>81.687899999999999</c:v>
                </c:pt>
                <c:pt idx="16605">
                  <c:v>77.115099999999998</c:v>
                </c:pt>
                <c:pt idx="16606">
                  <c:v>80.956699999999998</c:v>
                </c:pt>
                <c:pt idx="16607">
                  <c:v>92.319900000000004</c:v>
                </c:pt>
                <c:pt idx="16608">
                  <c:v>79.263800000000003</c:v>
                </c:pt>
                <c:pt idx="16609">
                  <c:v>86.072299999999998</c:v>
                </c:pt>
                <c:pt idx="16610">
                  <c:v>78.077500000000001</c:v>
                </c:pt>
                <c:pt idx="16611">
                  <c:v>74.488399999999999</c:v>
                </c:pt>
                <c:pt idx="16612">
                  <c:v>88.646299999999997</c:v>
                </c:pt>
                <c:pt idx="16613">
                  <c:v>88.7102</c:v>
                </c:pt>
                <c:pt idx="16614">
                  <c:v>90.121499999999997</c:v>
                </c:pt>
                <c:pt idx="16615">
                  <c:v>81.687899999999999</c:v>
                </c:pt>
                <c:pt idx="16616">
                  <c:v>77.115099999999998</c:v>
                </c:pt>
                <c:pt idx="16617">
                  <c:v>80.956699999999998</c:v>
                </c:pt>
                <c:pt idx="16618">
                  <c:v>92.319900000000004</c:v>
                </c:pt>
                <c:pt idx="16619">
                  <c:v>79.263800000000003</c:v>
                </c:pt>
                <c:pt idx="16620">
                  <c:v>86.072299999999998</c:v>
                </c:pt>
                <c:pt idx="16621">
                  <c:v>78.077500000000001</c:v>
                </c:pt>
                <c:pt idx="16622">
                  <c:v>74.488399999999999</c:v>
                </c:pt>
                <c:pt idx="16623">
                  <c:v>88.646299999999997</c:v>
                </c:pt>
                <c:pt idx="16624">
                  <c:v>88.7102</c:v>
                </c:pt>
                <c:pt idx="16625">
                  <c:v>90.121499999999997</c:v>
                </c:pt>
                <c:pt idx="16626">
                  <c:v>81.687899999999999</c:v>
                </c:pt>
                <c:pt idx="16627">
                  <c:v>77.115099999999998</c:v>
                </c:pt>
                <c:pt idx="16628">
                  <c:v>80.956699999999998</c:v>
                </c:pt>
                <c:pt idx="16629">
                  <c:v>92.319900000000004</c:v>
                </c:pt>
                <c:pt idx="16630">
                  <c:v>79.263800000000003</c:v>
                </c:pt>
                <c:pt idx="16631">
                  <c:v>86.072299999999998</c:v>
                </c:pt>
                <c:pt idx="16632">
                  <c:v>78.077500000000001</c:v>
                </c:pt>
                <c:pt idx="16633">
                  <c:v>74.488399999999999</c:v>
                </c:pt>
                <c:pt idx="16634">
                  <c:v>88.646299999999997</c:v>
                </c:pt>
                <c:pt idx="16635">
                  <c:v>88.7102</c:v>
                </c:pt>
                <c:pt idx="16636">
                  <c:v>90.121499999999997</c:v>
                </c:pt>
                <c:pt idx="16637">
                  <c:v>81.687899999999999</c:v>
                </c:pt>
                <c:pt idx="16638">
                  <c:v>77.115099999999998</c:v>
                </c:pt>
                <c:pt idx="16639">
                  <c:v>80.956699999999998</c:v>
                </c:pt>
                <c:pt idx="16640">
                  <c:v>92.319900000000004</c:v>
                </c:pt>
                <c:pt idx="16641">
                  <c:v>79.263800000000003</c:v>
                </c:pt>
                <c:pt idx="16642">
                  <c:v>86.072299999999998</c:v>
                </c:pt>
                <c:pt idx="16643">
                  <c:v>78.077500000000001</c:v>
                </c:pt>
                <c:pt idx="16644">
                  <c:v>74.488399999999999</c:v>
                </c:pt>
                <c:pt idx="16645">
                  <c:v>88.646299999999997</c:v>
                </c:pt>
                <c:pt idx="16646">
                  <c:v>88.7102</c:v>
                </c:pt>
                <c:pt idx="16647">
                  <c:v>90.121499999999997</c:v>
                </c:pt>
                <c:pt idx="16648">
                  <c:v>81.687899999999999</c:v>
                </c:pt>
                <c:pt idx="16649">
                  <c:v>77.115099999999998</c:v>
                </c:pt>
                <c:pt idx="16650">
                  <c:v>80.956699999999998</c:v>
                </c:pt>
                <c:pt idx="16651">
                  <c:v>92.319900000000004</c:v>
                </c:pt>
                <c:pt idx="16652">
                  <c:v>79.263800000000003</c:v>
                </c:pt>
                <c:pt idx="16653">
                  <c:v>86.072299999999998</c:v>
                </c:pt>
                <c:pt idx="16654">
                  <c:v>78.077500000000001</c:v>
                </c:pt>
                <c:pt idx="16655">
                  <c:v>74.488399999999999</c:v>
                </c:pt>
                <c:pt idx="16656">
                  <c:v>88.646299999999997</c:v>
                </c:pt>
                <c:pt idx="16657">
                  <c:v>88.7102</c:v>
                </c:pt>
                <c:pt idx="16658">
                  <c:v>90.121499999999997</c:v>
                </c:pt>
                <c:pt idx="16659">
                  <c:v>81.687899999999999</c:v>
                </c:pt>
                <c:pt idx="16660">
                  <c:v>77.115099999999998</c:v>
                </c:pt>
                <c:pt idx="16661">
                  <c:v>80.956699999999998</c:v>
                </c:pt>
                <c:pt idx="16662">
                  <c:v>92.319900000000004</c:v>
                </c:pt>
                <c:pt idx="16663">
                  <c:v>79.263800000000003</c:v>
                </c:pt>
                <c:pt idx="16664">
                  <c:v>86.072299999999998</c:v>
                </c:pt>
                <c:pt idx="16665">
                  <c:v>78.077500000000001</c:v>
                </c:pt>
                <c:pt idx="16666">
                  <c:v>74.488399999999999</c:v>
                </c:pt>
                <c:pt idx="16667">
                  <c:v>88.646299999999997</c:v>
                </c:pt>
                <c:pt idx="16668">
                  <c:v>88.7102</c:v>
                </c:pt>
                <c:pt idx="16669">
                  <c:v>90.121499999999997</c:v>
                </c:pt>
                <c:pt idx="16670">
                  <c:v>81.687899999999999</c:v>
                </c:pt>
                <c:pt idx="16671">
                  <c:v>77.115099999999998</c:v>
                </c:pt>
                <c:pt idx="16672">
                  <c:v>80.956699999999998</c:v>
                </c:pt>
                <c:pt idx="16673">
                  <c:v>92.319900000000004</c:v>
                </c:pt>
                <c:pt idx="16674">
                  <c:v>79.263800000000003</c:v>
                </c:pt>
                <c:pt idx="16675">
                  <c:v>86.072299999999998</c:v>
                </c:pt>
                <c:pt idx="16676">
                  <c:v>78.077500000000001</c:v>
                </c:pt>
                <c:pt idx="16677">
                  <c:v>74.488399999999999</c:v>
                </c:pt>
                <c:pt idx="16678">
                  <c:v>88.646299999999997</c:v>
                </c:pt>
                <c:pt idx="16679">
                  <c:v>88.7102</c:v>
                </c:pt>
                <c:pt idx="16680">
                  <c:v>90.121499999999997</c:v>
                </c:pt>
                <c:pt idx="16681">
                  <c:v>81.687899999999999</c:v>
                </c:pt>
                <c:pt idx="16682">
                  <c:v>77.115099999999998</c:v>
                </c:pt>
                <c:pt idx="16683">
                  <c:v>80.956699999999998</c:v>
                </c:pt>
                <c:pt idx="16684">
                  <c:v>92.319900000000004</c:v>
                </c:pt>
                <c:pt idx="16685">
                  <c:v>79.263800000000003</c:v>
                </c:pt>
                <c:pt idx="16686">
                  <c:v>86.072299999999998</c:v>
                </c:pt>
                <c:pt idx="16687">
                  <c:v>78.077500000000001</c:v>
                </c:pt>
                <c:pt idx="16688">
                  <c:v>74.488399999999999</c:v>
                </c:pt>
                <c:pt idx="16689">
                  <c:v>88.646299999999997</c:v>
                </c:pt>
                <c:pt idx="16690">
                  <c:v>88.7102</c:v>
                </c:pt>
                <c:pt idx="16691">
                  <c:v>90.121499999999997</c:v>
                </c:pt>
                <c:pt idx="16692">
                  <c:v>81.687899999999999</c:v>
                </c:pt>
                <c:pt idx="16693">
                  <c:v>77.115099999999998</c:v>
                </c:pt>
                <c:pt idx="16694">
                  <c:v>80.956699999999998</c:v>
                </c:pt>
                <c:pt idx="16695">
                  <c:v>92.319900000000004</c:v>
                </c:pt>
                <c:pt idx="16696">
                  <c:v>79.263800000000003</c:v>
                </c:pt>
                <c:pt idx="16697">
                  <c:v>86.072299999999998</c:v>
                </c:pt>
                <c:pt idx="16698">
                  <c:v>78.077500000000001</c:v>
                </c:pt>
                <c:pt idx="16699">
                  <c:v>74.488399999999999</c:v>
                </c:pt>
                <c:pt idx="16700">
                  <c:v>88.646299999999997</c:v>
                </c:pt>
                <c:pt idx="16701">
                  <c:v>88.7102</c:v>
                </c:pt>
                <c:pt idx="16702">
                  <c:v>90.121499999999997</c:v>
                </c:pt>
                <c:pt idx="16703">
                  <c:v>81.687899999999999</c:v>
                </c:pt>
                <c:pt idx="16704">
                  <c:v>77.115099999999998</c:v>
                </c:pt>
                <c:pt idx="16705">
                  <c:v>80.956699999999998</c:v>
                </c:pt>
                <c:pt idx="16706">
                  <c:v>92.319900000000004</c:v>
                </c:pt>
                <c:pt idx="16707">
                  <c:v>79.263800000000003</c:v>
                </c:pt>
                <c:pt idx="16708">
                  <c:v>86.072299999999998</c:v>
                </c:pt>
                <c:pt idx="16709">
                  <c:v>78.077500000000001</c:v>
                </c:pt>
                <c:pt idx="16710">
                  <c:v>74.488399999999999</c:v>
                </c:pt>
                <c:pt idx="16711">
                  <c:v>88.646299999999997</c:v>
                </c:pt>
                <c:pt idx="16712">
                  <c:v>88.7102</c:v>
                </c:pt>
                <c:pt idx="16713">
                  <c:v>90.121499999999997</c:v>
                </c:pt>
                <c:pt idx="16714">
                  <c:v>81.687899999999999</c:v>
                </c:pt>
                <c:pt idx="16715">
                  <c:v>77.115099999999998</c:v>
                </c:pt>
                <c:pt idx="16716">
                  <c:v>80.956699999999998</c:v>
                </c:pt>
                <c:pt idx="16717">
                  <c:v>92.319900000000004</c:v>
                </c:pt>
                <c:pt idx="16718">
                  <c:v>79.263800000000003</c:v>
                </c:pt>
                <c:pt idx="16719">
                  <c:v>86.072299999999998</c:v>
                </c:pt>
                <c:pt idx="16720">
                  <c:v>78.077500000000001</c:v>
                </c:pt>
                <c:pt idx="16721">
                  <c:v>74.488399999999999</c:v>
                </c:pt>
                <c:pt idx="16722">
                  <c:v>88.646299999999997</c:v>
                </c:pt>
                <c:pt idx="16723">
                  <c:v>88.7102</c:v>
                </c:pt>
                <c:pt idx="16724">
                  <c:v>90.121499999999997</c:v>
                </c:pt>
                <c:pt idx="16725">
                  <c:v>81.687899999999999</c:v>
                </c:pt>
                <c:pt idx="16726">
                  <c:v>77.115099999999998</c:v>
                </c:pt>
                <c:pt idx="16727">
                  <c:v>80.956699999999998</c:v>
                </c:pt>
                <c:pt idx="16728">
                  <c:v>92.319900000000004</c:v>
                </c:pt>
                <c:pt idx="16729">
                  <c:v>79.263800000000003</c:v>
                </c:pt>
                <c:pt idx="16730">
                  <c:v>86.072299999999998</c:v>
                </c:pt>
                <c:pt idx="16731">
                  <c:v>78.077500000000001</c:v>
                </c:pt>
                <c:pt idx="16732">
                  <c:v>74.488399999999999</c:v>
                </c:pt>
                <c:pt idx="16733">
                  <c:v>88.646299999999997</c:v>
                </c:pt>
                <c:pt idx="16734">
                  <c:v>88.7102</c:v>
                </c:pt>
                <c:pt idx="16735">
                  <c:v>90.121499999999997</c:v>
                </c:pt>
                <c:pt idx="16736">
                  <c:v>81.687899999999999</c:v>
                </c:pt>
                <c:pt idx="16737">
                  <c:v>77.115099999999998</c:v>
                </c:pt>
                <c:pt idx="16738">
                  <c:v>80.956699999999998</c:v>
                </c:pt>
                <c:pt idx="16739">
                  <c:v>92.319900000000004</c:v>
                </c:pt>
                <c:pt idx="16740">
                  <c:v>79.263800000000003</c:v>
                </c:pt>
                <c:pt idx="16741">
                  <c:v>86.072299999999998</c:v>
                </c:pt>
                <c:pt idx="16742">
                  <c:v>78.077500000000001</c:v>
                </c:pt>
                <c:pt idx="16743">
                  <c:v>74.488399999999999</c:v>
                </c:pt>
                <c:pt idx="16744">
                  <c:v>88.646299999999997</c:v>
                </c:pt>
                <c:pt idx="16745">
                  <c:v>88.7102</c:v>
                </c:pt>
                <c:pt idx="16746">
                  <c:v>90.121499999999997</c:v>
                </c:pt>
                <c:pt idx="16747">
                  <c:v>81.687899999999999</c:v>
                </c:pt>
                <c:pt idx="16748">
                  <c:v>77.115099999999998</c:v>
                </c:pt>
                <c:pt idx="16749">
                  <c:v>80.956699999999998</c:v>
                </c:pt>
                <c:pt idx="16750">
                  <c:v>92.319900000000004</c:v>
                </c:pt>
                <c:pt idx="16751">
                  <c:v>79.263800000000003</c:v>
                </c:pt>
                <c:pt idx="16752">
                  <c:v>86.072299999999998</c:v>
                </c:pt>
                <c:pt idx="16753">
                  <c:v>78.077500000000001</c:v>
                </c:pt>
                <c:pt idx="16754">
                  <c:v>74.488399999999999</c:v>
                </c:pt>
                <c:pt idx="16755">
                  <c:v>88.646299999999997</c:v>
                </c:pt>
                <c:pt idx="16756">
                  <c:v>88.7102</c:v>
                </c:pt>
                <c:pt idx="16757">
                  <c:v>90.121499999999997</c:v>
                </c:pt>
                <c:pt idx="16758">
                  <c:v>81.687899999999999</c:v>
                </c:pt>
                <c:pt idx="16759">
                  <c:v>77.115099999999998</c:v>
                </c:pt>
                <c:pt idx="16760">
                  <c:v>80.956699999999998</c:v>
                </c:pt>
                <c:pt idx="16761">
                  <c:v>92.319900000000004</c:v>
                </c:pt>
                <c:pt idx="16762">
                  <c:v>79.263800000000003</c:v>
                </c:pt>
                <c:pt idx="16763">
                  <c:v>86.072299999999998</c:v>
                </c:pt>
                <c:pt idx="16764">
                  <c:v>78.077500000000001</c:v>
                </c:pt>
                <c:pt idx="16765">
                  <c:v>74.488399999999999</c:v>
                </c:pt>
                <c:pt idx="16766">
                  <c:v>88.646299999999997</c:v>
                </c:pt>
                <c:pt idx="16767">
                  <c:v>88.7102</c:v>
                </c:pt>
                <c:pt idx="16768">
                  <c:v>90.121499999999997</c:v>
                </c:pt>
                <c:pt idx="16769">
                  <c:v>81.687899999999999</c:v>
                </c:pt>
                <c:pt idx="16770">
                  <c:v>77.115099999999998</c:v>
                </c:pt>
                <c:pt idx="16771">
                  <c:v>80.956699999999998</c:v>
                </c:pt>
                <c:pt idx="16772">
                  <c:v>92.319900000000004</c:v>
                </c:pt>
                <c:pt idx="16773">
                  <c:v>79.263800000000003</c:v>
                </c:pt>
                <c:pt idx="16774">
                  <c:v>86.072299999999998</c:v>
                </c:pt>
                <c:pt idx="16775">
                  <c:v>78.077500000000001</c:v>
                </c:pt>
                <c:pt idx="16776">
                  <c:v>74.488399999999999</c:v>
                </c:pt>
                <c:pt idx="16777">
                  <c:v>88.646299999999997</c:v>
                </c:pt>
                <c:pt idx="16778">
                  <c:v>88.7102</c:v>
                </c:pt>
                <c:pt idx="16779">
                  <c:v>90.121499999999997</c:v>
                </c:pt>
                <c:pt idx="16780">
                  <c:v>81.687899999999999</c:v>
                </c:pt>
                <c:pt idx="16781">
                  <c:v>77.115099999999998</c:v>
                </c:pt>
                <c:pt idx="16782">
                  <c:v>80.956699999999998</c:v>
                </c:pt>
                <c:pt idx="16783">
                  <c:v>92.319900000000004</c:v>
                </c:pt>
                <c:pt idx="16784">
                  <c:v>79.263800000000003</c:v>
                </c:pt>
                <c:pt idx="16785">
                  <c:v>86.072299999999998</c:v>
                </c:pt>
                <c:pt idx="16786">
                  <c:v>78.077500000000001</c:v>
                </c:pt>
                <c:pt idx="16787">
                  <c:v>74.488399999999999</c:v>
                </c:pt>
                <c:pt idx="16788">
                  <c:v>88.646299999999997</c:v>
                </c:pt>
                <c:pt idx="16789">
                  <c:v>88.7102</c:v>
                </c:pt>
                <c:pt idx="16790">
                  <c:v>90.121499999999997</c:v>
                </c:pt>
                <c:pt idx="16791">
                  <c:v>81.687899999999999</c:v>
                </c:pt>
                <c:pt idx="16792">
                  <c:v>77.115099999999998</c:v>
                </c:pt>
                <c:pt idx="16793">
                  <c:v>80.956699999999998</c:v>
                </c:pt>
                <c:pt idx="16794">
                  <c:v>92.319900000000004</c:v>
                </c:pt>
                <c:pt idx="16795">
                  <c:v>79.263800000000003</c:v>
                </c:pt>
                <c:pt idx="16796">
                  <c:v>86.072299999999998</c:v>
                </c:pt>
                <c:pt idx="16797">
                  <c:v>78.077500000000001</c:v>
                </c:pt>
                <c:pt idx="16798">
                  <c:v>74.488399999999999</c:v>
                </c:pt>
                <c:pt idx="16799">
                  <c:v>88.646299999999997</c:v>
                </c:pt>
                <c:pt idx="16800">
                  <c:v>88.7102</c:v>
                </c:pt>
                <c:pt idx="16801">
                  <c:v>90.121499999999997</c:v>
                </c:pt>
                <c:pt idx="16802">
                  <c:v>81.687899999999999</c:v>
                </c:pt>
                <c:pt idx="16803">
                  <c:v>77.115099999999998</c:v>
                </c:pt>
                <c:pt idx="16804">
                  <c:v>80.956699999999998</c:v>
                </c:pt>
                <c:pt idx="16805">
                  <c:v>92.319900000000004</c:v>
                </c:pt>
                <c:pt idx="16806">
                  <c:v>79.263800000000003</c:v>
                </c:pt>
                <c:pt idx="16807">
                  <c:v>86.072299999999998</c:v>
                </c:pt>
                <c:pt idx="16808">
                  <c:v>78.077500000000001</c:v>
                </c:pt>
                <c:pt idx="16809">
                  <c:v>74.488399999999999</c:v>
                </c:pt>
                <c:pt idx="16810">
                  <c:v>88.646299999999997</c:v>
                </c:pt>
                <c:pt idx="16811">
                  <c:v>88.7102</c:v>
                </c:pt>
                <c:pt idx="16812">
                  <c:v>90.121499999999997</c:v>
                </c:pt>
                <c:pt idx="16813">
                  <c:v>81.687899999999999</c:v>
                </c:pt>
                <c:pt idx="16814">
                  <c:v>77.115099999999998</c:v>
                </c:pt>
                <c:pt idx="16815">
                  <c:v>80.956699999999998</c:v>
                </c:pt>
                <c:pt idx="16816">
                  <c:v>92.319900000000004</c:v>
                </c:pt>
                <c:pt idx="16817">
                  <c:v>79.263800000000003</c:v>
                </c:pt>
                <c:pt idx="16818">
                  <c:v>86.072299999999998</c:v>
                </c:pt>
                <c:pt idx="16819">
                  <c:v>78.077500000000001</c:v>
                </c:pt>
                <c:pt idx="16820">
                  <c:v>74.488399999999999</c:v>
                </c:pt>
                <c:pt idx="16821">
                  <c:v>88.646299999999997</c:v>
                </c:pt>
                <c:pt idx="16822">
                  <c:v>88.7102</c:v>
                </c:pt>
                <c:pt idx="16823">
                  <c:v>90.121499999999997</c:v>
                </c:pt>
                <c:pt idx="16824">
                  <c:v>81.687899999999999</c:v>
                </c:pt>
                <c:pt idx="16825">
                  <c:v>77.115099999999998</c:v>
                </c:pt>
                <c:pt idx="16826">
                  <c:v>80.956699999999998</c:v>
                </c:pt>
                <c:pt idx="16827">
                  <c:v>92.319900000000004</c:v>
                </c:pt>
                <c:pt idx="16828">
                  <c:v>79.263800000000003</c:v>
                </c:pt>
                <c:pt idx="16829">
                  <c:v>86.072299999999998</c:v>
                </c:pt>
                <c:pt idx="16830">
                  <c:v>78.077500000000001</c:v>
                </c:pt>
                <c:pt idx="16831">
                  <c:v>74.488399999999999</c:v>
                </c:pt>
                <c:pt idx="16832">
                  <c:v>88.646299999999997</c:v>
                </c:pt>
                <c:pt idx="16833">
                  <c:v>88.7102</c:v>
                </c:pt>
                <c:pt idx="16834">
                  <c:v>90.121499999999997</c:v>
                </c:pt>
                <c:pt idx="16835">
                  <c:v>81.687899999999999</c:v>
                </c:pt>
                <c:pt idx="16836">
                  <c:v>77.115099999999998</c:v>
                </c:pt>
                <c:pt idx="16837">
                  <c:v>80.956699999999998</c:v>
                </c:pt>
                <c:pt idx="16838">
                  <c:v>92.319900000000004</c:v>
                </c:pt>
                <c:pt idx="16839">
                  <c:v>79.263800000000003</c:v>
                </c:pt>
                <c:pt idx="16840">
                  <c:v>86.072299999999998</c:v>
                </c:pt>
                <c:pt idx="16841">
                  <c:v>78.077500000000001</c:v>
                </c:pt>
                <c:pt idx="16842">
                  <c:v>74.488399999999999</c:v>
                </c:pt>
                <c:pt idx="16843">
                  <c:v>88.646299999999997</c:v>
                </c:pt>
                <c:pt idx="16844">
                  <c:v>88.7102</c:v>
                </c:pt>
                <c:pt idx="16845">
                  <c:v>90.121499999999997</c:v>
                </c:pt>
                <c:pt idx="16846">
                  <c:v>81.687899999999999</c:v>
                </c:pt>
                <c:pt idx="16847">
                  <c:v>77.115099999999998</c:v>
                </c:pt>
                <c:pt idx="16848">
                  <c:v>80.956699999999998</c:v>
                </c:pt>
                <c:pt idx="16849">
                  <c:v>92.319900000000004</c:v>
                </c:pt>
                <c:pt idx="16850">
                  <c:v>79.263800000000003</c:v>
                </c:pt>
                <c:pt idx="16851">
                  <c:v>86.072299999999998</c:v>
                </c:pt>
                <c:pt idx="16852">
                  <c:v>78.077500000000001</c:v>
                </c:pt>
                <c:pt idx="16853">
                  <c:v>74.488399999999999</c:v>
                </c:pt>
                <c:pt idx="16854">
                  <c:v>88.646299999999997</c:v>
                </c:pt>
                <c:pt idx="16855">
                  <c:v>88.7102</c:v>
                </c:pt>
                <c:pt idx="16856">
                  <c:v>90.121499999999997</c:v>
                </c:pt>
                <c:pt idx="16857">
                  <c:v>81.687899999999999</c:v>
                </c:pt>
                <c:pt idx="16858">
                  <c:v>77.115099999999998</c:v>
                </c:pt>
                <c:pt idx="16859">
                  <c:v>80.956699999999998</c:v>
                </c:pt>
                <c:pt idx="16860">
                  <c:v>92.319900000000004</c:v>
                </c:pt>
                <c:pt idx="16861">
                  <c:v>79.263800000000003</c:v>
                </c:pt>
                <c:pt idx="16862">
                  <c:v>86.072299999999998</c:v>
                </c:pt>
                <c:pt idx="16863">
                  <c:v>78.077500000000001</c:v>
                </c:pt>
                <c:pt idx="16864">
                  <c:v>74.488399999999999</c:v>
                </c:pt>
                <c:pt idx="16865">
                  <c:v>88.646299999999997</c:v>
                </c:pt>
                <c:pt idx="16866">
                  <c:v>88.7102</c:v>
                </c:pt>
                <c:pt idx="16867">
                  <c:v>90.121499999999997</c:v>
                </c:pt>
                <c:pt idx="16868">
                  <c:v>81.687899999999999</c:v>
                </c:pt>
                <c:pt idx="16869">
                  <c:v>77.115099999999998</c:v>
                </c:pt>
                <c:pt idx="16870">
                  <c:v>80.956699999999998</c:v>
                </c:pt>
                <c:pt idx="16871">
                  <c:v>92.319900000000004</c:v>
                </c:pt>
                <c:pt idx="16872">
                  <c:v>79.263800000000003</c:v>
                </c:pt>
                <c:pt idx="16873">
                  <c:v>86.072299999999998</c:v>
                </c:pt>
                <c:pt idx="16874">
                  <c:v>78.077500000000001</c:v>
                </c:pt>
                <c:pt idx="16875">
                  <c:v>74.488399999999999</c:v>
                </c:pt>
                <c:pt idx="16876">
                  <c:v>88.646299999999997</c:v>
                </c:pt>
                <c:pt idx="16877">
                  <c:v>88.7102</c:v>
                </c:pt>
                <c:pt idx="16878">
                  <c:v>90.121499999999997</c:v>
                </c:pt>
                <c:pt idx="16879">
                  <c:v>81.687899999999999</c:v>
                </c:pt>
                <c:pt idx="16880">
                  <c:v>77.115099999999998</c:v>
                </c:pt>
                <c:pt idx="16881">
                  <c:v>80.956699999999998</c:v>
                </c:pt>
                <c:pt idx="16882">
                  <c:v>92.319900000000004</c:v>
                </c:pt>
                <c:pt idx="16883">
                  <c:v>79.263800000000003</c:v>
                </c:pt>
                <c:pt idx="16884">
                  <c:v>86.072299999999998</c:v>
                </c:pt>
                <c:pt idx="16885">
                  <c:v>78.077500000000001</c:v>
                </c:pt>
                <c:pt idx="16886">
                  <c:v>74.488399999999999</c:v>
                </c:pt>
                <c:pt idx="16887">
                  <c:v>88.646299999999997</c:v>
                </c:pt>
                <c:pt idx="16888">
                  <c:v>88.7102</c:v>
                </c:pt>
                <c:pt idx="16889">
                  <c:v>90.121499999999997</c:v>
                </c:pt>
                <c:pt idx="16890">
                  <c:v>81.687899999999999</c:v>
                </c:pt>
                <c:pt idx="16891">
                  <c:v>77.115099999999998</c:v>
                </c:pt>
                <c:pt idx="16892">
                  <c:v>80.956699999999998</c:v>
                </c:pt>
                <c:pt idx="16893">
                  <c:v>92.319900000000004</c:v>
                </c:pt>
                <c:pt idx="16894">
                  <c:v>79.263800000000003</c:v>
                </c:pt>
                <c:pt idx="16895">
                  <c:v>86.072299999999998</c:v>
                </c:pt>
                <c:pt idx="16896">
                  <c:v>78.077500000000001</c:v>
                </c:pt>
                <c:pt idx="16897">
                  <c:v>74.488399999999999</c:v>
                </c:pt>
                <c:pt idx="16898">
                  <c:v>88.646299999999997</c:v>
                </c:pt>
                <c:pt idx="16899">
                  <c:v>88.7102</c:v>
                </c:pt>
                <c:pt idx="16900">
                  <c:v>90.121499999999997</c:v>
                </c:pt>
                <c:pt idx="16901">
                  <c:v>81.687899999999999</c:v>
                </c:pt>
                <c:pt idx="16902">
                  <c:v>77.115099999999998</c:v>
                </c:pt>
                <c:pt idx="16903">
                  <c:v>80.956699999999998</c:v>
                </c:pt>
                <c:pt idx="16904">
                  <c:v>92.319900000000004</c:v>
                </c:pt>
                <c:pt idx="16905">
                  <c:v>79.263800000000003</c:v>
                </c:pt>
                <c:pt idx="16906">
                  <c:v>86.072299999999998</c:v>
                </c:pt>
                <c:pt idx="16907">
                  <c:v>78.077500000000001</c:v>
                </c:pt>
                <c:pt idx="16908">
                  <c:v>74.488399999999999</c:v>
                </c:pt>
                <c:pt idx="16909">
                  <c:v>88.646299999999997</c:v>
                </c:pt>
                <c:pt idx="16910">
                  <c:v>88.7102</c:v>
                </c:pt>
                <c:pt idx="16911">
                  <c:v>90.121499999999997</c:v>
                </c:pt>
                <c:pt idx="16912">
                  <c:v>81.687899999999999</c:v>
                </c:pt>
                <c:pt idx="16913">
                  <c:v>77.115099999999998</c:v>
                </c:pt>
                <c:pt idx="16914">
                  <c:v>80.956699999999998</c:v>
                </c:pt>
                <c:pt idx="16915">
                  <c:v>92.319900000000004</c:v>
                </c:pt>
                <c:pt idx="16916">
                  <c:v>79.263800000000003</c:v>
                </c:pt>
                <c:pt idx="16917">
                  <c:v>86.072299999999998</c:v>
                </c:pt>
                <c:pt idx="16918">
                  <c:v>78.077500000000001</c:v>
                </c:pt>
                <c:pt idx="16919">
                  <c:v>74.488399999999999</c:v>
                </c:pt>
                <c:pt idx="16920">
                  <c:v>88.646299999999997</c:v>
                </c:pt>
                <c:pt idx="16921">
                  <c:v>88.7102</c:v>
                </c:pt>
                <c:pt idx="16922">
                  <c:v>90.121499999999997</c:v>
                </c:pt>
                <c:pt idx="16923">
                  <c:v>81.687899999999999</c:v>
                </c:pt>
                <c:pt idx="16924">
                  <c:v>77.115099999999998</c:v>
                </c:pt>
                <c:pt idx="16925">
                  <c:v>80.956699999999998</c:v>
                </c:pt>
                <c:pt idx="16926">
                  <c:v>92.319900000000004</c:v>
                </c:pt>
                <c:pt idx="16927">
                  <c:v>79.263800000000003</c:v>
                </c:pt>
                <c:pt idx="16928">
                  <c:v>86.072299999999998</c:v>
                </c:pt>
                <c:pt idx="16929">
                  <c:v>78.077500000000001</c:v>
                </c:pt>
                <c:pt idx="16930">
                  <c:v>74.488399999999999</c:v>
                </c:pt>
                <c:pt idx="16931">
                  <c:v>88.646299999999997</c:v>
                </c:pt>
                <c:pt idx="16932">
                  <c:v>88.7102</c:v>
                </c:pt>
                <c:pt idx="16933">
                  <c:v>90.121499999999997</c:v>
                </c:pt>
                <c:pt idx="16934">
                  <c:v>81.687899999999999</c:v>
                </c:pt>
                <c:pt idx="16935">
                  <c:v>77.115099999999998</c:v>
                </c:pt>
                <c:pt idx="16936">
                  <c:v>80.956699999999998</c:v>
                </c:pt>
                <c:pt idx="16937">
                  <c:v>92.319900000000004</c:v>
                </c:pt>
                <c:pt idx="16938">
                  <c:v>79.263800000000003</c:v>
                </c:pt>
                <c:pt idx="16939">
                  <c:v>86.072299999999998</c:v>
                </c:pt>
                <c:pt idx="16940">
                  <c:v>78.077500000000001</c:v>
                </c:pt>
                <c:pt idx="16941">
                  <c:v>74.488399999999999</c:v>
                </c:pt>
                <c:pt idx="16942">
                  <c:v>88.646299999999997</c:v>
                </c:pt>
                <c:pt idx="16943">
                  <c:v>88.7102</c:v>
                </c:pt>
                <c:pt idx="16944">
                  <c:v>90.121499999999997</c:v>
                </c:pt>
                <c:pt idx="16945">
                  <c:v>81.687899999999999</c:v>
                </c:pt>
                <c:pt idx="16946">
                  <c:v>77.115099999999998</c:v>
                </c:pt>
                <c:pt idx="16947">
                  <c:v>80.956699999999998</c:v>
                </c:pt>
                <c:pt idx="16948">
                  <c:v>92.319900000000004</c:v>
                </c:pt>
                <c:pt idx="16949">
                  <c:v>79.263800000000003</c:v>
                </c:pt>
                <c:pt idx="16950">
                  <c:v>86.072299999999998</c:v>
                </c:pt>
                <c:pt idx="16951">
                  <c:v>78.077500000000001</c:v>
                </c:pt>
                <c:pt idx="16952">
                  <c:v>74.488399999999999</c:v>
                </c:pt>
                <c:pt idx="16953">
                  <c:v>88.646299999999997</c:v>
                </c:pt>
                <c:pt idx="16954">
                  <c:v>88.7102</c:v>
                </c:pt>
                <c:pt idx="16955">
                  <c:v>90.121499999999997</c:v>
                </c:pt>
                <c:pt idx="16956">
                  <c:v>81.687899999999999</c:v>
                </c:pt>
                <c:pt idx="16957">
                  <c:v>77.115099999999998</c:v>
                </c:pt>
                <c:pt idx="16958">
                  <c:v>80.956699999999998</c:v>
                </c:pt>
                <c:pt idx="16959">
                  <c:v>92.319900000000004</c:v>
                </c:pt>
                <c:pt idx="16960">
                  <c:v>79.263800000000003</c:v>
                </c:pt>
                <c:pt idx="16961">
                  <c:v>86.072299999999998</c:v>
                </c:pt>
                <c:pt idx="16962">
                  <c:v>78.077500000000001</c:v>
                </c:pt>
                <c:pt idx="16963">
                  <c:v>74.488399999999999</c:v>
                </c:pt>
                <c:pt idx="16964">
                  <c:v>88.646299999999997</c:v>
                </c:pt>
                <c:pt idx="16965">
                  <c:v>88.7102</c:v>
                </c:pt>
                <c:pt idx="16966">
                  <c:v>90.121499999999997</c:v>
                </c:pt>
                <c:pt idx="16967">
                  <c:v>81.687899999999999</c:v>
                </c:pt>
                <c:pt idx="16968">
                  <c:v>77.115099999999998</c:v>
                </c:pt>
                <c:pt idx="16969">
                  <c:v>80.956699999999998</c:v>
                </c:pt>
                <c:pt idx="16970">
                  <c:v>92.319900000000004</c:v>
                </c:pt>
                <c:pt idx="16971">
                  <c:v>79.263800000000003</c:v>
                </c:pt>
                <c:pt idx="16972">
                  <c:v>86.072299999999998</c:v>
                </c:pt>
                <c:pt idx="16973">
                  <c:v>78.077500000000001</c:v>
                </c:pt>
                <c:pt idx="16974">
                  <c:v>74.488399999999999</c:v>
                </c:pt>
                <c:pt idx="16975">
                  <c:v>88.646299999999997</c:v>
                </c:pt>
                <c:pt idx="16976">
                  <c:v>88.7102</c:v>
                </c:pt>
                <c:pt idx="16977">
                  <c:v>90.121499999999997</c:v>
                </c:pt>
                <c:pt idx="16978">
                  <c:v>81.687899999999999</c:v>
                </c:pt>
                <c:pt idx="16979">
                  <c:v>77.115099999999998</c:v>
                </c:pt>
                <c:pt idx="16980">
                  <c:v>80.956699999999998</c:v>
                </c:pt>
                <c:pt idx="16981">
                  <c:v>92.319900000000004</c:v>
                </c:pt>
                <c:pt idx="16982">
                  <c:v>79.263800000000003</c:v>
                </c:pt>
                <c:pt idx="16983">
                  <c:v>86.072299999999998</c:v>
                </c:pt>
                <c:pt idx="16984">
                  <c:v>78.077500000000001</c:v>
                </c:pt>
                <c:pt idx="16985">
                  <c:v>74.488399999999999</c:v>
                </c:pt>
                <c:pt idx="16986">
                  <c:v>88.646299999999997</c:v>
                </c:pt>
                <c:pt idx="16987">
                  <c:v>88.7102</c:v>
                </c:pt>
                <c:pt idx="16988">
                  <c:v>90.121499999999997</c:v>
                </c:pt>
                <c:pt idx="16989">
                  <c:v>81.687899999999999</c:v>
                </c:pt>
                <c:pt idx="16990">
                  <c:v>77.115099999999998</c:v>
                </c:pt>
                <c:pt idx="16991">
                  <c:v>80.956699999999998</c:v>
                </c:pt>
                <c:pt idx="16992">
                  <c:v>92.319900000000004</c:v>
                </c:pt>
                <c:pt idx="16993">
                  <c:v>79.263800000000003</c:v>
                </c:pt>
                <c:pt idx="16994">
                  <c:v>86.072299999999998</c:v>
                </c:pt>
                <c:pt idx="16995">
                  <c:v>78.077500000000001</c:v>
                </c:pt>
                <c:pt idx="16996">
                  <c:v>74.488399999999999</c:v>
                </c:pt>
                <c:pt idx="16997">
                  <c:v>88.646299999999997</c:v>
                </c:pt>
                <c:pt idx="16998">
                  <c:v>88.7102</c:v>
                </c:pt>
                <c:pt idx="16999">
                  <c:v>90.121499999999997</c:v>
                </c:pt>
                <c:pt idx="17000">
                  <c:v>81.687899999999999</c:v>
                </c:pt>
                <c:pt idx="17001">
                  <c:v>77.115099999999998</c:v>
                </c:pt>
                <c:pt idx="17002">
                  <c:v>80.956699999999998</c:v>
                </c:pt>
                <c:pt idx="17003">
                  <c:v>92.319900000000004</c:v>
                </c:pt>
                <c:pt idx="17004">
                  <c:v>79.263800000000003</c:v>
                </c:pt>
                <c:pt idx="17005">
                  <c:v>86.072299999999998</c:v>
                </c:pt>
                <c:pt idx="17006">
                  <c:v>78.077500000000001</c:v>
                </c:pt>
                <c:pt idx="17007">
                  <c:v>74.488399999999999</c:v>
                </c:pt>
                <c:pt idx="17008">
                  <c:v>88.646299999999997</c:v>
                </c:pt>
                <c:pt idx="17009">
                  <c:v>88.7102</c:v>
                </c:pt>
                <c:pt idx="17010">
                  <c:v>90.121499999999997</c:v>
                </c:pt>
                <c:pt idx="17011">
                  <c:v>81.687899999999999</c:v>
                </c:pt>
                <c:pt idx="17012">
                  <c:v>77.115099999999998</c:v>
                </c:pt>
                <c:pt idx="17013">
                  <c:v>80.956699999999998</c:v>
                </c:pt>
                <c:pt idx="17014">
                  <c:v>92.319900000000004</c:v>
                </c:pt>
                <c:pt idx="17015">
                  <c:v>79.263800000000003</c:v>
                </c:pt>
                <c:pt idx="17016">
                  <c:v>86.072299999999998</c:v>
                </c:pt>
                <c:pt idx="17017">
                  <c:v>78.077500000000001</c:v>
                </c:pt>
                <c:pt idx="17018">
                  <c:v>74.488399999999999</c:v>
                </c:pt>
                <c:pt idx="17019">
                  <c:v>88.646299999999997</c:v>
                </c:pt>
                <c:pt idx="17020">
                  <c:v>88.7102</c:v>
                </c:pt>
                <c:pt idx="17021">
                  <c:v>90.121499999999997</c:v>
                </c:pt>
                <c:pt idx="17022">
                  <c:v>81.687899999999999</c:v>
                </c:pt>
                <c:pt idx="17023">
                  <c:v>77.115099999999998</c:v>
                </c:pt>
                <c:pt idx="17024">
                  <c:v>80.956699999999998</c:v>
                </c:pt>
                <c:pt idx="17025">
                  <c:v>92.319900000000004</c:v>
                </c:pt>
                <c:pt idx="17026">
                  <c:v>79.263800000000003</c:v>
                </c:pt>
                <c:pt idx="17027">
                  <c:v>86.072299999999998</c:v>
                </c:pt>
                <c:pt idx="17028">
                  <c:v>78.077500000000001</c:v>
                </c:pt>
                <c:pt idx="17029">
                  <c:v>74.488399999999999</c:v>
                </c:pt>
                <c:pt idx="17030">
                  <c:v>88.646299999999997</c:v>
                </c:pt>
                <c:pt idx="17031">
                  <c:v>88.7102</c:v>
                </c:pt>
                <c:pt idx="17032">
                  <c:v>90.121499999999997</c:v>
                </c:pt>
                <c:pt idx="17033">
                  <c:v>81.687899999999999</c:v>
                </c:pt>
                <c:pt idx="17034">
                  <c:v>77.115099999999998</c:v>
                </c:pt>
                <c:pt idx="17035">
                  <c:v>80.956699999999998</c:v>
                </c:pt>
                <c:pt idx="17036">
                  <c:v>92.319900000000004</c:v>
                </c:pt>
                <c:pt idx="17037">
                  <c:v>79.263800000000003</c:v>
                </c:pt>
                <c:pt idx="17038">
                  <c:v>86.072299999999998</c:v>
                </c:pt>
                <c:pt idx="17039">
                  <c:v>78.077500000000001</c:v>
                </c:pt>
                <c:pt idx="17040">
                  <c:v>74.488399999999999</c:v>
                </c:pt>
                <c:pt idx="17041">
                  <c:v>88.646299999999997</c:v>
                </c:pt>
                <c:pt idx="17042">
                  <c:v>88.7102</c:v>
                </c:pt>
                <c:pt idx="17043">
                  <c:v>90.121499999999997</c:v>
                </c:pt>
                <c:pt idx="17044">
                  <c:v>81.687899999999999</c:v>
                </c:pt>
                <c:pt idx="17045">
                  <c:v>77.115099999999998</c:v>
                </c:pt>
                <c:pt idx="17046">
                  <c:v>80.956699999999998</c:v>
                </c:pt>
                <c:pt idx="17047">
                  <c:v>92.319900000000004</c:v>
                </c:pt>
                <c:pt idx="17048">
                  <c:v>79.263800000000003</c:v>
                </c:pt>
                <c:pt idx="17049">
                  <c:v>86.072299999999998</c:v>
                </c:pt>
                <c:pt idx="17050">
                  <c:v>78.077500000000001</c:v>
                </c:pt>
                <c:pt idx="17051">
                  <c:v>74.488399999999999</c:v>
                </c:pt>
                <c:pt idx="17052">
                  <c:v>88.646299999999997</c:v>
                </c:pt>
                <c:pt idx="17053">
                  <c:v>88.7102</c:v>
                </c:pt>
                <c:pt idx="17054">
                  <c:v>90.121499999999997</c:v>
                </c:pt>
                <c:pt idx="17055">
                  <c:v>81.687899999999999</c:v>
                </c:pt>
                <c:pt idx="17056">
                  <c:v>77.115099999999998</c:v>
                </c:pt>
                <c:pt idx="17057">
                  <c:v>80.956699999999998</c:v>
                </c:pt>
                <c:pt idx="17058">
                  <c:v>92.319900000000004</c:v>
                </c:pt>
                <c:pt idx="17059">
                  <c:v>79.263800000000003</c:v>
                </c:pt>
                <c:pt idx="17060">
                  <c:v>86.072299999999998</c:v>
                </c:pt>
                <c:pt idx="17061">
                  <c:v>78.077500000000001</c:v>
                </c:pt>
                <c:pt idx="17062">
                  <c:v>74.488399999999999</c:v>
                </c:pt>
                <c:pt idx="17063">
                  <c:v>88.646299999999997</c:v>
                </c:pt>
                <c:pt idx="17064">
                  <c:v>88.7102</c:v>
                </c:pt>
                <c:pt idx="17065">
                  <c:v>90.121499999999997</c:v>
                </c:pt>
                <c:pt idx="17066">
                  <c:v>81.687899999999999</c:v>
                </c:pt>
                <c:pt idx="17067">
                  <c:v>77.115099999999998</c:v>
                </c:pt>
                <c:pt idx="17068">
                  <c:v>80.956699999999998</c:v>
                </c:pt>
                <c:pt idx="17069">
                  <c:v>92.319900000000004</c:v>
                </c:pt>
                <c:pt idx="17070">
                  <c:v>79.263800000000003</c:v>
                </c:pt>
                <c:pt idx="17071">
                  <c:v>86.072299999999998</c:v>
                </c:pt>
                <c:pt idx="17072">
                  <c:v>78.077500000000001</c:v>
                </c:pt>
                <c:pt idx="17073">
                  <c:v>74.488399999999999</c:v>
                </c:pt>
                <c:pt idx="17074">
                  <c:v>88.646299999999997</c:v>
                </c:pt>
                <c:pt idx="17075">
                  <c:v>88.7102</c:v>
                </c:pt>
                <c:pt idx="17076">
                  <c:v>90.121499999999997</c:v>
                </c:pt>
                <c:pt idx="17077">
                  <c:v>81.687899999999999</c:v>
                </c:pt>
                <c:pt idx="17078">
                  <c:v>77.115099999999998</c:v>
                </c:pt>
                <c:pt idx="17079">
                  <c:v>80.956699999999998</c:v>
                </c:pt>
                <c:pt idx="17080">
                  <c:v>92.319900000000004</c:v>
                </c:pt>
                <c:pt idx="17081">
                  <c:v>79.263800000000003</c:v>
                </c:pt>
                <c:pt idx="17082">
                  <c:v>86.072299999999998</c:v>
                </c:pt>
                <c:pt idx="17083">
                  <c:v>78.077500000000001</c:v>
                </c:pt>
                <c:pt idx="17084">
                  <c:v>74.488399999999999</c:v>
                </c:pt>
                <c:pt idx="17085">
                  <c:v>88.646299999999997</c:v>
                </c:pt>
                <c:pt idx="17086">
                  <c:v>88.7102</c:v>
                </c:pt>
                <c:pt idx="17087">
                  <c:v>90.121499999999997</c:v>
                </c:pt>
                <c:pt idx="17088">
                  <c:v>81.687899999999999</c:v>
                </c:pt>
                <c:pt idx="17089">
                  <c:v>77.115099999999998</c:v>
                </c:pt>
                <c:pt idx="17090">
                  <c:v>80.956699999999998</c:v>
                </c:pt>
                <c:pt idx="17091">
                  <c:v>92.319900000000004</c:v>
                </c:pt>
                <c:pt idx="17092">
                  <c:v>79.263800000000003</c:v>
                </c:pt>
                <c:pt idx="17093">
                  <c:v>86.072299999999998</c:v>
                </c:pt>
                <c:pt idx="17094">
                  <c:v>78.077500000000001</c:v>
                </c:pt>
                <c:pt idx="17095">
                  <c:v>74.488399999999999</c:v>
                </c:pt>
                <c:pt idx="17096">
                  <c:v>88.646299999999997</c:v>
                </c:pt>
                <c:pt idx="17097">
                  <c:v>88.7102</c:v>
                </c:pt>
                <c:pt idx="17098">
                  <c:v>90.121499999999997</c:v>
                </c:pt>
                <c:pt idx="17099">
                  <c:v>81.687899999999999</c:v>
                </c:pt>
                <c:pt idx="17100">
                  <c:v>77.115099999999998</c:v>
                </c:pt>
                <c:pt idx="17101">
                  <c:v>80.956699999999998</c:v>
                </c:pt>
                <c:pt idx="17102">
                  <c:v>92.319900000000004</c:v>
                </c:pt>
                <c:pt idx="17103">
                  <c:v>79.263800000000003</c:v>
                </c:pt>
                <c:pt idx="17104">
                  <c:v>86.072299999999998</c:v>
                </c:pt>
                <c:pt idx="17105">
                  <c:v>78.077500000000001</c:v>
                </c:pt>
                <c:pt idx="17106">
                  <c:v>74.488399999999999</c:v>
                </c:pt>
                <c:pt idx="17107">
                  <c:v>88.646299999999997</c:v>
                </c:pt>
                <c:pt idx="17108">
                  <c:v>88.7102</c:v>
                </c:pt>
                <c:pt idx="17109">
                  <c:v>90.121499999999997</c:v>
                </c:pt>
                <c:pt idx="17110">
                  <c:v>81.687899999999999</c:v>
                </c:pt>
                <c:pt idx="17111">
                  <c:v>77.115099999999998</c:v>
                </c:pt>
                <c:pt idx="17112">
                  <c:v>80.956699999999998</c:v>
                </c:pt>
                <c:pt idx="17113">
                  <c:v>92.319900000000004</c:v>
                </c:pt>
                <c:pt idx="17114">
                  <c:v>79.263800000000003</c:v>
                </c:pt>
                <c:pt idx="17115">
                  <c:v>86.072299999999998</c:v>
                </c:pt>
                <c:pt idx="17116">
                  <c:v>78.077500000000001</c:v>
                </c:pt>
                <c:pt idx="17117">
                  <c:v>74.488399999999999</c:v>
                </c:pt>
                <c:pt idx="17118">
                  <c:v>88.646299999999997</c:v>
                </c:pt>
                <c:pt idx="17119">
                  <c:v>88.7102</c:v>
                </c:pt>
                <c:pt idx="17120">
                  <c:v>90.121499999999997</c:v>
                </c:pt>
                <c:pt idx="17121">
                  <c:v>81.687899999999999</c:v>
                </c:pt>
                <c:pt idx="17122">
                  <c:v>77.115099999999998</c:v>
                </c:pt>
                <c:pt idx="17123">
                  <c:v>80.956699999999998</c:v>
                </c:pt>
                <c:pt idx="17124">
                  <c:v>92.319900000000004</c:v>
                </c:pt>
                <c:pt idx="17125">
                  <c:v>79.263800000000003</c:v>
                </c:pt>
                <c:pt idx="17126">
                  <c:v>86.072299999999998</c:v>
                </c:pt>
                <c:pt idx="17127">
                  <c:v>78.077500000000001</c:v>
                </c:pt>
                <c:pt idx="17128">
                  <c:v>74.488399999999999</c:v>
                </c:pt>
                <c:pt idx="17129">
                  <c:v>88.646299999999997</c:v>
                </c:pt>
                <c:pt idx="17130">
                  <c:v>88.7102</c:v>
                </c:pt>
                <c:pt idx="17131">
                  <c:v>90.121499999999997</c:v>
                </c:pt>
                <c:pt idx="17132">
                  <c:v>81.687899999999999</c:v>
                </c:pt>
                <c:pt idx="17133">
                  <c:v>77.115099999999998</c:v>
                </c:pt>
                <c:pt idx="17134">
                  <c:v>80.956699999999998</c:v>
                </c:pt>
                <c:pt idx="17135">
                  <c:v>92.319900000000004</c:v>
                </c:pt>
                <c:pt idx="17136">
                  <c:v>79.263800000000003</c:v>
                </c:pt>
                <c:pt idx="17137">
                  <c:v>86.072299999999998</c:v>
                </c:pt>
                <c:pt idx="17138">
                  <c:v>78.077500000000001</c:v>
                </c:pt>
                <c:pt idx="17139">
                  <c:v>74.488399999999999</c:v>
                </c:pt>
                <c:pt idx="17140">
                  <c:v>88.646299999999997</c:v>
                </c:pt>
                <c:pt idx="17141">
                  <c:v>88.7102</c:v>
                </c:pt>
                <c:pt idx="17142">
                  <c:v>90.121499999999997</c:v>
                </c:pt>
                <c:pt idx="17143">
                  <c:v>81.687899999999999</c:v>
                </c:pt>
                <c:pt idx="17144">
                  <c:v>77.115099999999998</c:v>
                </c:pt>
                <c:pt idx="17145">
                  <c:v>80.956699999999998</c:v>
                </c:pt>
                <c:pt idx="17146">
                  <c:v>92.319900000000004</c:v>
                </c:pt>
                <c:pt idx="17147">
                  <c:v>79.263800000000003</c:v>
                </c:pt>
                <c:pt idx="17148">
                  <c:v>86.072299999999998</c:v>
                </c:pt>
                <c:pt idx="17149">
                  <c:v>78.077500000000001</c:v>
                </c:pt>
                <c:pt idx="17150">
                  <c:v>74.488399999999999</c:v>
                </c:pt>
                <c:pt idx="17151">
                  <c:v>88.646299999999997</c:v>
                </c:pt>
                <c:pt idx="17152">
                  <c:v>88.7102</c:v>
                </c:pt>
                <c:pt idx="17153">
                  <c:v>90.121499999999997</c:v>
                </c:pt>
                <c:pt idx="17154">
                  <c:v>81.687899999999999</c:v>
                </c:pt>
                <c:pt idx="17155">
                  <c:v>77.115099999999998</c:v>
                </c:pt>
                <c:pt idx="17156">
                  <c:v>80.956699999999998</c:v>
                </c:pt>
                <c:pt idx="17157">
                  <c:v>92.319900000000004</c:v>
                </c:pt>
                <c:pt idx="17158">
                  <c:v>79.263800000000003</c:v>
                </c:pt>
                <c:pt idx="17159">
                  <c:v>86.072299999999998</c:v>
                </c:pt>
                <c:pt idx="17160">
                  <c:v>78.077500000000001</c:v>
                </c:pt>
                <c:pt idx="17161">
                  <c:v>74.488399999999999</c:v>
                </c:pt>
                <c:pt idx="17162">
                  <c:v>88.646299999999997</c:v>
                </c:pt>
                <c:pt idx="17163">
                  <c:v>88.7102</c:v>
                </c:pt>
                <c:pt idx="17164">
                  <c:v>90.121499999999997</c:v>
                </c:pt>
                <c:pt idx="17165">
                  <c:v>81.687899999999999</c:v>
                </c:pt>
                <c:pt idx="17166">
                  <c:v>77.115099999999998</c:v>
                </c:pt>
                <c:pt idx="17167">
                  <c:v>80.956699999999998</c:v>
                </c:pt>
                <c:pt idx="17168">
                  <c:v>92.319900000000004</c:v>
                </c:pt>
                <c:pt idx="17169">
                  <c:v>79.263800000000003</c:v>
                </c:pt>
                <c:pt idx="17170">
                  <c:v>86.072299999999998</c:v>
                </c:pt>
                <c:pt idx="17171">
                  <c:v>78.077500000000001</c:v>
                </c:pt>
                <c:pt idx="17172">
                  <c:v>74.488399999999999</c:v>
                </c:pt>
                <c:pt idx="17173">
                  <c:v>88.646299999999997</c:v>
                </c:pt>
                <c:pt idx="17174">
                  <c:v>88.7102</c:v>
                </c:pt>
                <c:pt idx="17175">
                  <c:v>90.121499999999997</c:v>
                </c:pt>
                <c:pt idx="17176">
                  <c:v>81.687899999999999</c:v>
                </c:pt>
                <c:pt idx="17177">
                  <c:v>77.115099999999998</c:v>
                </c:pt>
                <c:pt idx="17178">
                  <c:v>80.956699999999998</c:v>
                </c:pt>
                <c:pt idx="17179">
                  <c:v>92.319900000000004</c:v>
                </c:pt>
                <c:pt idx="17180">
                  <c:v>79.263800000000003</c:v>
                </c:pt>
                <c:pt idx="17181">
                  <c:v>86.072299999999998</c:v>
                </c:pt>
                <c:pt idx="17182">
                  <c:v>78.077500000000001</c:v>
                </c:pt>
                <c:pt idx="17183">
                  <c:v>74.488399999999999</c:v>
                </c:pt>
                <c:pt idx="17184">
                  <c:v>88.646299999999997</c:v>
                </c:pt>
                <c:pt idx="17185">
                  <c:v>88.7102</c:v>
                </c:pt>
                <c:pt idx="17186">
                  <c:v>90.121499999999997</c:v>
                </c:pt>
                <c:pt idx="17187">
                  <c:v>81.687899999999999</c:v>
                </c:pt>
                <c:pt idx="17188">
                  <c:v>77.115099999999998</c:v>
                </c:pt>
                <c:pt idx="17189">
                  <c:v>80.956699999999998</c:v>
                </c:pt>
                <c:pt idx="17190">
                  <c:v>92.319900000000004</c:v>
                </c:pt>
                <c:pt idx="17191">
                  <c:v>79.263800000000003</c:v>
                </c:pt>
                <c:pt idx="17192">
                  <c:v>86.072299999999998</c:v>
                </c:pt>
                <c:pt idx="17193">
                  <c:v>78.077500000000001</c:v>
                </c:pt>
                <c:pt idx="17194">
                  <c:v>74.488399999999999</c:v>
                </c:pt>
                <c:pt idx="17195">
                  <c:v>88.646299999999997</c:v>
                </c:pt>
                <c:pt idx="17196">
                  <c:v>88.7102</c:v>
                </c:pt>
                <c:pt idx="17197">
                  <c:v>90.121499999999997</c:v>
                </c:pt>
                <c:pt idx="17198">
                  <c:v>81.687899999999999</c:v>
                </c:pt>
                <c:pt idx="17199">
                  <c:v>77.115099999999998</c:v>
                </c:pt>
                <c:pt idx="17200">
                  <c:v>80.956699999999998</c:v>
                </c:pt>
                <c:pt idx="17201">
                  <c:v>92.319900000000004</c:v>
                </c:pt>
                <c:pt idx="17202">
                  <c:v>79.263800000000003</c:v>
                </c:pt>
                <c:pt idx="17203">
                  <c:v>86.072299999999998</c:v>
                </c:pt>
                <c:pt idx="17204">
                  <c:v>78.077500000000001</c:v>
                </c:pt>
                <c:pt idx="17205">
                  <c:v>74.488399999999999</c:v>
                </c:pt>
                <c:pt idx="17206">
                  <c:v>88.646299999999997</c:v>
                </c:pt>
                <c:pt idx="17207">
                  <c:v>88.7102</c:v>
                </c:pt>
                <c:pt idx="17208">
                  <c:v>90.121499999999997</c:v>
                </c:pt>
                <c:pt idx="17209">
                  <c:v>81.687899999999999</c:v>
                </c:pt>
                <c:pt idx="17210">
                  <c:v>77.115099999999998</c:v>
                </c:pt>
                <c:pt idx="17211">
                  <c:v>80.956699999999998</c:v>
                </c:pt>
                <c:pt idx="17212">
                  <c:v>92.319900000000004</c:v>
                </c:pt>
                <c:pt idx="17213">
                  <c:v>79.263800000000003</c:v>
                </c:pt>
                <c:pt idx="17214">
                  <c:v>86.072299999999998</c:v>
                </c:pt>
                <c:pt idx="17215">
                  <c:v>78.077500000000001</c:v>
                </c:pt>
                <c:pt idx="17216">
                  <c:v>74.488399999999999</c:v>
                </c:pt>
                <c:pt idx="17217">
                  <c:v>88.646299999999997</c:v>
                </c:pt>
                <c:pt idx="17218">
                  <c:v>88.7102</c:v>
                </c:pt>
                <c:pt idx="17219">
                  <c:v>90.121499999999997</c:v>
                </c:pt>
                <c:pt idx="17220">
                  <c:v>81.687899999999999</c:v>
                </c:pt>
                <c:pt idx="17221">
                  <c:v>77.115099999999998</c:v>
                </c:pt>
                <c:pt idx="17222">
                  <c:v>80.956699999999998</c:v>
                </c:pt>
                <c:pt idx="17223">
                  <c:v>92.319900000000004</c:v>
                </c:pt>
                <c:pt idx="17224">
                  <c:v>79.263800000000003</c:v>
                </c:pt>
                <c:pt idx="17225">
                  <c:v>86.072299999999998</c:v>
                </c:pt>
                <c:pt idx="17226">
                  <c:v>78.077500000000001</c:v>
                </c:pt>
                <c:pt idx="17227">
                  <c:v>74.488399999999999</c:v>
                </c:pt>
                <c:pt idx="17228">
                  <c:v>88.646299999999997</c:v>
                </c:pt>
                <c:pt idx="17229">
                  <c:v>88.7102</c:v>
                </c:pt>
                <c:pt idx="17230">
                  <c:v>90.121499999999997</c:v>
                </c:pt>
                <c:pt idx="17231">
                  <c:v>81.687899999999999</c:v>
                </c:pt>
                <c:pt idx="17232">
                  <c:v>77.115099999999998</c:v>
                </c:pt>
                <c:pt idx="17233">
                  <c:v>80.956699999999998</c:v>
                </c:pt>
                <c:pt idx="17234">
                  <c:v>92.319900000000004</c:v>
                </c:pt>
                <c:pt idx="17235">
                  <c:v>79.263800000000003</c:v>
                </c:pt>
                <c:pt idx="17236">
                  <c:v>86.072299999999998</c:v>
                </c:pt>
                <c:pt idx="17237">
                  <c:v>78.077500000000001</c:v>
                </c:pt>
                <c:pt idx="17238">
                  <c:v>74.488399999999999</c:v>
                </c:pt>
                <c:pt idx="17239">
                  <c:v>88.646299999999997</c:v>
                </c:pt>
                <c:pt idx="17240">
                  <c:v>88.7102</c:v>
                </c:pt>
                <c:pt idx="17241">
                  <c:v>90.121499999999997</c:v>
                </c:pt>
                <c:pt idx="17242">
                  <c:v>81.687899999999999</c:v>
                </c:pt>
                <c:pt idx="17243">
                  <c:v>77.115099999999998</c:v>
                </c:pt>
                <c:pt idx="17244">
                  <c:v>80.956699999999998</c:v>
                </c:pt>
                <c:pt idx="17245">
                  <c:v>92.319900000000004</c:v>
                </c:pt>
                <c:pt idx="17246">
                  <c:v>79.263800000000003</c:v>
                </c:pt>
                <c:pt idx="17247">
                  <c:v>86.072299999999998</c:v>
                </c:pt>
                <c:pt idx="17248">
                  <c:v>78.077500000000001</c:v>
                </c:pt>
                <c:pt idx="17249">
                  <c:v>74.488399999999999</c:v>
                </c:pt>
                <c:pt idx="17250">
                  <c:v>88.646299999999997</c:v>
                </c:pt>
                <c:pt idx="17251">
                  <c:v>88.7102</c:v>
                </c:pt>
                <c:pt idx="17252">
                  <c:v>90.121499999999997</c:v>
                </c:pt>
                <c:pt idx="17253">
                  <c:v>81.687899999999999</c:v>
                </c:pt>
                <c:pt idx="17254">
                  <c:v>77.115099999999998</c:v>
                </c:pt>
                <c:pt idx="17255">
                  <c:v>80.956699999999998</c:v>
                </c:pt>
                <c:pt idx="17256">
                  <c:v>92.319900000000004</c:v>
                </c:pt>
                <c:pt idx="17257">
                  <c:v>79.263800000000003</c:v>
                </c:pt>
                <c:pt idx="17258">
                  <c:v>86.072299999999998</c:v>
                </c:pt>
                <c:pt idx="17259">
                  <c:v>78.077500000000001</c:v>
                </c:pt>
                <c:pt idx="17260">
                  <c:v>74.488399999999999</c:v>
                </c:pt>
                <c:pt idx="17261">
                  <c:v>88.646299999999997</c:v>
                </c:pt>
                <c:pt idx="17262">
                  <c:v>88.7102</c:v>
                </c:pt>
                <c:pt idx="17263">
                  <c:v>90.121499999999997</c:v>
                </c:pt>
                <c:pt idx="17264">
                  <c:v>81.687899999999999</c:v>
                </c:pt>
                <c:pt idx="17265">
                  <c:v>77.115099999999998</c:v>
                </c:pt>
                <c:pt idx="17266">
                  <c:v>80.956699999999998</c:v>
                </c:pt>
                <c:pt idx="17267">
                  <c:v>92.319900000000004</c:v>
                </c:pt>
                <c:pt idx="17268">
                  <c:v>79.263800000000003</c:v>
                </c:pt>
                <c:pt idx="17269">
                  <c:v>86.072299999999998</c:v>
                </c:pt>
                <c:pt idx="17270">
                  <c:v>78.077500000000001</c:v>
                </c:pt>
                <c:pt idx="17271">
                  <c:v>74.488399999999999</c:v>
                </c:pt>
                <c:pt idx="17272">
                  <c:v>88.646299999999997</c:v>
                </c:pt>
                <c:pt idx="17273">
                  <c:v>88.7102</c:v>
                </c:pt>
                <c:pt idx="17274">
                  <c:v>90.121499999999997</c:v>
                </c:pt>
                <c:pt idx="17275">
                  <c:v>81.687899999999999</c:v>
                </c:pt>
                <c:pt idx="17276">
                  <c:v>77.115099999999998</c:v>
                </c:pt>
                <c:pt idx="17277">
                  <c:v>80.956699999999998</c:v>
                </c:pt>
                <c:pt idx="17278">
                  <c:v>92.319900000000004</c:v>
                </c:pt>
                <c:pt idx="17279">
                  <c:v>79.263800000000003</c:v>
                </c:pt>
                <c:pt idx="17280">
                  <c:v>86.072299999999998</c:v>
                </c:pt>
                <c:pt idx="17281">
                  <c:v>78.077500000000001</c:v>
                </c:pt>
                <c:pt idx="17282">
                  <c:v>74.488399999999999</c:v>
                </c:pt>
                <c:pt idx="17283">
                  <c:v>88.646299999999997</c:v>
                </c:pt>
                <c:pt idx="17284">
                  <c:v>88.7102</c:v>
                </c:pt>
                <c:pt idx="17285">
                  <c:v>90.121499999999997</c:v>
                </c:pt>
                <c:pt idx="17286">
                  <c:v>81.687899999999999</c:v>
                </c:pt>
                <c:pt idx="17287">
                  <c:v>77.115099999999998</c:v>
                </c:pt>
                <c:pt idx="17288">
                  <c:v>80.956699999999998</c:v>
                </c:pt>
                <c:pt idx="17289">
                  <c:v>92.319900000000004</c:v>
                </c:pt>
                <c:pt idx="17290">
                  <c:v>79.263800000000003</c:v>
                </c:pt>
                <c:pt idx="17291">
                  <c:v>86.072299999999998</c:v>
                </c:pt>
                <c:pt idx="17292">
                  <c:v>78.077500000000001</c:v>
                </c:pt>
                <c:pt idx="17293">
                  <c:v>74.488399999999999</c:v>
                </c:pt>
                <c:pt idx="17294">
                  <c:v>88.646299999999997</c:v>
                </c:pt>
                <c:pt idx="17295">
                  <c:v>88.7102</c:v>
                </c:pt>
                <c:pt idx="17296">
                  <c:v>90.121499999999997</c:v>
                </c:pt>
                <c:pt idx="17297">
                  <c:v>81.687899999999999</c:v>
                </c:pt>
                <c:pt idx="17298">
                  <c:v>77.115099999999998</c:v>
                </c:pt>
                <c:pt idx="17299">
                  <c:v>80.956699999999998</c:v>
                </c:pt>
                <c:pt idx="17300">
                  <c:v>92.319900000000004</c:v>
                </c:pt>
                <c:pt idx="17301">
                  <c:v>79.263800000000003</c:v>
                </c:pt>
                <c:pt idx="17302">
                  <c:v>86.072299999999998</c:v>
                </c:pt>
                <c:pt idx="17303">
                  <c:v>78.077500000000001</c:v>
                </c:pt>
                <c:pt idx="17304">
                  <c:v>74.488399999999999</c:v>
                </c:pt>
                <c:pt idx="17305">
                  <c:v>88.646299999999997</c:v>
                </c:pt>
                <c:pt idx="17306">
                  <c:v>88.7102</c:v>
                </c:pt>
                <c:pt idx="17307">
                  <c:v>90.121499999999997</c:v>
                </c:pt>
                <c:pt idx="17308">
                  <c:v>81.687899999999999</c:v>
                </c:pt>
                <c:pt idx="17309">
                  <c:v>77.115099999999998</c:v>
                </c:pt>
                <c:pt idx="17310">
                  <c:v>80.956699999999998</c:v>
                </c:pt>
                <c:pt idx="17311">
                  <c:v>92.319900000000004</c:v>
                </c:pt>
                <c:pt idx="17312">
                  <c:v>79.263800000000003</c:v>
                </c:pt>
                <c:pt idx="17313">
                  <c:v>86.072299999999998</c:v>
                </c:pt>
                <c:pt idx="17314">
                  <c:v>78.077500000000001</c:v>
                </c:pt>
                <c:pt idx="17315">
                  <c:v>74.488399999999999</c:v>
                </c:pt>
                <c:pt idx="17316">
                  <c:v>88.646299999999997</c:v>
                </c:pt>
                <c:pt idx="17317">
                  <c:v>88.7102</c:v>
                </c:pt>
                <c:pt idx="17318">
                  <c:v>90.121499999999997</c:v>
                </c:pt>
                <c:pt idx="17319">
                  <c:v>81.687899999999999</c:v>
                </c:pt>
                <c:pt idx="17320">
                  <c:v>77.115099999999998</c:v>
                </c:pt>
                <c:pt idx="17321">
                  <c:v>80.956699999999998</c:v>
                </c:pt>
                <c:pt idx="17322">
                  <c:v>92.319900000000004</c:v>
                </c:pt>
                <c:pt idx="17323">
                  <c:v>79.263800000000003</c:v>
                </c:pt>
                <c:pt idx="17324">
                  <c:v>86.072299999999998</c:v>
                </c:pt>
                <c:pt idx="17325">
                  <c:v>78.077500000000001</c:v>
                </c:pt>
                <c:pt idx="17326">
                  <c:v>74.488399999999999</c:v>
                </c:pt>
                <c:pt idx="17327">
                  <c:v>88.646299999999997</c:v>
                </c:pt>
                <c:pt idx="17328">
                  <c:v>88.7102</c:v>
                </c:pt>
                <c:pt idx="17329">
                  <c:v>90.121499999999997</c:v>
                </c:pt>
                <c:pt idx="17330">
                  <c:v>81.687899999999999</c:v>
                </c:pt>
                <c:pt idx="17331">
                  <c:v>77.115099999999998</c:v>
                </c:pt>
                <c:pt idx="17332">
                  <c:v>80.956699999999998</c:v>
                </c:pt>
                <c:pt idx="17333">
                  <c:v>92.319900000000004</c:v>
                </c:pt>
                <c:pt idx="17334">
                  <c:v>79.263800000000003</c:v>
                </c:pt>
                <c:pt idx="17335">
                  <c:v>86.072299999999998</c:v>
                </c:pt>
                <c:pt idx="17336">
                  <c:v>78.077500000000001</c:v>
                </c:pt>
                <c:pt idx="17337">
                  <c:v>74.488399999999999</c:v>
                </c:pt>
                <c:pt idx="17338">
                  <c:v>88.646299999999997</c:v>
                </c:pt>
                <c:pt idx="17339">
                  <c:v>88.7102</c:v>
                </c:pt>
                <c:pt idx="17340">
                  <c:v>90.121499999999997</c:v>
                </c:pt>
                <c:pt idx="17341">
                  <c:v>81.687899999999999</c:v>
                </c:pt>
                <c:pt idx="17342">
                  <c:v>77.115099999999998</c:v>
                </c:pt>
                <c:pt idx="17343">
                  <c:v>80.956699999999998</c:v>
                </c:pt>
                <c:pt idx="17344">
                  <c:v>92.319900000000004</c:v>
                </c:pt>
                <c:pt idx="17345">
                  <c:v>79.263800000000003</c:v>
                </c:pt>
                <c:pt idx="17346">
                  <c:v>86.072299999999998</c:v>
                </c:pt>
                <c:pt idx="17347">
                  <c:v>78.077500000000001</c:v>
                </c:pt>
                <c:pt idx="17348">
                  <c:v>74.488399999999999</c:v>
                </c:pt>
                <c:pt idx="17349">
                  <c:v>88.646299999999997</c:v>
                </c:pt>
                <c:pt idx="17350">
                  <c:v>88.7102</c:v>
                </c:pt>
                <c:pt idx="17351">
                  <c:v>90.121499999999997</c:v>
                </c:pt>
                <c:pt idx="17352">
                  <c:v>81.687899999999999</c:v>
                </c:pt>
                <c:pt idx="17353">
                  <c:v>77.115099999999998</c:v>
                </c:pt>
                <c:pt idx="17354">
                  <c:v>80.956699999999998</c:v>
                </c:pt>
                <c:pt idx="17355">
                  <c:v>92.319900000000004</c:v>
                </c:pt>
                <c:pt idx="17356">
                  <c:v>79.263800000000003</c:v>
                </c:pt>
                <c:pt idx="17357">
                  <c:v>86.072299999999998</c:v>
                </c:pt>
                <c:pt idx="17358">
                  <c:v>78.077500000000001</c:v>
                </c:pt>
                <c:pt idx="17359">
                  <c:v>74.488399999999999</c:v>
                </c:pt>
                <c:pt idx="17360">
                  <c:v>88.646299999999997</c:v>
                </c:pt>
                <c:pt idx="17361">
                  <c:v>88.7102</c:v>
                </c:pt>
                <c:pt idx="17362">
                  <c:v>90.121499999999997</c:v>
                </c:pt>
                <c:pt idx="17363">
                  <c:v>81.687899999999999</c:v>
                </c:pt>
                <c:pt idx="17364">
                  <c:v>77.115099999999998</c:v>
                </c:pt>
                <c:pt idx="17365">
                  <c:v>80.956699999999998</c:v>
                </c:pt>
                <c:pt idx="17366">
                  <c:v>92.319900000000004</c:v>
                </c:pt>
                <c:pt idx="17367">
                  <c:v>79.263800000000003</c:v>
                </c:pt>
                <c:pt idx="17368">
                  <c:v>86.072299999999998</c:v>
                </c:pt>
                <c:pt idx="17369">
                  <c:v>78.077500000000001</c:v>
                </c:pt>
                <c:pt idx="17370">
                  <c:v>74.488399999999999</c:v>
                </c:pt>
                <c:pt idx="17371">
                  <c:v>88.646299999999997</c:v>
                </c:pt>
                <c:pt idx="17372">
                  <c:v>88.7102</c:v>
                </c:pt>
                <c:pt idx="17373">
                  <c:v>90.121499999999997</c:v>
                </c:pt>
                <c:pt idx="17374">
                  <c:v>81.687899999999999</c:v>
                </c:pt>
                <c:pt idx="17375">
                  <c:v>77.115099999999998</c:v>
                </c:pt>
                <c:pt idx="17376">
                  <c:v>80.956699999999998</c:v>
                </c:pt>
                <c:pt idx="17377">
                  <c:v>92.319900000000004</c:v>
                </c:pt>
                <c:pt idx="17378">
                  <c:v>79.263800000000003</c:v>
                </c:pt>
                <c:pt idx="17379">
                  <c:v>86.072299999999998</c:v>
                </c:pt>
                <c:pt idx="17380">
                  <c:v>78.077500000000001</c:v>
                </c:pt>
                <c:pt idx="17381">
                  <c:v>74.488399999999999</c:v>
                </c:pt>
                <c:pt idx="17382">
                  <c:v>88.646299999999997</c:v>
                </c:pt>
                <c:pt idx="17383">
                  <c:v>88.7102</c:v>
                </c:pt>
                <c:pt idx="17384">
                  <c:v>90.121499999999997</c:v>
                </c:pt>
                <c:pt idx="17385">
                  <c:v>81.687899999999999</c:v>
                </c:pt>
                <c:pt idx="17386">
                  <c:v>77.115099999999998</c:v>
                </c:pt>
                <c:pt idx="17387">
                  <c:v>80.956699999999998</c:v>
                </c:pt>
                <c:pt idx="17388">
                  <c:v>92.319900000000004</c:v>
                </c:pt>
                <c:pt idx="17389">
                  <c:v>79.263800000000003</c:v>
                </c:pt>
                <c:pt idx="17390">
                  <c:v>86.072299999999998</c:v>
                </c:pt>
                <c:pt idx="17391">
                  <c:v>78.077500000000001</c:v>
                </c:pt>
                <c:pt idx="17392">
                  <c:v>74.488399999999999</c:v>
                </c:pt>
                <c:pt idx="17393">
                  <c:v>88.646299999999997</c:v>
                </c:pt>
                <c:pt idx="17394">
                  <c:v>88.7102</c:v>
                </c:pt>
                <c:pt idx="17395">
                  <c:v>90.121499999999997</c:v>
                </c:pt>
                <c:pt idx="17396">
                  <c:v>81.687899999999999</c:v>
                </c:pt>
                <c:pt idx="17397">
                  <c:v>77.115099999999998</c:v>
                </c:pt>
                <c:pt idx="17398">
                  <c:v>80.956699999999998</c:v>
                </c:pt>
                <c:pt idx="17399">
                  <c:v>92.319900000000004</c:v>
                </c:pt>
                <c:pt idx="17400">
                  <c:v>79.263800000000003</c:v>
                </c:pt>
                <c:pt idx="17401">
                  <c:v>86.072299999999998</c:v>
                </c:pt>
                <c:pt idx="17402">
                  <c:v>78.077500000000001</c:v>
                </c:pt>
                <c:pt idx="17403">
                  <c:v>74.488399999999999</c:v>
                </c:pt>
                <c:pt idx="17404">
                  <c:v>88.646299999999997</c:v>
                </c:pt>
                <c:pt idx="17405">
                  <c:v>88.7102</c:v>
                </c:pt>
                <c:pt idx="17406">
                  <c:v>90.121499999999997</c:v>
                </c:pt>
                <c:pt idx="17407">
                  <c:v>81.687899999999999</c:v>
                </c:pt>
                <c:pt idx="17408">
                  <c:v>77.115099999999998</c:v>
                </c:pt>
                <c:pt idx="17409">
                  <c:v>80.956699999999998</c:v>
                </c:pt>
                <c:pt idx="17410">
                  <c:v>92.319900000000004</c:v>
                </c:pt>
                <c:pt idx="17411">
                  <c:v>79.263800000000003</c:v>
                </c:pt>
                <c:pt idx="17412">
                  <c:v>86.072299999999998</c:v>
                </c:pt>
                <c:pt idx="17413">
                  <c:v>78.077500000000001</c:v>
                </c:pt>
                <c:pt idx="17414">
                  <c:v>74.488399999999999</c:v>
                </c:pt>
                <c:pt idx="17415">
                  <c:v>88.646299999999997</c:v>
                </c:pt>
                <c:pt idx="17416">
                  <c:v>88.7102</c:v>
                </c:pt>
                <c:pt idx="17417">
                  <c:v>90.121499999999997</c:v>
                </c:pt>
                <c:pt idx="17418">
                  <c:v>81.687899999999999</c:v>
                </c:pt>
                <c:pt idx="17419">
                  <c:v>77.115099999999998</c:v>
                </c:pt>
                <c:pt idx="17420">
                  <c:v>80.956699999999998</c:v>
                </c:pt>
                <c:pt idx="17421">
                  <c:v>92.319900000000004</c:v>
                </c:pt>
                <c:pt idx="17422">
                  <c:v>79.263800000000003</c:v>
                </c:pt>
                <c:pt idx="17423">
                  <c:v>88.838800000000006</c:v>
                </c:pt>
                <c:pt idx="17424">
                  <c:v>96.268000000000001</c:v>
                </c:pt>
                <c:pt idx="17425">
                  <c:v>98.756900000000002</c:v>
                </c:pt>
                <c:pt idx="17426">
                  <c:v>96.868600000000001</c:v>
                </c:pt>
                <c:pt idx="17427">
                  <c:v>97.177899999999994</c:v>
                </c:pt>
                <c:pt idx="17428">
                  <c:v>94.965900000000005</c:v>
                </c:pt>
                <c:pt idx="17429">
                  <c:v>102.986</c:v>
                </c:pt>
                <c:pt idx="17430">
                  <c:v>98.307100000000005</c:v>
                </c:pt>
                <c:pt idx="17431">
                  <c:v>99.702100000000002</c:v>
                </c:pt>
                <c:pt idx="17432">
                  <c:v>97.355400000000003</c:v>
                </c:pt>
                <c:pt idx="17433">
                  <c:v>99.116399999999999</c:v>
                </c:pt>
                <c:pt idx="17434">
                  <c:v>88.838800000000006</c:v>
                </c:pt>
                <c:pt idx="17435">
                  <c:v>96.268000000000001</c:v>
                </c:pt>
                <c:pt idx="17436">
                  <c:v>98.756900000000002</c:v>
                </c:pt>
                <c:pt idx="17437">
                  <c:v>96.868600000000001</c:v>
                </c:pt>
                <c:pt idx="17438">
                  <c:v>97.177899999999994</c:v>
                </c:pt>
                <c:pt idx="17439">
                  <c:v>94.965900000000005</c:v>
                </c:pt>
                <c:pt idx="17440">
                  <c:v>102.986</c:v>
                </c:pt>
                <c:pt idx="17441">
                  <c:v>98.307100000000005</c:v>
                </c:pt>
                <c:pt idx="17442">
                  <c:v>99.702100000000002</c:v>
                </c:pt>
                <c:pt idx="17443">
                  <c:v>97.355400000000003</c:v>
                </c:pt>
                <c:pt idx="17444">
                  <c:v>99.116399999999999</c:v>
                </c:pt>
                <c:pt idx="17445">
                  <c:v>88.838800000000006</c:v>
                </c:pt>
                <c:pt idx="17446">
                  <c:v>96.268000000000001</c:v>
                </c:pt>
                <c:pt idx="17447">
                  <c:v>98.756900000000002</c:v>
                </c:pt>
                <c:pt idx="17448">
                  <c:v>96.868600000000001</c:v>
                </c:pt>
                <c:pt idx="17449">
                  <c:v>97.177899999999994</c:v>
                </c:pt>
                <c:pt idx="17450">
                  <c:v>94.965900000000005</c:v>
                </c:pt>
                <c:pt idx="17451">
                  <c:v>102.986</c:v>
                </c:pt>
                <c:pt idx="17452">
                  <c:v>98.307100000000005</c:v>
                </c:pt>
                <c:pt idx="17453">
                  <c:v>99.702100000000002</c:v>
                </c:pt>
                <c:pt idx="17454">
                  <c:v>97.355400000000003</c:v>
                </c:pt>
                <c:pt idx="17455">
                  <c:v>99.116399999999999</c:v>
                </c:pt>
                <c:pt idx="17456">
                  <c:v>88.838800000000006</c:v>
                </c:pt>
                <c:pt idx="17457">
                  <c:v>96.268000000000001</c:v>
                </c:pt>
                <c:pt idx="17458">
                  <c:v>98.756900000000002</c:v>
                </c:pt>
                <c:pt idx="17459">
                  <c:v>96.868600000000001</c:v>
                </c:pt>
                <c:pt idx="17460">
                  <c:v>97.177899999999994</c:v>
                </c:pt>
                <c:pt idx="17461">
                  <c:v>94.965900000000005</c:v>
                </c:pt>
                <c:pt idx="17462">
                  <c:v>102.986</c:v>
                </c:pt>
                <c:pt idx="17463">
                  <c:v>98.307100000000005</c:v>
                </c:pt>
                <c:pt idx="17464">
                  <c:v>99.702100000000002</c:v>
                </c:pt>
                <c:pt idx="17465">
                  <c:v>97.355400000000003</c:v>
                </c:pt>
                <c:pt idx="17466">
                  <c:v>99.116399999999999</c:v>
                </c:pt>
                <c:pt idx="17467">
                  <c:v>88.838800000000006</c:v>
                </c:pt>
                <c:pt idx="17468">
                  <c:v>96.268000000000001</c:v>
                </c:pt>
                <c:pt idx="17469">
                  <c:v>98.756900000000002</c:v>
                </c:pt>
                <c:pt idx="17470">
                  <c:v>96.868600000000001</c:v>
                </c:pt>
                <c:pt idx="17471">
                  <c:v>97.177899999999994</c:v>
                </c:pt>
                <c:pt idx="17472">
                  <c:v>94.965900000000005</c:v>
                </c:pt>
                <c:pt idx="17473">
                  <c:v>102.986</c:v>
                </c:pt>
                <c:pt idx="17474">
                  <c:v>98.307100000000005</c:v>
                </c:pt>
                <c:pt idx="17475">
                  <c:v>99.702100000000002</c:v>
                </c:pt>
                <c:pt idx="17476">
                  <c:v>97.355400000000003</c:v>
                </c:pt>
                <c:pt idx="17477">
                  <c:v>99.116399999999999</c:v>
                </c:pt>
                <c:pt idx="17478">
                  <c:v>88.838800000000006</c:v>
                </c:pt>
                <c:pt idx="17479">
                  <c:v>96.268000000000001</c:v>
                </c:pt>
                <c:pt idx="17480">
                  <c:v>98.756900000000002</c:v>
                </c:pt>
                <c:pt idx="17481">
                  <c:v>96.868600000000001</c:v>
                </c:pt>
                <c:pt idx="17482">
                  <c:v>97.177899999999994</c:v>
                </c:pt>
                <c:pt idx="17483">
                  <c:v>94.965900000000005</c:v>
                </c:pt>
                <c:pt idx="17484">
                  <c:v>102.986</c:v>
                </c:pt>
                <c:pt idx="17485">
                  <c:v>98.307100000000005</c:v>
                </c:pt>
                <c:pt idx="17486">
                  <c:v>99.702100000000002</c:v>
                </c:pt>
                <c:pt idx="17487">
                  <c:v>97.355400000000003</c:v>
                </c:pt>
                <c:pt idx="17488">
                  <c:v>99.116399999999999</c:v>
                </c:pt>
                <c:pt idx="17489">
                  <c:v>88.838800000000006</c:v>
                </c:pt>
                <c:pt idx="17490">
                  <c:v>96.268000000000001</c:v>
                </c:pt>
                <c:pt idx="17491">
                  <c:v>98.756900000000002</c:v>
                </c:pt>
                <c:pt idx="17492">
                  <c:v>96.868600000000001</c:v>
                </c:pt>
                <c:pt idx="17493">
                  <c:v>97.177899999999994</c:v>
                </c:pt>
                <c:pt idx="17494">
                  <c:v>94.965900000000005</c:v>
                </c:pt>
                <c:pt idx="17495">
                  <c:v>102.986</c:v>
                </c:pt>
                <c:pt idx="17496">
                  <c:v>98.307100000000005</c:v>
                </c:pt>
                <c:pt idx="17497">
                  <c:v>99.702100000000002</c:v>
                </c:pt>
                <c:pt idx="17498">
                  <c:v>97.355400000000003</c:v>
                </c:pt>
                <c:pt idx="17499">
                  <c:v>99.116399999999999</c:v>
                </c:pt>
                <c:pt idx="17500">
                  <c:v>88.838800000000006</c:v>
                </c:pt>
                <c:pt idx="17501">
                  <c:v>96.268000000000001</c:v>
                </c:pt>
                <c:pt idx="17502">
                  <c:v>98.756900000000002</c:v>
                </c:pt>
                <c:pt idx="17503">
                  <c:v>96.868600000000001</c:v>
                </c:pt>
                <c:pt idx="17504">
                  <c:v>97.177899999999994</c:v>
                </c:pt>
                <c:pt idx="17505">
                  <c:v>94.965900000000005</c:v>
                </c:pt>
                <c:pt idx="17506">
                  <c:v>102.986</c:v>
                </c:pt>
                <c:pt idx="17507">
                  <c:v>98.307100000000005</c:v>
                </c:pt>
                <c:pt idx="17508">
                  <c:v>99.702100000000002</c:v>
                </c:pt>
                <c:pt idx="17509">
                  <c:v>97.355400000000003</c:v>
                </c:pt>
                <c:pt idx="17510">
                  <c:v>99.116399999999999</c:v>
                </c:pt>
                <c:pt idx="17511">
                  <c:v>88.838800000000006</c:v>
                </c:pt>
                <c:pt idx="17512">
                  <c:v>96.268000000000001</c:v>
                </c:pt>
                <c:pt idx="17513">
                  <c:v>98.756900000000002</c:v>
                </c:pt>
                <c:pt idx="17514">
                  <c:v>96.868600000000001</c:v>
                </c:pt>
                <c:pt idx="17515">
                  <c:v>97.177899999999994</c:v>
                </c:pt>
                <c:pt idx="17516">
                  <c:v>94.965900000000005</c:v>
                </c:pt>
                <c:pt idx="17517">
                  <c:v>102.986</c:v>
                </c:pt>
                <c:pt idx="17518">
                  <c:v>98.307100000000005</c:v>
                </c:pt>
                <c:pt idx="17519">
                  <c:v>99.702100000000002</c:v>
                </c:pt>
                <c:pt idx="17520">
                  <c:v>97.355400000000003</c:v>
                </c:pt>
                <c:pt idx="17521">
                  <c:v>99.116399999999999</c:v>
                </c:pt>
                <c:pt idx="17522">
                  <c:v>88.838800000000006</c:v>
                </c:pt>
                <c:pt idx="17523">
                  <c:v>96.268000000000001</c:v>
                </c:pt>
                <c:pt idx="17524">
                  <c:v>98.756900000000002</c:v>
                </c:pt>
                <c:pt idx="17525">
                  <c:v>96.868600000000001</c:v>
                </c:pt>
                <c:pt idx="17526">
                  <c:v>97.177899999999994</c:v>
                </c:pt>
                <c:pt idx="17527">
                  <c:v>94.965900000000005</c:v>
                </c:pt>
                <c:pt idx="17528">
                  <c:v>102.986</c:v>
                </c:pt>
                <c:pt idx="17529">
                  <c:v>98.307100000000005</c:v>
                </c:pt>
                <c:pt idx="17530">
                  <c:v>99.702100000000002</c:v>
                </c:pt>
                <c:pt idx="17531">
                  <c:v>97.355400000000003</c:v>
                </c:pt>
                <c:pt idx="17532">
                  <c:v>99.116399999999999</c:v>
                </c:pt>
                <c:pt idx="17533">
                  <c:v>88.838800000000006</c:v>
                </c:pt>
                <c:pt idx="17534">
                  <c:v>96.268000000000001</c:v>
                </c:pt>
                <c:pt idx="17535">
                  <c:v>98.756900000000002</c:v>
                </c:pt>
                <c:pt idx="17536">
                  <c:v>96.868600000000001</c:v>
                </c:pt>
                <c:pt idx="17537">
                  <c:v>97.177899999999994</c:v>
                </c:pt>
                <c:pt idx="17538">
                  <c:v>94.965900000000005</c:v>
                </c:pt>
                <c:pt idx="17539">
                  <c:v>102.986</c:v>
                </c:pt>
                <c:pt idx="17540">
                  <c:v>98.307100000000005</c:v>
                </c:pt>
                <c:pt idx="17541">
                  <c:v>99.702100000000002</c:v>
                </c:pt>
                <c:pt idx="17542">
                  <c:v>97.355400000000003</c:v>
                </c:pt>
                <c:pt idx="17543">
                  <c:v>99.116399999999999</c:v>
                </c:pt>
                <c:pt idx="17544">
                  <c:v>88.838800000000006</c:v>
                </c:pt>
                <c:pt idx="17545">
                  <c:v>96.268000000000001</c:v>
                </c:pt>
                <c:pt idx="17546">
                  <c:v>98.756900000000002</c:v>
                </c:pt>
                <c:pt idx="17547">
                  <c:v>96.868600000000001</c:v>
                </c:pt>
                <c:pt idx="17548">
                  <c:v>97.177899999999994</c:v>
                </c:pt>
                <c:pt idx="17549">
                  <c:v>94.965900000000005</c:v>
                </c:pt>
                <c:pt idx="17550">
                  <c:v>102.986</c:v>
                </c:pt>
                <c:pt idx="17551">
                  <c:v>98.307100000000005</c:v>
                </c:pt>
                <c:pt idx="17552">
                  <c:v>99.702100000000002</c:v>
                </c:pt>
                <c:pt idx="17553">
                  <c:v>97.355400000000003</c:v>
                </c:pt>
                <c:pt idx="17554">
                  <c:v>99.116399999999999</c:v>
                </c:pt>
                <c:pt idx="17555">
                  <c:v>88.838800000000006</c:v>
                </c:pt>
                <c:pt idx="17556">
                  <c:v>96.268000000000001</c:v>
                </c:pt>
                <c:pt idx="17557">
                  <c:v>98.756900000000002</c:v>
                </c:pt>
                <c:pt idx="17558">
                  <c:v>96.868600000000001</c:v>
                </c:pt>
                <c:pt idx="17559">
                  <c:v>97.177899999999994</c:v>
                </c:pt>
                <c:pt idx="17560">
                  <c:v>94.965900000000005</c:v>
                </c:pt>
                <c:pt idx="17561">
                  <c:v>102.986</c:v>
                </c:pt>
                <c:pt idx="17562">
                  <c:v>98.307100000000005</c:v>
                </c:pt>
                <c:pt idx="17563">
                  <c:v>99.702100000000002</c:v>
                </c:pt>
                <c:pt idx="17564">
                  <c:v>97.355400000000003</c:v>
                </c:pt>
                <c:pt idx="17565">
                  <c:v>99.116399999999999</c:v>
                </c:pt>
                <c:pt idx="17566">
                  <c:v>88.838800000000006</c:v>
                </c:pt>
                <c:pt idx="17567">
                  <c:v>96.268000000000001</c:v>
                </c:pt>
                <c:pt idx="17568">
                  <c:v>98.756900000000002</c:v>
                </c:pt>
                <c:pt idx="17569">
                  <c:v>96.868600000000001</c:v>
                </c:pt>
                <c:pt idx="17570">
                  <c:v>97.177899999999994</c:v>
                </c:pt>
                <c:pt idx="17571">
                  <c:v>94.965900000000005</c:v>
                </c:pt>
                <c:pt idx="17572">
                  <c:v>102.986</c:v>
                </c:pt>
                <c:pt idx="17573">
                  <c:v>98.307100000000005</c:v>
                </c:pt>
                <c:pt idx="17574">
                  <c:v>99.702100000000002</c:v>
                </c:pt>
                <c:pt idx="17575">
                  <c:v>97.355400000000003</c:v>
                </c:pt>
                <c:pt idx="17576">
                  <c:v>99.116399999999999</c:v>
                </c:pt>
                <c:pt idx="17577">
                  <c:v>88.838800000000006</c:v>
                </c:pt>
                <c:pt idx="17578">
                  <c:v>96.268000000000001</c:v>
                </c:pt>
                <c:pt idx="17579">
                  <c:v>98.756900000000002</c:v>
                </c:pt>
                <c:pt idx="17580">
                  <c:v>96.868600000000001</c:v>
                </c:pt>
                <c:pt idx="17581">
                  <c:v>97.177899999999994</c:v>
                </c:pt>
                <c:pt idx="17582">
                  <c:v>94.965900000000005</c:v>
                </c:pt>
                <c:pt idx="17583">
                  <c:v>102.986</c:v>
                </c:pt>
                <c:pt idx="17584">
                  <c:v>98.307100000000005</c:v>
                </c:pt>
                <c:pt idx="17585">
                  <c:v>99.702100000000002</c:v>
                </c:pt>
                <c:pt idx="17586">
                  <c:v>97.355400000000003</c:v>
                </c:pt>
                <c:pt idx="17587">
                  <c:v>99.116399999999999</c:v>
                </c:pt>
                <c:pt idx="17588">
                  <c:v>88.838800000000006</c:v>
                </c:pt>
                <c:pt idx="17589">
                  <c:v>96.268000000000001</c:v>
                </c:pt>
                <c:pt idx="17590">
                  <c:v>98.756900000000002</c:v>
                </c:pt>
                <c:pt idx="17591">
                  <c:v>96.868600000000001</c:v>
                </c:pt>
                <c:pt idx="17592">
                  <c:v>97.177899999999994</c:v>
                </c:pt>
                <c:pt idx="17593">
                  <c:v>94.965900000000005</c:v>
                </c:pt>
                <c:pt idx="17594">
                  <c:v>102.986</c:v>
                </c:pt>
                <c:pt idx="17595">
                  <c:v>98.307100000000005</c:v>
                </c:pt>
                <c:pt idx="17596">
                  <c:v>99.702100000000002</c:v>
                </c:pt>
                <c:pt idx="17597">
                  <c:v>97.355400000000003</c:v>
                </c:pt>
                <c:pt idx="17598">
                  <c:v>99.116399999999999</c:v>
                </c:pt>
                <c:pt idx="17599">
                  <c:v>88.838800000000006</c:v>
                </c:pt>
                <c:pt idx="17600">
                  <c:v>96.268000000000001</c:v>
                </c:pt>
                <c:pt idx="17601">
                  <c:v>98.756900000000002</c:v>
                </c:pt>
                <c:pt idx="17602">
                  <c:v>96.868600000000001</c:v>
                </c:pt>
                <c:pt idx="17603">
                  <c:v>97.177899999999994</c:v>
                </c:pt>
                <c:pt idx="17604">
                  <c:v>94.965900000000005</c:v>
                </c:pt>
                <c:pt idx="17605">
                  <c:v>102.986</c:v>
                </c:pt>
                <c:pt idx="17606">
                  <c:v>98.307100000000005</c:v>
                </c:pt>
                <c:pt idx="17607">
                  <c:v>99.702100000000002</c:v>
                </c:pt>
                <c:pt idx="17608">
                  <c:v>97.355400000000003</c:v>
                </c:pt>
                <c:pt idx="17609">
                  <c:v>99.116399999999999</c:v>
                </c:pt>
                <c:pt idx="17610">
                  <c:v>88.838800000000006</c:v>
                </c:pt>
                <c:pt idx="17611">
                  <c:v>96.268000000000001</c:v>
                </c:pt>
                <c:pt idx="17612">
                  <c:v>98.756900000000002</c:v>
                </c:pt>
                <c:pt idx="17613">
                  <c:v>96.868600000000001</c:v>
                </c:pt>
                <c:pt idx="17614">
                  <c:v>97.177899999999994</c:v>
                </c:pt>
                <c:pt idx="17615">
                  <c:v>94.965900000000005</c:v>
                </c:pt>
                <c:pt idx="17616">
                  <c:v>102.986</c:v>
                </c:pt>
                <c:pt idx="17617">
                  <c:v>98.307100000000005</c:v>
                </c:pt>
                <c:pt idx="17618">
                  <c:v>99.702100000000002</c:v>
                </c:pt>
                <c:pt idx="17619">
                  <c:v>97.355400000000003</c:v>
                </c:pt>
                <c:pt idx="17620">
                  <c:v>99.116399999999999</c:v>
                </c:pt>
                <c:pt idx="17621">
                  <c:v>88.838800000000006</c:v>
                </c:pt>
                <c:pt idx="17622">
                  <c:v>96.268000000000001</c:v>
                </c:pt>
                <c:pt idx="17623">
                  <c:v>98.756900000000002</c:v>
                </c:pt>
                <c:pt idx="17624">
                  <c:v>96.868600000000001</c:v>
                </c:pt>
                <c:pt idx="17625">
                  <c:v>97.177899999999994</c:v>
                </c:pt>
                <c:pt idx="17626">
                  <c:v>94.965900000000005</c:v>
                </c:pt>
                <c:pt idx="17627">
                  <c:v>102.986</c:v>
                </c:pt>
                <c:pt idx="17628">
                  <c:v>98.307100000000005</c:v>
                </c:pt>
                <c:pt idx="17629">
                  <c:v>99.702100000000002</c:v>
                </c:pt>
                <c:pt idx="17630">
                  <c:v>97.355400000000003</c:v>
                </c:pt>
                <c:pt idx="17631">
                  <c:v>99.116399999999999</c:v>
                </c:pt>
                <c:pt idx="17632">
                  <c:v>88.838800000000006</c:v>
                </c:pt>
                <c:pt idx="17633">
                  <c:v>96.268000000000001</c:v>
                </c:pt>
                <c:pt idx="17634">
                  <c:v>98.756900000000002</c:v>
                </c:pt>
                <c:pt idx="17635">
                  <c:v>96.868600000000001</c:v>
                </c:pt>
                <c:pt idx="17636">
                  <c:v>97.177899999999994</c:v>
                </c:pt>
                <c:pt idx="17637">
                  <c:v>94.965900000000005</c:v>
                </c:pt>
                <c:pt idx="17638">
                  <c:v>102.986</c:v>
                </c:pt>
                <c:pt idx="17639">
                  <c:v>98.307100000000005</c:v>
                </c:pt>
                <c:pt idx="17640">
                  <c:v>99.702100000000002</c:v>
                </c:pt>
                <c:pt idx="17641">
                  <c:v>97.355400000000003</c:v>
                </c:pt>
                <c:pt idx="17642">
                  <c:v>99.116399999999999</c:v>
                </c:pt>
                <c:pt idx="17643">
                  <c:v>88.838800000000006</c:v>
                </c:pt>
                <c:pt idx="17644">
                  <c:v>96.268000000000001</c:v>
                </c:pt>
                <c:pt idx="17645">
                  <c:v>98.756900000000002</c:v>
                </c:pt>
                <c:pt idx="17646">
                  <c:v>96.868600000000001</c:v>
                </c:pt>
                <c:pt idx="17647">
                  <c:v>97.177899999999994</c:v>
                </c:pt>
                <c:pt idx="17648">
                  <c:v>94.965900000000005</c:v>
                </c:pt>
                <c:pt idx="17649">
                  <c:v>102.986</c:v>
                </c:pt>
                <c:pt idx="17650">
                  <c:v>98.307100000000005</c:v>
                </c:pt>
                <c:pt idx="17651">
                  <c:v>99.702100000000002</c:v>
                </c:pt>
                <c:pt idx="17652">
                  <c:v>97.355400000000003</c:v>
                </c:pt>
                <c:pt idx="17653">
                  <c:v>99.116399999999999</c:v>
                </c:pt>
                <c:pt idx="17654">
                  <c:v>88.838800000000006</c:v>
                </c:pt>
                <c:pt idx="17655">
                  <c:v>96.268000000000001</c:v>
                </c:pt>
                <c:pt idx="17656">
                  <c:v>98.756900000000002</c:v>
                </c:pt>
                <c:pt idx="17657">
                  <c:v>96.868600000000001</c:v>
                </c:pt>
                <c:pt idx="17658">
                  <c:v>97.177899999999994</c:v>
                </c:pt>
                <c:pt idx="17659">
                  <c:v>94.965900000000005</c:v>
                </c:pt>
                <c:pt idx="17660">
                  <c:v>102.986</c:v>
                </c:pt>
                <c:pt idx="17661">
                  <c:v>98.307100000000005</c:v>
                </c:pt>
                <c:pt idx="17662">
                  <c:v>99.702100000000002</c:v>
                </c:pt>
                <c:pt idx="17663">
                  <c:v>97.355400000000003</c:v>
                </c:pt>
                <c:pt idx="17664">
                  <c:v>99.116399999999999</c:v>
                </c:pt>
                <c:pt idx="17665">
                  <c:v>88.838800000000006</c:v>
                </c:pt>
                <c:pt idx="17666">
                  <c:v>96.268000000000001</c:v>
                </c:pt>
                <c:pt idx="17667">
                  <c:v>98.756900000000002</c:v>
                </c:pt>
                <c:pt idx="17668">
                  <c:v>96.868600000000001</c:v>
                </c:pt>
                <c:pt idx="17669">
                  <c:v>97.177899999999994</c:v>
                </c:pt>
                <c:pt idx="17670">
                  <c:v>94.965900000000005</c:v>
                </c:pt>
                <c:pt idx="17671">
                  <c:v>102.986</c:v>
                </c:pt>
                <c:pt idx="17672">
                  <c:v>98.307100000000005</c:v>
                </c:pt>
                <c:pt idx="17673">
                  <c:v>99.702100000000002</c:v>
                </c:pt>
                <c:pt idx="17674">
                  <c:v>97.355400000000003</c:v>
                </c:pt>
                <c:pt idx="17675">
                  <c:v>99.116399999999999</c:v>
                </c:pt>
                <c:pt idx="17676">
                  <c:v>88.838800000000006</c:v>
                </c:pt>
                <c:pt idx="17677">
                  <c:v>96.268000000000001</c:v>
                </c:pt>
                <c:pt idx="17678">
                  <c:v>98.756900000000002</c:v>
                </c:pt>
                <c:pt idx="17679">
                  <c:v>96.868600000000001</c:v>
                </c:pt>
                <c:pt idx="17680">
                  <c:v>97.177899999999994</c:v>
                </c:pt>
                <c:pt idx="17681">
                  <c:v>94.965900000000005</c:v>
                </c:pt>
                <c:pt idx="17682">
                  <c:v>102.986</c:v>
                </c:pt>
                <c:pt idx="17683">
                  <c:v>98.307100000000005</c:v>
                </c:pt>
                <c:pt idx="17684">
                  <c:v>99.702100000000002</c:v>
                </c:pt>
                <c:pt idx="17685">
                  <c:v>97.355400000000003</c:v>
                </c:pt>
                <c:pt idx="17686">
                  <c:v>99.116399999999999</c:v>
                </c:pt>
                <c:pt idx="17687">
                  <c:v>88.838800000000006</c:v>
                </c:pt>
                <c:pt idx="17688">
                  <c:v>96.268000000000001</c:v>
                </c:pt>
                <c:pt idx="17689">
                  <c:v>98.756900000000002</c:v>
                </c:pt>
                <c:pt idx="17690">
                  <c:v>96.868600000000001</c:v>
                </c:pt>
                <c:pt idx="17691">
                  <c:v>97.177899999999994</c:v>
                </c:pt>
                <c:pt idx="17692">
                  <c:v>94.965900000000005</c:v>
                </c:pt>
                <c:pt idx="17693">
                  <c:v>102.986</c:v>
                </c:pt>
                <c:pt idx="17694">
                  <c:v>98.307100000000005</c:v>
                </c:pt>
                <c:pt idx="17695">
                  <c:v>99.702100000000002</c:v>
                </c:pt>
                <c:pt idx="17696">
                  <c:v>97.355400000000003</c:v>
                </c:pt>
                <c:pt idx="17697">
                  <c:v>99.116399999999999</c:v>
                </c:pt>
                <c:pt idx="17698">
                  <c:v>88.838800000000006</c:v>
                </c:pt>
                <c:pt idx="17699">
                  <c:v>96.268000000000001</c:v>
                </c:pt>
                <c:pt idx="17700">
                  <c:v>98.756900000000002</c:v>
                </c:pt>
                <c:pt idx="17701">
                  <c:v>96.868600000000001</c:v>
                </c:pt>
                <c:pt idx="17702">
                  <c:v>97.177899999999994</c:v>
                </c:pt>
                <c:pt idx="17703">
                  <c:v>94.965900000000005</c:v>
                </c:pt>
                <c:pt idx="17704">
                  <c:v>102.986</c:v>
                </c:pt>
                <c:pt idx="17705">
                  <c:v>98.307100000000005</c:v>
                </c:pt>
                <c:pt idx="17706">
                  <c:v>99.702100000000002</c:v>
                </c:pt>
                <c:pt idx="17707">
                  <c:v>97.355400000000003</c:v>
                </c:pt>
                <c:pt idx="17708">
                  <c:v>99.116399999999999</c:v>
                </c:pt>
                <c:pt idx="17709">
                  <c:v>88.838800000000006</c:v>
                </c:pt>
                <c:pt idx="17710">
                  <c:v>96.268000000000001</c:v>
                </c:pt>
                <c:pt idx="17711">
                  <c:v>98.756900000000002</c:v>
                </c:pt>
                <c:pt idx="17712">
                  <c:v>96.868600000000001</c:v>
                </c:pt>
                <c:pt idx="17713">
                  <c:v>97.177899999999994</c:v>
                </c:pt>
                <c:pt idx="17714">
                  <c:v>94.965900000000005</c:v>
                </c:pt>
                <c:pt idx="17715">
                  <c:v>102.986</c:v>
                </c:pt>
                <c:pt idx="17716">
                  <c:v>98.307100000000005</c:v>
                </c:pt>
                <c:pt idx="17717">
                  <c:v>99.702100000000002</c:v>
                </c:pt>
                <c:pt idx="17718">
                  <c:v>97.355400000000003</c:v>
                </c:pt>
                <c:pt idx="17719">
                  <c:v>99.116399999999999</c:v>
                </c:pt>
                <c:pt idx="17720">
                  <c:v>88.838800000000006</c:v>
                </c:pt>
                <c:pt idx="17721">
                  <c:v>96.268000000000001</c:v>
                </c:pt>
                <c:pt idx="17722">
                  <c:v>98.756900000000002</c:v>
                </c:pt>
                <c:pt idx="17723">
                  <c:v>96.868600000000001</c:v>
                </c:pt>
                <c:pt idx="17724">
                  <c:v>97.177899999999994</c:v>
                </c:pt>
                <c:pt idx="17725">
                  <c:v>94.965900000000005</c:v>
                </c:pt>
                <c:pt idx="17726">
                  <c:v>102.986</c:v>
                </c:pt>
                <c:pt idx="17727">
                  <c:v>98.307100000000005</c:v>
                </c:pt>
                <c:pt idx="17728">
                  <c:v>99.702100000000002</c:v>
                </c:pt>
                <c:pt idx="17729">
                  <c:v>97.355400000000003</c:v>
                </c:pt>
                <c:pt idx="17730">
                  <c:v>99.116399999999999</c:v>
                </c:pt>
                <c:pt idx="17731">
                  <c:v>88.838800000000006</c:v>
                </c:pt>
                <c:pt idx="17732">
                  <c:v>96.268000000000001</c:v>
                </c:pt>
                <c:pt idx="17733">
                  <c:v>98.756900000000002</c:v>
                </c:pt>
                <c:pt idx="17734">
                  <c:v>96.868600000000001</c:v>
                </c:pt>
                <c:pt idx="17735">
                  <c:v>97.177899999999994</c:v>
                </c:pt>
                <c:pt idx="17736">
                  <c:v>94.965900000000005</c:v>
                </c:pt>
                <c:pt idx="17737">
                  <c:v>102.986</c:v>
                </c:pt>
                <c:pt idx="17738">
                  <c:v>98.307100000000005</c:v>
                </c:pt>
                <c:pt idx="17739">
                  <c:v>99.702100000000002</c:v>
                </c:pt>
                <c:pt idx="17740">
                  <c:v>97.355400000000003</c:v>
                </c:pt>
                <c:pt idx="17741">
                  <c:v>99.116399999999999</c:v>
                </c:pt>
                <c:pt idx="17742">
                  <c:v>88.838800000000006</c:v>
                </c:pt>
                <c:pt idx="17743">
                  <c:v>96.268000000000001</c:v>
                </c:pt>
                <c:pt idx="17744">
                  <c:v>98.756900000000002</c:v>
                </c:pt>
                <c:pt idx="17745">
                  <c:v>96.868600000000001</c:v>
                </c:pt>
                <c:pt idx="17746">
                  <c:v>97.177899999999994</c:v>
                </c:pt>
                <c:pt idx="17747">
                  <c:v>94.965900000000005</c:v>
                </c:pt>
                <c:pt idx="17748">
                  <c:v>102.986</c:v>
                </c:pt>
                <c:pt idx="17749">
                  <c:v>98.307100000000005</c:v>
                </c:pt>
                <c:pt idx="17750">
                  <c:v>99.702100000000002</c:v>
                </c:pt>
                <c:pt idx="17751">
                  <c:v>97.355400000000003</c:v>
                </c:pt>
                <c:pt idx="17752">
                  <c:v>99.116399999999999</c:v>
                </c:pt>
                <c:pt idx="17753">
                  <c:v>88.838800000000006</c:v>
                </c:pt>
                <c:pt idx="17754">
                  <c:v>96.268000000000001</c:v>
                </c:pt>
                <c:pt idx="17755">
                  <c:v>98.756900000000002</c:v>
                </c:pt>
                <c:pt idx="17756">
                  <c:v>96.868600000000001</c:v>
                </c:pt>
                <c:pt idx="17757">
                  <c:v>97.177899999999994</c:v>
                </c:pt>
                <c:pt idx="17758">
                  <c:v>94.965900000000005</c:v>
                </c:pt>
                <c:pt idx="17759">
                  <c:v>102.986</c:v>
                </c:pt>
                <c:pt idx="17760">
                  <c:v>98.307100000000005</c:v>
                </c:pt>
                <c:pt idx="17761">
                  <c:v>99.702100000000002</c:v>
                </c:pt>
                <c:pt idx="17762">
                  <c:v>97.355400000000003</c:v>
                </c:pt>
                <c:pt idx="17763">
                  <c:v>99.116399999999999</c:v>
                </c:pt>
                <c:pt idx="17764">
                  <c:v>88.838800000000006</c:v>
                </c:pt>
                <c:pt idx="17765">
                  <c:v>96.268000000000001</c:v>
                </c:pt>
                <c:pt idx="17766">
                  <c:v>98.756900000000002</c:v>
                </c:pt>
                <c:pt idx="17767">
                  <c:v>96.868600000000001</c:v>
                </c:pt>
                <c:pt idx="17768">
                  <c:v>97.177899999999994</c:v>
                </c:pt>
                <c:pt idx="17769">
                  <c:v>94.965900000000005</c:v>
                </c:pt>
                <c:pt idx="17770">
                  <c:v>102.986</c:v>
                </c:pt>
                <c:pt idx="17771">
                  <c:v>98.307100000000005</c:v>
                </c:pt>
                <c:pt idx="17772">
                  <c:v>99.702100000000002</c:v>
                </c:pt>
                <c:pt idx="17773">
                  <c:v>97.355400000000003</c:v>
                </c:pt>
                <c:pt idx="17774">
                  <c:v>99.116399999999999</c:v>
                </c:pt>
                <c:pt idx="17775">
                  <c:v>88.838800000000006</c:v>
                </c:pt>
                <c:pt idx="17776">
                  <c:v>96.268000000000001</c:v>
                </c:pt>
                <c:pt idx="17777">
                  <c:v>98.756900000000002</c:v>
                </c:pt>
                <c:pt idx="17778">
                  <c:v>96.868600000000001</c:v>
                </c:pt>
                <c:pt idx="17779">
                  <c:v>97.177899999999994</c:v>
                </c:pt>
                <c:pt idx="17780">
                  <c:v>94.965900000000005</c:v>
                </c:pt>
                <c:pt idx="17781">
                  <c:v>102.986</c:v>
                </c:pt>
                <c:pt idx="17782">
                  <c:v>98.307100000000005</c:v>
                </c:pt>
                <c:pt idx="17783">
                  <c:v>99.702100000000002</c:v>
                </c:pt>
                <c:pt idx="17784">
                  <c:v>97.355400000000003</c:v>
                </c:pt>
                <c:pt idx="17785">
                  <c:v>99.116399999999999</c:v>
                </c:pt>
                <c:pt idx="17786">
                  <c:v>88.838800000000006</c:v>
                </c:pt>
                <c:pt idx="17787">
                  <c:v>96.268000000000001</c:v>
                </c:pt>
                <c:pt idx="17788">
                  <c:v>98.756900000000002</c:v>
                </c:pt>
                <c:pt idx="17789">
                  <c:v>96.868600000000001</c:v>
                </c:pt>
                <c:pt idx="17790">
                  <c:v>97.177899999999994</c:v>
                </c:pt>
                <c:pt idx="17791">
                  <c:v>94.965900000000005</c:v>
                </c:pt>
                <c:pt idx="17792">
                  <c:v>102.986</c:v>
                </c:pt>
                <c:pt idx="17793">
                  <c:v>98.307100000000005</c:v>
                </c:pt>
                <c:pt idx="17794">
                  <c:v>99.702100000000002</c:v>
                </c:pt>
                <c:pt idx="17795">
                  <c:v>97.355400000000003</c:v>
                </c:pt>
                <c:pt idx="17796">
                  <c:v>99.116399999999999</c:v>
                </c:pt>
                <c:pt idx="17797">
                  <c:v>88.838800000000006</c:v>
                </c:pt>
                <c:pt idx="17798">
                  <c:v>96.268000000000001</c:v>
                </c:pt>
                <c:pt idx="17799">
                  <c:v>98.756900000000002</c:v>
                </c:pt>
                <c:pt idx="17800">
                  <c:v>96.868600000000001</c:v>
                </c:pt>
                <c:pt idx="17801">
                  <c:v>97.177899999999994</c:v>
                </c:pt>
                <c:pt idx="17802">
                  <c:v>94.965900000000005</c:v>
                </c:pt>
                <c:pt idx="17803">
                  <c:v>102.986</c:v>
                </c:pt>
                <c:pt idx="17804">
                  <c:v>98.307100000000005</c:v>
                </c:pt>
                <c:pt idx="17805">
                  <c:v>99.702100000000002</c:v>
                </c:pt>
                <c:pt idx="17806">
                  <c:v>97.355400000000003</c:v>
                </c:pt>
                <c:pt idx="17807">
                  <c:v>99.116399999999999</c:v>
                </c:pt>
                <c:pt idx="17808">
                  <c:v>88.838800000000006</c:v>
                </c:pt>
                <c:pt idx="17809">
                  <c:v>96.268000000000001</c:v>
                </c:pt>
                <c:pt idx="17810">
                  <c:v>98.756900000000002</c:v>
                </c:pt>
                <c:pt idx="17811">
                  <c:v>96.868600000000001</c:v>
                </c:pt>
                <c:pt idx="17812">
                  <c:v>97.177899999999994</c:v>
                </c:pt>
                <c:pt idx="17813">
                  <c:v>94.965900000000005</c:v>
                </c:pt>
                <c:pt idx="17814">
                  <c:v>102.986</c:v>
                </c:pt>
                <c:pt idx="17815">
                  <c:v>98.307100000000005</c:v>
                </c:pt>
                <c:pt idx="17816">
                  <c:v>99.702100000000002</c:v>
                </c:pt>
                <c:pt idx="17817">
                  <c:v>97.355400000000003</c:v>
                </c:pt>
                <c:pt idx="17818">
                  <c:v>99.116399999999999</c:v>
                </c:pt>
                <c:pt idx="17819">
                  <c:v>88.838800000000006</c:v>
                </c:pt>
                <c:pt idx="17820">
                  <c:v>96.268000000000001</c:v>
                </c:pt>
                <c:pt idx="17821">
                  <c:v>98.756900000000002</c:v>
                </c:pt>
                <c:pt idx="17822">
                  <c:v>96.868600000000001</c:v>
                </c:pt>
                <c:pt idx="17823">
                  <c:v>97.177899999999994</c:v>
                </c:pt>
                <c:pt idx="17824">
                  <c:v>94.965900000000005</c:v>
                </c:pt>
                <c:pt idx="17825">
                  <c:v>102.986</c:v>
                </c:pt>
                <c:pt idx="17826">
                  <c:v>98.307100000000005</c:v>
                </c:pt>
                <c:pt idx="17827">
                  <c:v>99.702100000000002</c:v>
                </c:pt>
                <c:pt idx="17828">
                  <c:v>97.355400000000003</c:v>
                </c:pt>
                <c:pt idx="17829">
                  <c:v>99.116399999999999</c:v>
                </c:pt>
                <c:pt idx="17830">
                  <c:v>88.838800000000006</c:v>
                </c:pt>
                <c:pt idx="17831">
                  <c:v>96.268000000000001</c:v>
                </c:pt>
                <c:pt idx="17832">
                  <c:v>98.756900000000002</c:v>
                </c:pt>
                <c:pt idx="17833">
                  <c:v>96.868600000000001</c:v>
                </c:pt>
                <c:pt idx="17834">
                  <c:v>97.177899999999994</c:v>
                </c:pt>
                <c:pt idx="17835">
                  <c:v>94.965900000000005</c:v>
                </c:pt>
                <c:pt idx="17836">
                  <c:v>102.986</c:v>
                </c:pt>
                <c:pt idx="17837">
                  <c:v>98.307100000000005</c:v>
                </c:pt>
                <c:pt idx="17838">
                  <c:v>99.702100000000002</c:v>
                </c:pt>
                <c:pt idx="17839">
                  <c:v>97.355400000000003</c:v>
                </c:pt>
                <c:pt idx="17840">
                  <c:v>99.116399999999999</c:v>
                </c:pt>
                <c:pt idx="17841">
                  <c:v>88.838800000000006</c:v>
                </c:pt>
                <c:pt idx="17842">
                  <c:v>96.268000000000001</c:v>
                </c:pt>
                <c:pt idx="17843">
                  <c:v>98.756900000000002</c:v>
                </c:pt>
                <c:pt idx="17844">
                  <c:v>96.868600000000001</c:v>
                </c:pt>
                <c:pt idx="17845">
                  <c:v>97.177899999999994</c:v>
                </c:pt>
                <c:pt idx="17846">
                  <c:v>94.965900000000005</c:v>
                </c:pt>
                <c:pt idx="17847">
                  <c:v>102.986</c:v>
                </c:pt>
                <c:pt idx="17848">
                  <c:v>98.307100000000005</c:v>
                </c:pt>
                <c:pt idx="17849">
                  <c:v>99.702100000000002</c:v>
                </c:pt>
                <c:pt idx="17850">
                  <c:v>97.355400000000003</c:v>
                </c:pt>
                <c:pt idx="17851">
                  <c:v>99.116399999999999</c:v>
                </c:pt>
                <c:pt idx="17852">
                  <c:v>88.838800000000006</c:v>
                </c:pt>
                <c:pt idx="17853">
                  <c:v>96.268000000000001</c:v>
                </c:pt>
                <c:pt idx="17854">
                  <c:v>98.756900000000002</c:v>
                </c:pt>
                <c:pt idx="17855">
                  <c:v>96.868600000000001</c:v>
                </c:pt>
                <c:pt idx="17856">
                  <c:v>97.177899999999994</c:v>
                </c:pt>
                <c:pt idx="17857">
                  <c:v>94.965900000000005</c:v>
                </c:pt>
                <c:pt idx="17858">
                  <c:v>102.986</c:v>
                </c:pt>
                <c:pt idx="17859">
                  <c:v>98.307100000000005</c:v>
                </c:pt>
                <c:pt idx="17860">
                  <c:v>99.702100000000002</c:v>
                </c:pt>
                <c:pt idx="17861">
                  <c:v>97.355400000000003</c:v>
                </c:pt>
                <c:pt idx="17862">
                  <c:v>99.116399999999999</c:v>
                </c:pt>
                <c:pt idx="17863">
                  <c:v>88.838800000000006</c:v>
                </c:pt>
                <c:pt idx="17864">
                  <c:v>96.268000000000001</c:v>
                </c:pt>
                <c:pt idx="17865">
                  <c:v>98.756900000000002</c:v>
                </c:pt>
                <c:pt idx="17866">
                  <c:v>96.868600000000001</c:v>
                </c:pt>
                <c:pt idx="17867">
                  <c:v>97.177899999999994</c:v>
                </c:pt>
                <c:pt idx="17868">
                  <c:v>94.965900000000005</c:v>
                </c:pt>
                <c:pt idx="17869">
                  <c:v>102.986</c:v>
                </c:pt>
                <c:pt idx="17870">
                  <c:v>98.307100000000005</c:v>
                </c:pt>
                <c:pt idx="17871">
                  <c:v>99.702100000000002</c:v>
                </c:pt>
                <c:pt idx="17872">
                  <c:v>97.355400000000003</c:v>
                </c:pt>
                <c:pt idx="17873">
                  <c:v>99.116399999999999</c:v>
                </c:pt>
                <c:pt idx="17874">
                  <c:v>88.838800000000006</c:v>
                </c:pt>
                <c:pt idx="17875">
                  <c:v>96.268000000000001</c:v>
                </c:pt>
                <c:pt idx="17876">
                  <c:v>98.756900000000002</c:v>
                </c:pt>
                <c:pt idx="17877">
                  <c:v>96.868600000000001</c:v>
                </c:pt>
                <c:pt idx="17878">
                  <c:v>97.177899999999994</c:v>
                </c:pt>
                <c:pt idx="17879">
                  <c:v>94.965900000000005</c:v>
                </c:pt>
                <c:pt idx="17880">
                  <c:v>102.986</c:v>
                </c:pt>
                <c:pt idx="17881">
                  <c:v>98.307100000000005</c:v>
                </c:pt>
                <c:pt idx="17882">
                  <c:v>99.702100000000002</c:v>
                </c:pt>
                <c:pt idx="17883">
                  <c:v>97.355400000000003</c:v>
                </c:pt>
                <c:pt idx="17884">
                  <c:v>99.116399999999999</c:v>
                </c:pt>
                <c:pt idx="17885">
                  <c:v>88.838800000000006</c:v>
                </c:pt>
                <c:pt idx="17886">
                  <c:v>96.268000000000001</c:v>
                </c:pt>
                <c:pt idx="17887">
                  <c:v>98.756900000000002</c:v>
                </c:pt>
                <c:pt idx="17888">
                  <c:v>96.868600000000001</c:v>
                </c:pt>
                <c:pt idx="17889">
                  <c:v>97.177899999999994</c:v>
                </c:pt>
                <c:pt idx="17890">
                  <c:v>94.965900000000005</c:v>
                </c:pt>
                <c:pt idx="17891">
                  <c:v>102.986</c:v>
                </c:pt>
                <c:pt idx="17892">
                  <c:v>98.307100000000005</c:v>
                </c:pt>
                <c:pt idx="17893">
                  <c:v>99.702100000000002</c:v>
                </c:pt>
                <c:pt idx="17894">
                  <c:v>97.355400000000003</c:v>
                </c:pt>
                <c:pt idx="17895">
                  <c:v>99.116399999999999</c:v>
                </c:pt>
                <c:pt idx="17896">
                  <c:v>88.838800000000006</c:v>
                </c:pt>
                <c:pt idx="17897">
                  <c:v>96.268000000000001</c:v>
                </c:pt>
                <c:pt idx="17898">
                  <c:v>98.756900000000002</c:v>
                </c:pt>
                <c:pt idx="17899">
                  <c:v>96.868600000000001</c:v>
                </c:pt>
                <c:pt idx="17900">
                  <c:v>97.177899999999994</c:v>
                </c:pt>
                <c:pt idx="17901">
                  <c:v>94.965900000000005</c:v>
                </c:pt>
                <c:pt idx="17902">
                  <c:v>102.986</c:v>
                </c:pt>
                <c:pt idx="17903">
                  <c:v>98.307100000000005</c:v>
                </c:pt>
                <c:pt idx="17904">
                  <c:v>99.702100000000002</c:v>
                </c:pt>
                <c:pt idx="17905">
                  <c:v>97.355400000000003</c:v>
                </c:pt>
                <c:pt idx="17906">
                  <c:v>99.116399999999999</c:v>
                </c:pt>
                <c:pt idx="17907">
                  <c:v>88.838800000000006</c:v>
                </c:pt>
                <c:pt idx="17908">
                  <c:v>96.268000000000001</c:v>
                </c:pt>
                <c:pt idx="17909">
                  <c:v>98.756900000000002</c:v>
                </c:pt>
                <c:pt idx="17910">
                  <c:v>96.868600000000001</c:v>
                </c:pt>
                <c:pt idx="17911">
                  <c:v>97.177899999999994</c:v>
                </c:pt>
                <c:pt idx="17912">
                  <c:v>94.965900000000005</c:v>
                </c:pt>
                <c:pt idx="17913">
                  <c:v>102.986</c:v>
                </c:pt>
                <c:pt idx="17914">
                  <c:v>98.307100000000005</c:v>
                </c:pt>
                <c:pt idx="17915">
                  <c:v>99.702100000000002</c:v>
                </c:pt>
                <c:pt idx="17916">
                  <c:v>97.355400000000003</c:v>
                </c:pt>
                <c:pt idx="17917">
                  <c:v>99.116399999999999</c:v>
                </c:pt>
                <c:pt idx="17918">
                  <c:v>88.838800000000006</c:v>
                </c:pt>
                <c:pt idx="17919">
                  <c:v>96.268000000000001</c:v>
                </c:pt>
                <c:pt idx="17920">
                  <c:v>98.756900000000002</c:v>
                </c:pt>
                <c:pt idx="17921">
                  <c:v>96.868600000000001</c:v>
                </c:pt>
                <c:pt idx="17922">
                  <c:v>97.177899999999994</c:v>
                </c:pt>
                <c:pt idx="17923">
                  <c:v>94.965900000000005</c:v>
                </c:pt>
                <c:pt idx="17924">
                  <c:v>102.986</c:v>
                </c:pt>
                <c:pt idx="17925">
                  <c:v>98.307100000000005</c:v>
                </c:pt>
                <c:pt idx="17926">
                  <c:v>99.702100000000002</c:v>
                </c:pt>
                <c:pt idx="17927">
                  <c:v>97.355400000000003</c:v>
                </c:pt>
                <c:pt idx="17928">
                  <c:v>99.116399999999999</c:v>
                </c:pt>
                <c:pt idx="17929">
                  <c:v>88.838800000000006</c:v>
                </c:pt>
                <c:pt idx="17930">
                  <c:v>96.268000000000001</c:v>
                </c:pt>
                <c:pt idx="17931">
                  <c:v>98.756900000000002</c:v>
                </c:pt>
                <c:pt idx="17932">
                  <c:v>96.868600000000001</c:v>
                </c:pt>
                <c:pt idx="17933">
                  <c:v>97.177899999999994</c:v>
                </c:pt>
                <c:pt idx="17934">
                  <c:v>94.965900000000005</c:v>
                </c:pt>
                <c:pt idx="17935">
                  <c:v>102.986</c:v>
                </c:pt>
                <c:pt idx="17936">
                  <c:v>98.307100000000005</c:v>
                </c:pt>
                <c:pt idx="17937">
                  <c:v>99.702100000000002</c:v>
                </c:pt>
                <c:pt idx="17938">
                  <c:v>97.355400000000003</c:v>
                </c:pt>
                <c:pt idx="17939">
                  <c:v>99.116399999999999</c:v>
                </c:pt>
                <c:pt idx="17940">
                  <c:v>88.838800000000006</c:v>
                </c:pt>
                <c:pt idx="17941">
                  <c:v>96.268000000000001</c:v>
                </c:pt>
                <c:pt idx="17942">
                  <c:v>98.756900000000002</c:v>
                </c:pt>
                <c:pt idx="17943">
                  <c:v>96.868600000000001</c:v>
                </c:pt>
                <c:pt idx="17944">
                  <c:v>97.177899999999994</c:v>
                </c:pt>
                <c:pt idx="17945">
                  <c:v>94.965900000000005</c:v>
                </c:pt>
                <c:pt idx="17946">
                  <c:v>102.986</c:v>
                </c:pt>
                <c:pt idx="17947">
                  <c:v>98.307100000000005</c:v>
                </c:pt>
                <c:pt idx="17948">
                  <c:v>99.702100000000002</c:v>
                </c:pt>
                <c:pt idx="17949">
                  <c:v>97.355400000000003</c:v>
                </c:pt>
                <c:pt idx="17950">
                  <c:v>99.116399999999999</c:v>
                </c:pt>
                <c:pt idx="17951">
                  <c:v>88.838800000000006</c:v>
                </c:pt>
                <c:pt idx="17952">
                  <c:v>96.268000000000001</c:v>
                </c:pt>
                <c:pt idx="17953">
                  <c:v>98.756900000000002</c:v>
                </c:pt>
                <c:pt idx="17954">
                  <c:v>96.868600000000001</c:v>
                </c:pt>
                <c:pt idx="17955">
                  <c:v>97.177899999999994</c:v>
                </c:pt>
                <c:pt idx="17956">
                  <c:v>94.965900000000005</c:v>
                </c:pt>
                <c:pt idx="17957">
                  <c:v>102.986</c:v>
                </c:pt>
                <c:pt idx="17958">
                  <c:v>98.307100000000005</c:v>
                </c:pt>
                <c:pt idx="17959">
                  <c:v>99.702100000000002</c:v>
                </c:pt>
                <c:pt idx="17960">
                  <c:v>97.355400000000003</c:v>
                </c:pt>
                <c:pt idx="17961">
                  <c:v>99.116399999999999</c:v>
                </c:pt>
                <c:pt idx="17962">
                  <c:v>88.838800000000006</c:v>
                </c:pt>
                <c:pt idx="17963">
                  <c:v>96.268000000000001</c:v>
                </c:pt>
                <c:pt idx="17964">
                  <c:v>98.756900000000002</c:v>
                </c:pt>
                <c:pt idx="17965">
                  <c:v>96.868600000000001</c:v>
                </c:pt>
                <c:pt idx="17966">
                  <c:v>97.177899999999994</c:v>
                </c:pt>
                <c:pt idx="17967">
                  <c:v>94.965900000000005</c:v>
                </c:pt>
                <c:pt idx="17968">
                  <c:v>102.986</c:v>
                </c:pt>
                <c:pt idx="17969">
                  <c:v>98.307100000000005</c:v>
                </c:pt>
                <c:pt idx="17970">
                  <c:v>99.702100000000002</c:v>
                </c:pt>
                <c:pt idx="17971">
                  <c:v>97.355400000000003</c:v>
                </c:pt>
                <c:pt idx="17972">
                  <c:v>99.116399999999999</c:v>
                </c:pt>
                <c:pt idx="17973">
                  <c:v>88.838800000000006</c:v>
                </c:pt>
                <c:pt idx="17974">
                  <c:v>96.268000000000001</c:v>
                </c:pt>
                <c:pt idx="17975">
                  <c:v>98.756900000000002</c:v>
                </c:pt>
                <c:pt idx="17976">
                  <c:v>96.868600000000001</c:v>
                </c:pt>
                <c:pt idx="17977">
                  <c:v>97.177899999999994</c:v>
                </c:pt>
                <c:pt idx="17978">
                  <c:v>94.965900000000005</c:v>
                </c:pt>
                <c:pt idx="17979">
                  <c:v>102.986</c:v>
                </c:pt>
                <c:pt idx="17980">
                  <c:v>98.307100000000005</c:v>
                </c:pt>
                <c:pt idx="17981">
                  <c:v>99.702100000000002</c:v>
                </c:pt>
                <c:pt idx="17982">
                  <c:v>97.355400000000003</c:v>
                </c:pt>
                <c:pt idx="17983">
                  <c:v>99.116399999999999</c:v>
                </c:pt>
                <c:pt idx="17984">
                  <c:v>88.838800000000006</c:v>
                </c:pt>
                <c:pt idx="17985">
                  <c:v>96.268000000000001</c:v>
                </c:pt>
                <c:pt idx="17986">
                  <c:v>98.756900000000002</c:v>
                </c:pt>
                <c:pt idx="17987">
                  <c:v>96.868600000000001</c:v>
                </c:pt>
                <c:pt idx="17988">
                  <c:v>97.177899999999994</c:v>
                </c:pt>
                <c:pt idx="17989">
                  <c:v>94.965900000000005</c:v>
                </c:pt>
                <c:pt idx="17990">
                  <c:v>102.986</c:v>
                </c:pt>
                <c:pt idx="17991">
                  <c:v>98.307100000000005</c:v>
                </c:pt>
                <c:pt idx="17992">
                  <c:v>99.702100000000002</c:v>
                </c:pt>
                <c:pt idx="17993">
                  <c:v>97.355400000000003</c:v>
                </c:pt>
                <c:pt idx="17994">
                  <c:v>99.116399999999999</c:v>
                </c:pt>
                <c:pt idx="17995">
                  <c:v>88.838800000000006</c:v>
                </c:pt>
                <c:pt idx="17996">
                  <c:v>96.268000000000001</c:v>
                </c:pt>
                <c:pt idx="17997">
                  <c:v>98.756900000000002</c:v>
                </c:pt>
                <c:pt idx="17998">
                  <c:v>96.868600000000001</c:v>
                </c:pt>
                <c:pt idx="17999">
                  <c:v>97.177899999999994</c:v>
                </c:pt>
                <c:pt idx="18000">
                  <c:v>94.965900000000005</c:v>
                </c:pt>
                <c:pt idx="18001">
                  <c:v>102.986</c:v>
                </c:pt>
                <c:pt idx="18002">
                  <c:v>98.307100000000005</c:v>
                </c:pt>
                <c:pt idx="18003">
                  <c:v>99.702100000000002</c:v>
                </c:pt>
                <c:pt idx="18004">
                  <c:v>97.355400000000003</c:v>
                </c:pt>
                <c:pt idx="18005">
                  <c:v>99.116399999999999</c:v>
                </c:pt>
                <c:pt idx="18006">
                  <c:v>88.838800000000006</c:v>
                </c:pt>
                <c:pt idx="18007">
                  <c:v>96.268000000000001</c:v>
                </c:pt>
                <c:pt idx="18008">
                  <c:v>98.756900000000002</c:v>
                </c:pt>
                <c:pt idx="18009">
                  <c:v>96.868600000000001</c:v>
                </c:pt>
                <c:pt idx="18010">
                  <c:v>97.177899999999994</c:v>
                </c:pt>
                <c:pt idx="18011">
                  <c:v>94.965900000000005</c:v>
                </c:pt>
                <c:pt idx="18012">
                  <c:v>102.986</c:v>
                </c:pt>
                <c:pt idx="18013">
                  <c:v>98.307100000000005</c:v>
                </c:pt>
                <c:pt idx="18014">
                  <c:v>99.702100000000002</c:v>
                </c:pt>
                <c:pt idx="18015">
                  <c:v>97.355400000000003</c:v>
                </c:pt>
                <c:pt idx="18016">
                  <c:v>99.116399999999999</c:v>
                </c:pt>
                <c:pt idx="18017">
                  <c:v>88.838800000000006</c:v>
                </c:pt>
                <c:pt idx="18018">
                  <c:v>96.268000000000001</c:v>
                </c:pt>
                <c:pt idx="18019">
                  <c:v>98.756900000000002</c:v>
                </c:pt>
                <c:pt idx="18020">
                  <c:v>96.868600000000001</c:v>
                </c:pt>
                <c:pt idx="18021">
                  <c:v>97.177899999999994</c:v>
                </c:pt>
                <c:pt idx="18022">
                  <c:v>94.965900000000005</c:v>
                </c:pt>
                <c:pt idx="18023">
                  <c:v>102.986</c:v>
                </c:pt>
                <c:pt idx="18024">
                  <c:v>98.307100000000005</c:v>
                </c:pt>
                <c:pt idx="18025">
                  <c:v>99.702100000000002</c:v>
                </c:pt>
                <c:pt idx="18026">
                  <c:v>97.355400000000003</c:v>
                </c:pt>
                <c:pt idx="18027">
                  <c:v>99.116399999999999</c:v>
                </c:pt>
                <c:pt idx="18028">
                  <c:v>88.838800000000006</c:v>
                </c:pt>
                <c:pt idx="18029">
                  <c:v>96.268000000000001</c:v>
                </c:pt>
                <c:pt idx="18030">
                  <c:v>98.756900000000002</c:v>
                </c:pt>
                <c:pt idx="18031">
                  <c:v>96.868600000000001</c:v>
                </c:pt>
                <c:pt idx="18032">
                  <c:v>97.177899999999994</c:v>
                </c:pt>
                <c:pt idx="18033">
                  <c:v>94.965900000000005</c:v>
                </c:pt>
                <c:pt idx="18034">
                  <c:v>102.986</c:v>
                </c:pt>
                <c:pt idx="18035">
                  <c:v>98.307100000000005</c:v>
                </c:pt>
                <c:pt idx="18036">
                  <c:v>99.702100000000002</c:v>
                </c:pt>
                <c:pt idx="18037">
                  <c:v>97.355400000000003</c:v>
                </c:pt>
                <c:pt idx="18038">
                  <c:v>99.116399999999999</c:v>
                </c:pt>
                <c:pt idx="18039">
                  <c:v>88.838800000000006</c:v>
                </c:pt>
                <c:pt idx="18040">
                  <c:v>96.268000000000001</c:v>
                </c:pt>
                <c:pt idx="18041">
                  <c:v>98.756900000000002</c:v>
                </c:pt>
                <c:pt idx="18042">
                  <c:v>96.868600000000001</c:v>
                </c:pt>
                <c:pt idx="18043">
                  <c:v>97.177899999999994</c:v>
                </c:pt>
                <c:pt idx="18044">
                  <c:v>94.965900000000005</c:v>
                </c:pt>
                <c:pt idx="18045">
                  <c:v>102.986</c:v>
                </c:pt>
                <c:pt idx="18046">
                  <c:v>98.307100000000005</c:v>
                </c:pt>
                <c:pt idx="18047">
                  <c:v>99.702100000000002</c:v>
                </c:pt>
                <c:pt idx="18048">
                  <c:v>97.355400000000003</c:v>
                </c:pt>
                <c:pt idx="18049">
                  <c:v>99.116399999999999</c:v>
                </c:pt>
                <c:pt idx="18050">
                  <c:v>88.838800000000006</c:v>
                </c:pt>
                <c:pt idx="18051">
                  <c:v>96.268000000000001</c:v>
                </c:pt>
                <c:pt idx="18052">
                  <c:v>98.756900000000002</c:v>
                </c:pt>
                <c:pt idx="18053">
                  <c:v>96.868600000000001</c:v>
                </c:pt>
                <c:pt idx="18054">
                  <c:v>97.177899999999994</c:v>
                </c:pt>
                <c:pt idx="18055">
                  <c:v>94.965900000000005</c:v>
                </c:pt>
                <c:pt idx="18056">
                  <c:v>102.986</c:v>
                </c:pt>
                <c:pt idx="18057">
                  <c:v>98.307100000000005</c:v>
                </c:pt>
                <c:pt idx="18058">
                  <c:v>99.702100000000002</c:v>
                </c:pt>
                <c:pt idx="18059">
                  <c:v>97.355400000000003</c:v>
                </c:pt>
                <c:pt idx="18060">
                  <c:v>99.116399999999999</c:v>
                </c:pt>
                <c:pt idx="18061">
                  <c:v>88.838800000000006</c:v>
                </c:pt>
                <c:pt idx="18062">
                  <c:v>96.268000000000001</c:v>
                </c:pt>
                <c:pt idx="18063">
                  <c:v>98.756900000000002</c:v>
                </c:pt>
                <c:pt idx="18064">
                  <c:v>96.868600000000001</c:v>
                </c:pt>
                <c:pt idx="18065">
                  <c:v>97.177899999999994</c:v>
                </c:pt>
                <c:pt idx="18066">
                  <c:v>94.965900000000005</c:v>
                </c:pt>
                <c:pt idx="18067">
                  <c:v>102.986</c:v>
                </c:pt>
                <c:pt idx="18068">
                  <c:v>98.307100000000005</c:v>
                </c:pt>
                <c:pt idx="18069">
                  <c:v>99.702100000000002</c:v>
                </c:pt>
                <c:pt idx="18070">
                  <c:v>97.355400000000003</c:v>
                </c:pt>
                <c:pt idx="18071">
                  <c:v>99.116399999999999</c:v>
                </c:pt>
                <c:pt idx="18072">
                  <c:v>88.838800000000006</c:v>
                </c:pt>
                <c:pt idx="18073">
                  <c:v>96.268000000000001</c:v>
                </c:pt>
                <c:pt idx="18074">
                  <c:v>98.756900000000002</c:v>
                </c:pt>
                <c:pt idx="18075">
                  <c:v>96.868600000000001</c:v>
                </c:pt>
                <c:pt idx="18076">
                  <c:v>97.177899999999994</c:v>
                </c:pt>
                <c:pt idx="18077">
                  <c:v>94.965900000000005</c:v>
                </c:pt>
                <c:pt idx="18078">
                  <c:v>102.986</c:v>
                </c:pt>
                <c:pt idx="18079">
                  <c:v>98.307100000000005</c:v>
                </c:pt>
                <c:pt idx="18080">
                  <c:v>99.702100000000002</c:v>
                </c:pt>
                <c:pt idx="18081">
                  <c:v>97.355400000000003</c:v>
                </c:pt>
                <c:pt idx="18082">
                  <c:v>99.116399999999999</c:v>
                </c:pt>
                <c:pt idx="18083">
                  <c:v>88.838800000000006</c:v>
                </c:pt>
                <c:pt idx="18084">
                  <c:v>96.268000000000001</c:v>
                </c:pt>
                <c:pt idx="18085">
                  <c:v>98.756900000000002</c:v>
                </c:pt>
                <c:pt idx="18086">
                  <c:v>96.868600000000001</c:v>
                </c:pt>
                <c:pt idx="18087">
                  <c:v>97.177899999999994</c:v>
                </c:pt>
                <c:pt idx="18088">
                  <c:v>94.965900000000005</c:v>
                </c:pt>
                <c:pt idx="18089">
                  <c:v>102.986</c:v>
                </c:pt>
                <c:pt idx="18090">
                  <c:v>98.307100000000005</c:v>
                </c:pt>
                <c:pt idx="18091">
                  <c:v>99.702100000000002</c:v>
                </c:pt>
                <c:pt idx="18092">
                  <c:v>97.355400000000003</c:v>
                </c:pt>
                <c:pt idx="18093">
                  <c:v>99.116399999999999</c:v>
                </c:pt>
                <c:pt idx="18094">
                  <c:v>88.838800000000006</c:v>
                </c:pt>
                <c:pt idx="18095">
                  <c:v>96.268000000000001</c:v>
                </c:pt>
                <c:pt idx="18096">
                  <c:v>98.756900000000002</c:v>
                </c:pt>
                <c:pt idx="18097">
                  <c:v>96.868600000000001</c:v>
                </c:pt>
                <c:pt idx="18098">
                  <c:v>97.177899999999994</c:v>
                </c:pt>
                <c:pt idx="18099">
                  <c:v>94.965900000000005</c:v>
                </c:pt>
                <c:pt idx="18100">
                  <c:v>102.986</c:v>
                </c:pt>
                <c:pt idx="18101">
                  <c:v>98.307100000000005</c:v>
                </c:pt>
                <c:pt idx="18102">
                  <c:v>99.702100000000002</c:v>
                </c:pt>
                <c:pt idx="18103">
                  <c:v>97.355400000000003</c:v>
                </c:pt>
                <c:pt idx="18104">
                  <c:v>99.116399999999999</c:v>
                </c:pt>
                <c:pt idx="18105">
                  <c:v>88.838800000000006</c:v>
                </c:pt>
                <c:pt idx="18106">
                  <c:v>96.268000000000001</c:v>
                </c:pt>
                <c:pt idx="18107">
                  <c:v>98.756900000000002</c:v>
                </c:pt>
                <c:pt idx="18108">
                  <c:v>96.868600000000001</c:v>
                </c:pt>
                <c:pt idx="18109">
                  <c:v>97.177899999999994</c:v>
                </c:pt>
                <c:pt idx="18110">
                  <c:v>94.965900000000005</c:v>
                </c:pt>
                <c:pt idx="18111">
                  <c:v>102.986</c:v>
                </c:pt>
                <c:pt idx="18112">
                  <c:v>98.307100000000005</c:v>
                </c:pt>
                <c:pt idx="18113">
                  <c:v>99.702100000000002</c:v>
                </c:pt>
                <c:pt idx="18114">
                  <c:v>97.355400000000003</c:v>
                </c:pt>
                <c:pt idx="18115">
                  <c:v>99.116399999999999</c:v>
                </c:pt>
                <c:pt idx="18116">
                  <c:v>88.838800000000006</c:v>
                </c:pt>
                <c:pt idx="18117">
                  <c:v>96.268000000000001</c:v>
                </c:pt>
                <c:pt idx="18118">
                  <c:v>98.756900000000002</c:v>
                </c:pt>
                <c:pt idx="18119">
                  <c:v>96.868600000000001</c:v>
                </c:pt>
                <c:pt idx="18120">
                  <c:v>97.177899999999994</c:v>
                </c:pt>
                <c:pt idx="18121">
                  <c:v>94.965900000000005</c:v>
                </c:pt>
                <c:pt idx="18122">
                  <c:v>102.986</c:v>
                </c:pt>
                <c:pt idx="18123">
                  <c:v>98.307100000000005</c:v>
                </c:pt>
                <c:pt idx="18124">
                  <c:v>99.702100000000002</c:v>
                </c:pt>
                <c:pt idx="18125">
                  <c:v>97.355400000000003</c:v>
                </c:pt>
                <c:pt idx="18126">
                  <c:v>99.116399999999999</c:v>
                </c:pt>
                <c:pt idx="18127">
                  <c:v>88.838800000000006</c:v>
                </c:pt>
                <c:pt idx="18128">
                  <c:v>96.268000000000001</c:v>
                </c:pt>
                <c:pt idx="18129">
                  <c:v>98.756900000000002</c:v>
                </c:pt>
                <c:pt idx="18130">
                  <c:v>96.868600000000001</c:v>
                </c:pt>
                <c:pt idx="18131">
                  <c:v>97.177899999999994</c:v>
                </c:pt>
                <c:pt idx="18132">
                  <c:v>94.965900000000005</c:v>
                </c:pt>
                <c:pt idx="18133">
                  <c:v>102.986</c:v>
                </c:pt>
                <c:pt idx="18134">
                  <c:v>98.307100000000005</c:v>
                </c:pt>
                <c:pt idx="18135">
                  <c:v>99.702100000000002</c:v>
                </c:pt>
                <c:pt idx="18136">
                  <c:v>97.355400000000003</c:v>
                </c:pt>
                <c:pt idx="18137">
                  <c:v>99.116399999999999</c:v>
                </c:pt>
                <c:pt idx="18138">
                  <c:v>88.838800000000006</c:v>
                </c:pt>
                <c:pt idx="18139">
                  <c:v>96.268000000000001</c:v>
                </c:pt>
                <c:pt idx="18140">
                  <c:v>98.756900000000002</c:v>
                </c:pt>
                <c:pt idx="18141">
                  <c:v>96.868600000000001</c:v>
                </c:pt>
                <c:pt idx="18142">
                  <c:v>97.177899999999994</c:v>
                </c:pt>
                <c:pt idx="18143">
                  <c:v>94.965900000000005</c:v>
                </c:pt>
                <c:pt idx="18144">
                  <c:v>102.986</c:v>
                </c:pt>
                <c:pt idx="18145">
                  <c:v>98.307100000000005</c:v>
                </c:pt>
                <c:pt idx="18146">
                  <c:v>99.702100000000002</c:v>
                </c:pt>
                <c:pt idx="18147">
                  <c:v>97.355400000000003</c:v>
                </c:pt>
                <c:pt idx="18148">
                  <c:v>99.116399999999999</c:v>
                </c:pt>
                <c:pt idx="18149">
                  <c:v>88.838800000000006</c:v>
                </c:pt>
                <c:pt idx="18150">
                  <c:v>96.268000000000001</c:v>
                </c:pt>
                <c:pt idx="18151">
                  <c:v>98.756900000000002</c:v>
                </c:pt>
                <c:pt idx="18152">
                  <c:v>96.868600000000001</c:v>
                </c:pt>
                <c:pt idx="18153">
                  <c:v>97.177899999999994</c:v>
                </c:pt>
                <c:pt idx="18154">
                  <c:v>94.965900000000005</c:v>
                </c:pt>
                <c:pt idx="18155">
                  <c:v>102.986</c:v>
                </c:pt>
                <c:pt idx="18156">
                  <c:v>98.307100000000005</c:v>
                </c:pt>
                <c:pt idx="18157">
                  <c:v>99.702100000000002</c:v>
                </c:pt>
                <c:pt idx="18158">
                  <c:v>97.355400000000003</c:v>
                </c:pt>
                <c:pt idx="18159">
                  <c:v>99.116399999999999</c:v>
                </c:pt>
                <c:pt idx="18160">
                  <c:v>88.838800000000006</c:v>
                </c:pt>
                <c:pt idx="18161">
                  <c:v>96.268000000000001</c:v>
                </c:pt>
                <c:pt idx="18162">
                  <c:v>98.756900000000002</c:v>
                </c:pt>
                <c:pt idx="18163">
                  <c:v>96.868600000000001</c:v>
                </c:pt>
                <c:pt idx="18164">
                  <c:v>97.177899999999994</c:v>
                </c:pt>
                <c:pt idx="18165">
                  <c:v>94.965900000000005</c:v>
                </c:pt>
                <c:pt idx="18166">
                  <c:v>102.986</c:v>
                </c:pt>
                <c:pt idx="18167">
                  <c:v>98.307100000000005</c:v>
                </c:pt>
                <c:pt idx="18168">
                  <c:v>99.702100000000002</c:v>
                </c:pt>
                <c:pt idx="18169">
                  <c:v>97.355400000000003</c:v>
                </c:pt>
                <c:pt idx="18170">
                  <c:v>99.116399999999999</c:v>
                </c:pt>
                <c:pt idx="18171">
                  <c:v>88.838800000000006</c:v>
                </c:pt>
                <c:pt idx="18172">
                  <c:v>96.268000000000001</c:v>
                </c:pt>
                <c:pt idx="18173">
                  <c:v>98.756900000000002</c:v>
                </c:pt>
                <c:pt idx="18174">
                  <c:v>96.868600000000001</c:v>
                </c:pt>
                <c:pt idx="18175">
                  <c:v>97.177899999999994</c:v>
                </c:pt>
                <c:pt idx="18176">
                  <c:v>94.965900000000005</c:v>
                </c:pt>
                <c:pt idx="18177">
                  <c:v>102.986</c:v>
                </c:pt>
                <c:pt idx="18178">
                  <c:v>98.307100000000005</c:v>
                </c:pt>
                <c:pt idx="18179">
                  <c:v>99.702100000000002</c:v>
                </c:pt>
                <c:pt idx="18180">
                  <c:v>97.355400000000003</c:v>
                </c:pt>
                <c:pt idx="18181">
                  <c:v>99.116399999999999</c:v>
                </c:pt>
                <c:pt idx="18182">
                  <c:v>88.838800000000006</c:v>
                </c:pt>
                <c:pt idx="18183">
                  <c:v>96.268000000000001</c:v>
                </c:pt>
                <c:pt idx="18184">
                  <c:v>98.756900000000002</c:v>
                </c:pt>
                <c:pt idx="18185">
                  <c:v>96.868600000000001</c:v>
                </c:pt>
                <c:pt idx="18186">
                  <c:v>97.177899999999994</c:v>
                </c:pt>
                <c:pt idx="18187">
                  <c:v>94.965900000000005</c:v>
                </c:pt>
                <c:pt idx="18188">
                  <c:v>102.986</c:v>
                </c:pt>
                <c:pt idx="18189">
                  <c:v>98.307100000000005</c:v>
                </c:pt>
                <c:pt idx="18190">
                  <c:v>99.702100000000002</c:v>
                </c:pt>
                <c:pt idx="18191">
                  <c:v>97.355400000000003</c:v>
                </c:pt>
                <c:pt idx="18192">
                  <c:v>99.116399999999999</c:v>
                </c:pt>
                <c:pt idx="18193">
                  <c:v>88.838800000000006</c:v>
                </c:pt>
                <c:pt idx="18194">
                  <c:v>96.268000000000001</c:v>
                </c:pt>
                <c:pt idx="18195">
                  <c:v>98.756900000000002</c:v>
                </c:pt>
                <c:pt idx="18196">
                  <c:v>96.868600000000001</c:v>
                </c:pt>
                <c:pt idx="18197">
                  <c:v>97.177899999999994</c:v>
                </c:pt>
                <c:pt idx="18198">
                  <c:v>94.965900000000005</c:v>
                </c:pt>
                <c:pt idx="18199">
                  <c:v>102.986</c:v>
                </c:pt>
                <c:pt idx="18200">
                  <c:v>98.307100000000005</c:v>
                </c:pt>
                <c:pt idx="18201">
                  <c:v>99.702100000000002</c:v>
                </c:pt>
                <c:pt idx="18202">
                  <c:v>97.355400000000003</c:v>
                </c:pt>
                <c:pt idx="18203">
                  <c:v>99.116399999999999</c:v>
                </c:pt>
                <c:pt idx="18204">
                  <c:v>88.838800000000006</c:v>
                </c:pt>
                <c:pt idx="18205">
                  <c:v>96.268000000000001</c:v>
                </c:pt>
                <c:pt idx="18206">
                  <c:v>98.756900000000002</c:v>
                </c:pt>
                <c:pt idx="18207">
                  <c:v>96.868600000000001</c:v>
                </c:pt>
                <c:pt idx="18208">
                  <c:v>97.177899999999994</c:v>
                </c:pt>
                <c:pt idx="18209">
                  <c:v>94.965900000000005</c:v>
                </c:pt>
                <c:pt idx="18210">
                  <c:v>102.986</c:v>
                </c:pt>
                <c:pt idx="18211">
                  <c:v>98.307100000000005</c:v>
                </c:pt>
                <c:pt idx="18212">
                  <c:v>99.702100000000002</c:v>
                </c:pt>
                <c:pt idx="18213">
                  <c:v>97.355400000000003</c:v>
                </c:pt>
                <c:pt idx="18214">
                  <c:v>99.116399999999999</c:v>
                </c:pt>
                <c:pt idx="18215">
                  <c:v>88.838800000000006</c:v>
                </c:pt>
                <c:pt idx="18216">
                  <c:v>96.268000000000001</c:v>
                </c:pt>
                <c:pt idx="18217">
                  <c:v>98.756900000000002</c:v>
                </c:pt>
                <c:pt idx="18218">
                  <c:v>96.868600000000001</c:v>
                </c:pt>
                <c:pt idx="18219">
                  <c:v>97.177899999999994</c:v>
                </c:pt>
                <c:pt idx="18220">
                  <c:v>94.965900000000005</c:v>
                </c:pt>
                <c:pt idx="18221">
                  <c:v>102.986</c:v>
                </c:pt>
                <c:pt idx="18222">
                  <c:v>98.307100000000005</c:v>
                </c:pt>
                <c:pt idx="18223">
                  <c:v>99.702100000000002</c:v>
                </c:pt>
                <c:pt idx="18224">
                  <c:v>97.355400000000003</c:v>
                </c:pt>
                <c:pt idx="18225">
                  <c:v>99.116399999999999</c:v>
                </c:pt>
                <c:pt idx="18226">
                  <c:v>88.838800000000006</c:v>
                </c:pt>
                <c:pt idx="18227">
                  <c:v>96.268000000000001</c:v>
                </c:pt>
                <c:pt idx="18228">
                  <c:v>98.756900000000002</c:v>
                </c:pt>
                <c:pt idx="18229">
                  <c:v>96.868600000000001</c:v>
                </c:pt>
                <c:pt idx="18230">
                  <c:v>97.177899999999994</c:v>
                </c:pt>
                <c:pt idx="18231">
                  <c:v>94.965900000000005</c:v>
                </c:pt>
                <c:pt idx="18232">
                  <c:v>102.986</c:v>
                </c:pt>
                <c:pt idx="18233">
                  <c:v>98.307100000000005</c:v>
                </c:pt>
                <c:pt idx="18234">
                  <c:v>99.702100000000002</c:v>
                </c:pt>
                <c:pt idx="18235">
                  <c:v>97.355400000000003</c:v>
                </c:pt>
                <c:pt idx="18236">
                  <c:v>99.116399999999999</c:v>
                </c:pt>
                <c:pt idx="18237">
                  <c:v>88.838800000000006</c:v>
                </c:pt>
                <c:pt idx="18238">
                  <c:v>96.268000000000001</c:v>
                </c:pt>
                <c:pt idx="18239">
                  <c:v>98.756900000000002</c:v>
                </c:pt>
                <c:pt idx="18240">
                  <c:v>96.868600000000001</c:v>
                </c:pt>
                <c:pt idx="18241">
                  <c:v>97.177899999999994</c:v>
                </c:pt>
                <c:pt idx="18242">
                  <c:v>94.965900000000005</c:v>
                </c:pt>
                <c:pt idx="18243">
                  <c:v>102.986</c:v>
                </c:pt>
                <c:pt idx="18244">
                  <c:v>98.307100000000005</c:v>
                </c:pt>
                <c:pt idx="18245">
                  <c:v>99.702100000000002</c:v>
                </c:pt>
                <c:pt idx="18246">
                  <c:v>97.355400000000003</c:v>
                </c:pt>
                <c:pt idx="18247">
                  <c:v>99.116399999999999</c:v>
                </c:pt>
                <c:pt idx="18248">
                  <c:v>88.838800000000006</c:v>
                </c:pt>
                <c:pt idx="18249">
                  <c:v>96.268000000000001</c:v>
                </c:pt>
                <c:pt idx="18250">
                  <c:v>98.756900000000002</c:v>
                </c:pt>
                <c:pt idx="18251">
                  <c:v>96.868600000000001</c:v>
                </c:pt>
                <c:pt idx="18252">
                  <c:v>97.177899999999994</c:v>
                </c:pt>
                <c:pt idx="18253">
                  <c:v>94.965900000000005</c:v>
                </c:pt>
                <c:pt idx="18254">
                  <c:v>102.986</c:v>
                </c:pt>
                <c:pt idx="18255">
                  <c:v>98.307100000000005</c:v>
                </c:pt>
                <c:pt idx="18256">
                  <c:v>99.702100000000002</c:v>
                </c:pt>
                <c:pt idx="18257">
                  <c:v>97.355400000000003</c:v>
                </c:pt>
                <c:pt idx="18258">
                  <c:v>99.116399999999999</c:v>
                </c:pt>
                <c:pt idx="18259">
                  <c:v>88.838800000000006</c:v>
                </c:pt>
                <c:pt idx="18260">
                  <c:v>96.268000000000001</c:v>
                </c:pt>
                <c:pt idx="18261">
                  <c:v>98.756900000000002</c:v>
                </c:pt>
                <c:pt idx="18262">
                  <c:v>96.868600000000001</c:v>
                </c:pt>
                <c:pt idx="18263">
                  <c:v>97.177899999999994</c:v>
                </c:pt>
                <c:pt idx="18264">
                  <c:v>94.965900000000005</c:v>
                </c:pt>
                <c:pt idx="18265">
                  <c:v>102.986</c:v>
                </c:pt>
                <c:pt idx="18266">
                  <c:v>98.307100000000005</c:v>
                </c:pt>
                <c:pt idx="18267">
                  <c:v>99.702100000000002</c:v>
                </c:pt>
                <c:pt idx="18268">
                  <c:v>97.355400000000003</c:v>
                </c:pt>
                <c:pt idx="18269">
                  <c:v>99.116399999999999</c:v>
                </c:pt>
                <c:pt idx="18270">
                  <c:v>88.838800000000006</c:v>
                </c:pt>
                <c:pt idx="18271">
                  <c:v>96.268000000000001</c:v>
                </c:pt>
                <c:pt idx="18272">
                  <c:v>98.756900000000002</c:v>
                </c:pt>
                <c:pt idx="18273">
                  <c:v>96.868600000000001</c:v>
                </c:pt>
                <c:pt idx="18274">
                  <c:v>97.177899999999994</c:v>
                </c:pt>
                <c:pt idx="18275">
                  <c:v>94.965900000000005</c:v>
                </c:pt>
                <c:pt idx="18276">
                  <c:v>102.986</c:v>
                </c:pt>
                <c:pt idx="18277">
                  <c:v>98.307100000000005</c:v>
                </c:pt>
                <c:pt idx="18278">
                  <c:v>99.702100000000002</c:v>
                </c:pt>
                <c:pt idx="18279">
                  <c:v>97.355400000000003</c:v>
                </c:pt>
                <c:pt idx="18280">
                  <c:v>99.116399999999999</c:v>
                </c:pt>
                <c:pt idx="18281">
                  <c:v>88.838800000000006</c:v>
                </c:pt>
                <c:pt idx="18282">
                  <c:v>96.268000000000001</c:v>
                </c:pt>
                <c:pt idx="18283">
                  <c:v>98.756900000000002</c:v>
                </c:pt>
                <c:pt idx="18284">
                  <c:v>96.868600000000001</c:v>
                </c:pt>
                <c:pt idx="18285">
                  <c:v>97.177899999999994</c:v>
                </c:pt>
                <c:pt idx="18286">
                  <c:v>94.965900000000005</c:v>
                </c:pt>
                <c:pt idx="18287">
                  <c:v>102.986</c:v>
                </c:pt>
                <c:pt idx="18288">
                  <c:v>98.307100000000005</c:v>
                </c:pt>
                <c:pt idx="18289">
                  <c:v>99.702100000000002</c:v>
                </c:pt>
                <c:pt idx="18290">
                  <c:v>97.355400000000003</c:v>
                </c:pt>
                <c:pt idx="18291">
                  <c:v>99.116399999999999</c:v>
                </c:pt>
                <c:pt idx="18292">
                  <c:v>88.838800000000006</c:v>
                </c:pt>
                <c:pt idx="18293">
                  <c:v>96.268000000000001</c:v>
                </c:pt>
                <c:pt idx="18294">
                  <c:v>98.756900000000002</c:v>
                </c:pt>
                <c:pt idx="18295">
                  <c:v>96.868600000000001</c:v>
                </c:pt>
                <c:pt idx="18296">
                  <c:v>97.177899999999994</c:v>
                </c:pt>
                <c:pt idx="18297">
                  <c:v>94.965900000000005</c:v>
                </c:pt>
                <c:pt idx="18298">
                  <c:v>102.986</c:v>
                </c:pt>
                <c:pt idx="18299">
                  <c:v>98.307100000000005</c:v>
                </c:pt>
                <c:pt idx="18300">
                  <c:v>99.702100000000002</c:v>
                </c:pt>
                <c:pt idx="18301">
                  <c:v>97.355400000000003</c:v>
                </c:pt>
                <c:pt idx="18302">
                  <c:v>99.116399999999999</c:v>
                </c:pt>
                <c:pt idx="18303">
                  <c:v>88.838800000000006</c:v>
                </c:pt>
                <c:pt idx="18304">
                  <c:v>96.268000000000001</c:v>
                </c:pt>
                <c:pt idx="18305">
                  <c:v>98.756900000000002</c:v>
                </c:pt>
                <c:pt idx="18306">
                  <c:v>96.868600000000001</c:v>
                </c:pt>
                <c:pt idx="18307">
                  <c:v>97.177899999999994</c:v>
                </c:pt>
                <c:pt idx="18308">
                  <c:v>94.965900000000005</c:v>
                </c:pt>
                <c:pt idx="18309">
                  <c:v>102.986</c:v>
                </c:pt>
                <c:pt idx="18310">
                  <c:v>98.307100000000005</c:v>
                </c:pt>
                <c:pt idx="18311">
                  <c:v>99.702100000000002</c:v>
                </c:pt>
                <c:pt idx="18312">
                  <c:v>97.355400000000003</c:v>
                </c:pt>
                <c:pt idx="18313">
                  <c:v>99.116399999999999</c:v>
                </c:pt>
                <c:pt idx="18314">
                  <c:v>88.838800000000006</c:v>
                </c:pt>
                <c:pt idx="18315">
                  <c:v>96.268000000000001</c:v>
                </c:pt>
                <c:pt idx="18316">
                  <c:v>98.756900000000002</c:v>
                </c:pt>
                <c:pt idx="18317">
                  <c:v>96.868600000000001</c:v>
                </c:pt>
                <c:pt idx="18318">
                  <c:v>97.177899999999994</c:v>
                </c:pt>
                <c:pt idx="18319">
                  <c:v>94.965900000000005</c:v>
                </c:pt>
                <c:pt idx="18320">
                  <c:v>102.986</c:v>
                </c:pt>
                <c:pt idx="18321">
                  <c:v>98.307100000000005</c:v>
                </c:pt>
                <c:pt idx="18322">
                  <c:v>99.702100000000002</c:v>
                </c:pt>
                <c:pt idx="18323">
                  <c:v>97.355400000000003</c:v>
                </c:pt>
                <c:pt idx="18324">
                  <c:v>99.116399999999999</c:v>
                </c:pt>
                <c:pt idx="18325">
                  <c:v>88.838800000000006</c:v>
                </c:pt>
                <c:pt idx="18326">
                  <c:v>96.268000000000001</c:v>
                </c:pt>
                <c:pt idx="18327">
                  <c:v>98.756900000000002</c:v>
                </c:pt>
                <c:pt idx="18328">
                  <c:v>96.868600000000001</c:v>
                </c:pt>
                <c:pt idx="18329">
                  <c:v>97.177899999999994</c:v>
                </c:pt>
                <c:pt idx="18330">
                  <c:v>94.965900000000005</c:v>
                </c:pt>
                <c:pt idx="18331">
                  <c:v>102.986</c:v>
                </c:pt>
                <c:pt idx="18332">
                  <c:v>98.307100000000005</c:v>
                </c:pt>
                <c:pt idx="18333">
                  <c:v>99.702100000000002</c:v>
                </c:pt>
                <c:pt idx="18334">
                  <c:v>97.355400000000003</c:v>
                </c:pt>
                <c:pt idx="18335">
                  <c:v>99.116399999999999</c:v>
                </c:pt>
                <c:pt idx="18336">
                  <c:v>88.838800000000006</c:v>
                </c:pt>
                <c:pt idx="18337">
                  <c:v>96.268000000000001</c:v>
                </c:pt>
                <c:pt idx="18338">
                  <c:v>98.756900000000002</c:v>
                </c:pt>
                <c:pt idx="18339">
                  <c:v>96.868600000000001</c:v>
                </c:pt>
                <c:pt idx="18340">
                  <c:v>97.177899999999994</c:v>
                </c:pt>
                <c:pt idx="18341">
                  <c:v>94.965900000000005</c:v>
                </c:pt>
                <c:pt idx="18342">
                  <c:v>102.986</c:v>
                </c:pt>
                <c:pt idx="18343">
                  <c:v>98.307100000000005</c:v>
                </c:pt>
                <c:pt idx="18344">
                  <c:v>99.702100000000002</c:v>
                </c:pt>
                <c:pt idx="18345">
                  <c:v>97.355400000000003</c:v>
                </c:pt>
                <c:pt idx="18346">
                  <c:v>99.116399999999999</c:v>
                </c:pt>
                <c:pt idx="18347">
                  <c:v>88.838800000000006</c:v>
                </c:pt>
                <c:pt idx="18348">
                  <c:v>96.268000000000001</c:v>
                </c:pt>
                <c:pt idx="18349">
                  <c:v>98.756900000000002</c:v>
                </c:pt>
                <c:pt idx="18350">
                  <c:v>96.868600000000001</c:v>
                </c:pt>
                <c:pt idx="18351">
                  <c:v>97.177899999999994</c:v>
                </c:pt>
                <c:pt idx="18352">
                  <c:v>94.965900000000005</c:v>
                </c:pt>
                <c:pt idx="18353">
                  <c:v>102.986</c:v>
                </c:pt>
                <c:pt idx="18354">
                  <c:v>98.307100000000005</c:v>
                </c:pt>
                <c:pt idx="18355">
                  <c:v>99.702100000000002</c:v>
                </c:pt>
                <c:pt idx="18356">
                  <c:v>97.355400000000003</c:v>
                </c:pt>
                <c:pt idx="18357">
                  <c:v>99.116399999999999</c:v>
                </c:pt>
                <c:pt idx="18358">
                  <c:v>88.838800000000006</c:v>
                </c:pt>
                <c:pt idx="18359">
                  <c:v>96.268000000000001</c:v>
                </c:pt>
                <c:pt idx="18360">
                  <c:v>98.756900000000002</c:v>
                </c:pt>
                <c:pt idx="18361">
                  <c:v>96.868600000000001</c:v>
                </c:pt>
                <c:pt idx="18362">
                  <c:v>97.177899999999994</c:v>
                </c:pt>
                <c:pt idx="18363">
                  <c:v>94.965900000000005</c:v>
                </c:pt>
                <c:pt idx="18364">
                  <c:v>102.986</c:v>
                </c:pt>
                <c:pt idx="18365">
                  <c:v>98.307100000000005</c:v>
                </c:pt>
                <c:pt idx="18366">
                  <c:v>99.702100000000002</c:v>
                </c:pt>
                <c:pt idx="18367">
                  <c:v>97.355400000000003</c:v>
                </c:pt>
                <c:pt idx="18368">
                  <c:v>99.116399999999999</c:v>
                </c:pt>
                <c:pt idx="18369">
                  <c:v>88.838800000000006</c:v>
                </c:pt>
                <c:pt idx="18370">
                  <c:v>96.268000000000001</c:v>
                </c:pt>
                <c:pt idx="18371">
                  <c:v>98.756900000000002</c:v>
                </c:pt>
                <c:pt idx="18372">
                  <c:v>96.868600000000001</c:v>
                </c:pt>
                <c:pt idx="18373">
                  <c:v>97.177899999999994</c:v>
                </c:pt>
                <c:pt idx="18374">
                  <c:v>94.965900000000005</c:v>
                </c:pt>
                <c:pt idx="18375">
                  <c:v>102.986</c:v>
                </c:pt>
                <c:pt idx="18376">
                  <c:v>98.307100000000005</c:v>
                </c:pt>
                <c:pt idx="18377">
                  <c:v>99.702100000000002</c:v>
                </c:pt>
                <c:pt idx="18378">
                  <c:v>97.355400000000003</c:v>
                </c:pt>
                <c:pt idx="18379">
                  <c:v>99.116399999999999</c:v>
                </c:pt>
                <c:pt idx="18380">
                  <c:v>88.838800000000006</c:v>
                </c:pt>
                <c:pt idx="18381">
                  <c:v>96.268000000000001</c:v>
                </c:pt>
                <c:pt idx="18382">
                  <c:v>98.756900000000002</c:v>
                </c:pt>
                <c:pt idx="18383">
                  <c:v>96.868600000000001</c:v>
                </c:pt>
                <c:pt idx="18384">
                  <c:v>97.177899999999994</c:v>
                </c:pt>
                <c:pt idx="18385">
                  <c:v>94.965900000000005</c:v>
                </c:pt>
                <c:pt idx="18386">
                  <c:v>102.986</c:v>
                </c:pt>
                <c:pt idx="18387">
                  <c:v>98.307100000000005</c:v>
                </c:pt>
                <c:pt idx="18388">
                  <c:v>99.702100000000002</c:v>
                </c:pt>
                <c:pt idx="18389">
                  <c:v>97.355400000000003</c:v>
                </c:pt>
                <c:pt idx="18390">
                  <c:v>99.116399999999999</c:v>
                </c:pt>
                <c:pt idx="18391">
                  <c:v>88.838800000000006</c:v>
                </c:pt>
                <c:pt idx="18392">
                  <c:v>96.268000000000001</c:v>
                </c:pt>
                <c:pt idx="18393">
                  <c:v>98.756900000000002</c:v>
                </c:pt>
                <c:pt idx="18394">
                  <c:v>96.868600000000001</c:v>
                </c:pt>
                <c:pt idx="18395">
                  <c:v>97.177899999999994</c:v>
                </c:pt>
                <c:pt idx="18396">
                  <c:v>94.965900000000005</c:v>
                </c:pt>
                <c:pt idx="18397">
                  <c:v>102.986</c:v>
                </c:pt>
                <c:pt idx="18398">
                  <c:v>98.307100000000005</c:v>
                </c:pt>
                <c:pt idx="18399">
                  <c:v>99.702100000000002</c:v>
                </c:pt>
                <c:pt idx="18400">
                  <c:v>97.355400000000003</c:v>
                </c:pt>
                <c:pt idx="18401">
                  <c:v>99.116399999999999</c:v>
                </c:pt>
                <c:pt idx="18402">
                  <c:v>88.838800000000006</c:v>
                </c:pt>
                <c:pt idx="18403">
                  <c:v>96.268000000000001</c:v>
                </c:pt>
                <c:pt idx="18404">
                  <c:v>98.756900000000002</c:v>
                </c:pt>
                <c:pt idx="18405">
                  <c:v>96.868600000000001</c:v>
                </c:pt>
                <c:pt idx="18406">
                  <c:v>97.177899999999994</c:v>
                </c:pt>
                <c:pt idx="18407">
                  <c:v>94.965900000000005</c:v>
                </c:pt>
                <c:pt idx="18408">
                  <c:v>102.986</c:v>
                </c:pt>
                <c:pt idx="18409">
                  <c:v>98.307100000000005</c:v>
                </c:pt>
                <c:pt idx="18410">
                  <c:v>99.702100000000002</c:v>
                </c:pt>
                <c:pt idx="18411">
                  <c:v>97.355400000000003</c:v>
                </c:pt>
                <c:pt idx="18412">
                  <c:v>99.116399999999999</c:v>
                </c:pt>
                <c:pt idx="18413">
                  <c:v>88.838800000000006</c:v>
                </c:pt>
                <c:pt idx="18414">
                  <c:v>96.268000000000001</c:v>
                </c:pt>
                <c:pt idx="18415">
                  <c:v>98.756900000000002</c:v>
                </c:pt>
                <c:pt idx="18416">
                  <c:v>96.868600000000001</c:v>
                </c:pt>
                <c:pt idx="18417">
                  <c:v>97.177899999999994</c:v>
                </c:pt>
                <c:pt idx="18418">
                  <c:v>94.965900000000005</c:v>
                </c:pt>
                <c:pt idx="18419">
                  <c:v>102.986</c:v>
                </c:pt>
                <c:pt idx="18420">
                  <c:v>98.307100000000005</c:v>
                </c:pt>
                <c:pt idx="18421">
                  <c:v>99.702100000000002</c:v>
                </c:pt>
                <c:pt idx="18422">
                  <c:v>97.355400000000003</c:v>
                </c:pt>
                <c:pt idx="18423">
                  <c:v>99.116399999999999</c:v>
                </c:pt>
                <c:pt idx="18424">
                  <c:v>88.838800000000006</c:v>
                </c:pt>
                <c:pt idx="18425">
                  <c:v>96.268000000000001</c:v>
                </c:pt>
                <c:pt idx="18426">
                  <c:v>98.756900000000002</c:v>
                </c:pt>
                <c:pt idx="18427">
                  <c:v>96.868600000000001</c:v>
                </c:pt>
                <c:pt idx="18428">
                  <c:v>97.177899999999994</c:v>
                </c:pt>
                <c:pt idx="18429">
                  <c:v>94.965900000000005</c:v>
                </c:pt>
                <c:pt idx="18430">
                  <c:v>102.986</c:v>
                </c:pt>
                <c:pt idx="18431">
                  <c:v>98.307100000000005</c:v>
                </c:pt>
                <c:pt idx="18432">
                  <c:v>99.702100000000002</c:v>
                </c:pt>
                <c:pt idx="18433">
                  <c:v>97.355400000000003</c:v>
                </c:pt>
                <c:pt idx="18434">
                  <c:v>99.116399999999999</c:v>
                </c:pt>
                <c:pt idx="18435">
                  <c:v>88.838800000000006</c:v>
                </c:pt>
                <c:pt idx="18436">
                  <c:v>96.268000000000001</c:v>
                </c:pt>
                <c:pt idx="18437">
                  <c:v>98.756900000000002</c:v>
                </c:pt>
                <c:pt idx="18438">
                  <c:v>96.868600000000001</c:v>
                </c:pt>
                <c:pt idx="18439">
                  <c:v>97.177899999999994</c:v>
                </c:pt>
                <c:pt idx="18440">
                  <c:v>94.965900000000005</c:v>
                </c:pt>
                <c:pt idx="18441">
                  <c:v>102.986</c:v>
                </c:pt>
                <c:pt idx="18442">
                  <c:v>98.307100000000005</c:v>
                </c:pt>
                <c:pt idx="18443">
                  <c:v>99.702100000000002</c:v>
                </c:pt>
                <c:pt idx="18444">
                  <c:v>97.355400000000003</c:v>
                </c:pt>
                <c:pt idx="18445">
                  <c:v>99.116399999999999</c:v>
                </c:pt>
                <c:pt idx="18446">
                  <c:v>88.838800000000006</c:v>
                </c:pt>
                <c:pt idx="18447">
                  <c:v>96.268000000000001</c:v>
                </c:pt>
                <c:pt idx="18448">
                  <c:v>98.756900000000002</c:v>
                </c:pt>
                <c:pt idx="18449">
                  <c:v>96.868600000000001</c:v>
                </c:pt>
                <c:pt idx="18450">
                  <c:v>97.177899999999994</c:v>
                </c:pt>
                <c:pt idx="18451">
                  <c:v>94.965900000000005</c:v>
                </c:pt>
                <c:pt idx="18452">
                  <c:v>102.986</c:v>
                </c:pt>
                <c:pt idx="18453">
                  <c:v>98.307100000000005</c:v>
                </c:pt>
                <c:pt idx="18454">
                  <c:v>99.702100000000002</c:v>
                </c:pt>
                <c:pt idx="18455">
                  <c:v>97.355400000000003</c:v>
                </c:pt>
                <c:pt idx="18456">
                  <c:v>99.116399999999999</c:v>
                </c:pt>
                <c:pt idx="18457">
                  <c:v>88.838800000000006</c:v>
                </c:pt>
                <c:pt idx="18458">
                  <c:v>96.268000000000001</c:v>
                </c:pt>
                <c:pt idx="18459">
                  <c:v>98.756900000000002</c:v>
                </c:pt>
                <c:pt idx="18460">
                  <c:v>96.868600000000001</c:v>
                </c:pt>
                <c:pt idx="18461">
                  <c:v>97.177899999999994</c:v>
                </c:pt>
                <c:pt idx="18462">
                  <c:v>94.965900000000005</c:v>
                </c:pt>
                <c:pt idx="18463">
                  <c:v>102.986</c:v>
                </c:pt>
                <c:pt idx="18464">
                  <c:v>98.307100000000005</c:v>
                </c:pt>
                <c:pt idx="18465">
                  <c:v>99.702100000000002</c:v>
                </c:pt>
                <c:pt idx="18466">
                  <c:v>97.355400000000003</c:v>
                </c:pt>
                <c:pt idx="18467">
                  <c:v>99.116399999999999</c:v>
                </c:pt>
                <c:pt idx="18468">
                  <c:v>88.838800000000006</c:v>
                </c:pt>
                <c:pt idx="18469">
                  <c:v>96.268000000000001</c:v>
                </c:pt>
                <c:pt idx="18470">
                  <c:v>98.756900000000002</c:v>
                </c:pt>
                <c:pt idx="18471">
                  <c:v>96.868600000000001</c:v>
                </c:pt>
                <c:pt idx="18472">
                  <c:v>97.177899999999994</c:v>
                </c:pt>
                <c:pt idx="18473">
                  <c:v>94.965900000000005</c:v>
                </c:pt>
                <c:pt idx="18474">
                  <c:v>102.986</c:v>
                </c:pt>
                <c:pt idx="18475">
                  <c:v>98.307100000000005</c:v>
                </c:pt>
                <c:pt idx="18476">
                  <c:v>99.702100000000002</c:v>
                </c:pt>
                <c:pt idx="18477">
                  <c:v>97.355400000000003</c:v>
                </c:pt>
                <c:pt idx="18478">
                  <c:v>99.116399999999999</c:v>
                </c:pt>
                <c:pt idx="18479">
                  <c:v>88.838800000000006</c:v>
                </c:pt>
                <c:pt idx="18480">
                  <c:v>96.268000000000001</c:v>
                </c:pt>
                <c:pt idx="18481">
                  <c:v>98.756900000000002</c:v>
                </c:pt>
                <c:pt idx="18482">
                  <c:v>96.868600000000001</c:v>
                </c:pt>
                <c:pt idx="18483">
                  <c:v>97.177899999999994</c:v>
                </c:pt>
                <c:pt idx="18484">
                  <c:v>94.965900000000005</c:v>
                </c:pt>
                <c:pt idx="18485">
                  <c:v>102.986</c:v>
                </c:pt>
                <c:pt idx="18486">
                  <c:v>98.307100000000005</c:v>
                </c:pt>
                <c:pt idx="18487">
                  <c:v>99.702100000000002</c:v>
                </c:pt>
                <c:pt idx="18488">
                  <c:v>97.355400000000003</c:v>
                </c:pt>
                <c:pt idx="18489">
                  <c:v>99.116399999999999</c:v>
                </c:pt>
                <c:pt idx="18490">
                  <c:v>88.838800000000006</c:v>
                </c:pt>
                <c:pt idx="18491">
                  <c:v>96.268000000000001</c:v>
                </c:pt>
                <c:pt idx="18492">
                  <c:v>98.756900000000002</c:v>
                </c:pt>
                <c:pt idx="18493">
                  <c:v>96.868600000000001</c:v>
                </c:pt>
                <c:pt idx="18494">
                  <c:v>97.177899999999994</c:v>
                </c:pt>
                <c:pt idx="18495">
                  <c:v>94.965900000000005</c:v>
                </c:pt>
                <c:pt idx="18496">
                  <c:v>102.986</c:v>
                </c:pt>
                <c:pt idx="18497">
                  <c:v>98.307100000000005</c:v>
                </c:pt>
                <c:pt idx="18498">
                  <c:v>99.702100000000002</c:v>
                </c:pt>
                <c:pt idx="18499">
                  <c:v>97.355400000000003</c:v>
                </c:pt>
                <c:pt idx="18500">
                  <c:v>99.116399999999999</c:v>
                </c:pt>
                <c:pt idx="18501">
                  <c:v>88.838800000000006</c:v>
                </c:pt>
                <c:pt idx="18502">
                  <c:v>96.268000000000001</c:v>
                </c:pt>
                <c:pt idx="18503">
                  <c:v>98.756900000000002</c:v>
                </c:pt>
                <c:pt idx="18504">
                  <c:v>96.868600000000001</c:v>
                </c:pt>
                <c:pt idx="18505">
                  <c:v>97.177899999999994</c:v>
                </c:pt>
                <c:pt idx="18506">
                  <c:v>94.965900000000005</c:v>
                </c:pt>
                <c:pt idx="18507">
                  <c:v>102.986</c:v>
                </c:pt>
                <c:pt idx="18508">
                  <c:v>98.307100000000005</c:v>
                </c:pt>
                <c:pt idx="18509">
                  <c:v>99.702100000000002</c:v>
                </c:pt>
                <c:pt idx="18510">
                  <c:v>97.355400000000003</c:v>
                </c:pt>
                <c:pt idx="18511">
                  <c:v>99.116399999999999</c:v>
                </c:pt>
                <c:pt idx="18512">
                  <c:v>88.838800000000006</c:v>
                </c:pt>
                <c:pt idx="18513">
                  <c:v>96.268000000000001</c:v>
                </c:pt>
                <c:pt idx="18514">
                  <c:v>98.756900000000002</c:v>
                </c:pt>
                <c:pt idx="18515">
                  <c:v>96.868600000000001</c:v>
                </c:pt>
                <c:pt idx="18516">
                  <c:v>97.177899999999994</c:v>
                </c:pt>
                <c:pt idx="18517">
                  <c:v>94.965900000000005</c:v>
                </c:pt>
                <c:pt idx="18518">
                  <c:v>102.986</c:v>
                </c:pt>
                <c:pt idx="18519">
                  <c:v>98.307100000000005</c:v>
                </c:pt>
                <c:pt idx="18520">
                  <c:v>99.702100000000002</c:v>
                </c:pt>
                <c:pt idx="18521">
                  <c:v>97.355400000000003</c:v>
                </c:pt>
                <c:pt idx="18522">
                  <c:v>99.116399999999999</c:v>
                </c:pt>
                <c:pt idx="18523">
                  <c:v>88.838800000000006</c:v>
                </c:pt>
                <c:pt idx="18524">
                  <c:v>96.268000000000001</c:v>
                </c:pt>
                <c:pt idx="18525">
                  <c:v>98.756900000000002</c:v>
                </c:pt>
                <c:pt idx="18526">
                  <c:v>96.868600000000001</c:v>
                </c:pt>
                <c:pt idx="18527">
                  <c:v>97.177899999999994</c:v>
                </c:pt>
                <c:pt idx="18528">
                  <c:v>94.965900000000005</c:v>
                </c:pt>
                <c:pt idx="18529">
                  <c:v>102.986</c:v>
                </c:pt>
                <c:pt idx="18530">
                  <c:v>98.307100000000005</c:v>
                </c:pt>
                <c:pt idx="18531">
                  <c:v>99.702100000000002</c:v>
                </c:pt>
                <c:pt idx="18532">
                  <c:v>97.355400000000003</c:v>
                </c:pt>
                <c:pt idx="18533">
                  <c:v>99.116399999999999</c:v>
                </c:pt>
                <c:pt idx="18534">
                  <c:v>88.838800000000006</c:v>
                </c:pt>
                <c:pt idx="18535">
                  <c:v>96.268000000000001</c:v>
                </c:pt>
                <c:pt idx="18536">
                  <c:v>98.756900000000002</c:v>
                </c:pt>
                <c:pt idx="18537">
                  <c:v>96.868600000000001</c:v>
                </c:pt>
                <c:pt idx="18538">
                  <c:v>97.177899999999994</c:v>
                </c:pt>
                <c:pt idx="18539">
                  <c:v>94.965900000000005</c:v>
                </c:pt>
                <c:pt idx="18540">
                  <c:v>102.986</c:v>
                </c:pt>
                <c:pt idx="18541">
                  <c:v>98.307100000000005</c:v>
                </c:pt>
                <c:pt idx="18542">
                  <c:v>99.702100000000002</c:v>
                </c:pt>
                <c:pt idx="18543">
                  <c:v>97.355400000000003</c:v>
                </c:pt>
                <c:pt idx="18544">
                  <c:v>99.116399999999999</c:v>
                </c:pt>
                <c:pt idx="18545">
                  <c:v>88.838800000000006</c:v>
                </c:pt>
                <c:pt idx="18546">
                  <c:v>96.268000000000001</c:v>
                </c:pt>
                <c:pt idx="18547">
                  <c:v>98.756900000000002</c:v>
                </c:pt>
                <c:pt idx="18548">
                  <c:v>96.868600000000001</c:v>
                </c:pt>
                <c:pt idx="18549">
                  <c:v>97.177899999999994</c:v>
                </c:pt>
                <c:pt idx="18550">
                  <c:v>94.965900000000005</c:v>
                </c:pt>
                <c:pt idx="18551">
                  <c:v>102.986</c:v>
                </c:pt>
                <c:pt idx="18552">
                  <c:v>98.307100000000005</c:v>
                </c:pt>
                <c:pt idx="18553">
                  <c:v>99.702100000000002</c:v>
                </c:pt>
                <c:pt idx="18554">
                  <c:v>97.355400000000003</c:v>
                </c:pt>
                <c:pt idx="18555">
                  <c:v>99.116399999999999</c:v>
                </c:pt>
                <c:pt idx="18556">
                  <c:v>88.838800000000006</c:v>
                </c:pt>
                <c:pt idx="18557">
                  <c:v>96.268000000000001</c:v>
                </c:pt>
                <c:pt idx="18558">
                  <c:v>98.756900000000002</c:v>
                </c:pt>
                <c:pt idx="18559">
                  <c:v>96.868600000000001</c:v>
                </c:pt>
                <c:pt idx="18560">
                  <c:v>97.177899999999994</c:v>
                </c:pt>
                <c:pt idx="18561">
                  <c:v>94.965900000000005</c:v>
                </c:pt>
                <c:pt idx="18562">
                  <c:v>102.986</c:v>
                </c:pt>
                <c:pt idx="18563">
                  <c:v>98.307100000000005</c:v>
                </c:pt>
                <c:pt idx="18564">
                  <c:v>99.702100000000002</c:v>
                </c:pt>
                <c:pt idx="18565">
                  <c:v>97.355400000000003</c:v>
                </c:pt>
                <c:pt idx="18566">
                  <c:v>99.116399999999999</c:v>
                </c:pt>
                <c:pt idx="18567">
                  <c:v>88.838800000000006</c:v>
                </c:pt>
                <c:pt idx="18568">
                  <c:v>96.268000000000001</c:v>
                </c:pt>
                <c:pt idx="18569">
                  <c:v>98.756900000000002</c:v>
                </c:pt>
                <c:pt idx="18570">
                  <c:v>96.868600000000001</c:v>
                </c:pt>
                <c:pt idx="18571">
                  <c:v>97.177899999999994</c:v>
                </c:pt>
                <c:pt idx="18572">
                  <c:v>94.965900000000005</c:v>
                </c:pt>
                <c:pt idx="18573">
                  <c:v>102.986</c:v>
                </c:pt>
                <c:pt idx="18574">
                  <c:v>98.307100000000005</c:v>
                </c:pt>
                <c:pt idx="18575">
                  <c:v>99.702100000000002</c:v>
                </c:pt>
                <c:pt idx="18576">
                  <c:v>97.355400000000003</c:v>
                </c:pt>
                <c:pt idx="18577">
                  <c:v>99.116399999999999</c:v>
                </c:pt>
                <c:pt idx="18578">
                  <c:v>88.838800000000006</c:v>
                </c:pt>
                <c:pt idx="18579">
                  <c:v>96.268000000000001</c:v>
                </c:pt>
                <c:pt idx="18580">
                  <c:v>98.756900000000002</c:v>
                </c:pt>
                <c:pt idx="18581">
                  <c:v>96.868600000000001</c:v>
                </c:pt>
                <c:pt idx="18582">
                  <c:v>97.177899999999994</c:v>
                </c:pt>
                <c:pt idx="18583">
                  <c:v>94.965900000000005</c:v>
                </c:pt>
                <c:pt idx="18584">
                  <c:v>102.986</c:v>
                </c:pt>
                <c:pt idx="18585">
                  <c:v>98.307100000000005</c:v>
                </c:pt>
                <c:pt idx="18586">
                  <c:v>99.702100000000002</c:v>
                </c:pt>
                <c:pt idx="18587">
                  <c:v>97.355400000000003</c:v>
                </c:pt>
                <c:pt idx="18588">
                  <c:v>99.116399999999999</c:v>
                </c:pt>
                <c:pt idx="18589">
                  <c:v>88.838800000000006</c:v>
                </c:pt>
                <c:pt idx="18590">
                  <c:v>96.268000000000001</c:v>
                </c:pt>
                <c:pt idx="18591">
                  <c:v>98.756900000000002</c:v>
                </c:pt>
                <c:pt idx="18592">
                  <c:v>96.868600000000001</c:v>
                </c:pt>
                <c:pt idx="18593">
                  <c:v>97.177899999999994</c:v>
                </c:pt>
                <c:pt idx="18594">
                  <c:v>94.965900000000005</c:v>
                </c:pt>
                <c:pt idx="18595">
                  <c:v>102.986</c:v>
                </c:pt>
                <c:pt idx="18596">
                  <c:v>98.307100000000005</c:v>
                </c:pt>
                <c:pt idx="18597">
                  <c:v>99.702100000000002</c:v>
                </c:pt>
                <c:pt idx="18598">
                  <c:v>97.355400000000003</c:v>
                </c:pt>
                <c:pt idx="18599">
                  <c:v>99.116399999999999</c:v>
                </c:pt>
                <c:pt idx="18600">
                  <c:v>88.838800000000006</c:v>
                </c:pt>
                <c:pt idx="18601">
                  <c:v>96.268000000000001</c:v>
                </c:pt>
                <c:pt idx="18602">
                  <c:v>98.756900000000002</c:v>
                </c:pt>
                <c:pt idx="18603">
                  <c:v>96.868600000000001</c:v>
                </c:pt>
                <c:pt idx="18604">
                  <c:v>97.177899999999994</c:v>
                </c:pt>
                <c:pt idx="18605">
                  <c:v>94.965900000000005</c:v>
                </c:pt>
                <c:pt idx="18606">
                  <c:v>102.986</c:v>
                </c:pt>
                <c:pt idx="18607">
                  <c:v>98.307100000000005</c:v>
                </c:pt>
                <c:pt idx="18608">
                  <c:v>99.702100000000002</c:v>
                </c:pt>
                <c:pt idx="18609">
                  <c:v>97.355400000000003</c:v>
                </c:pt>
                <c:pt idx="18610">
                  <c:v>99.116399999999999</c:v>
                </c:pt>
                <c:pt idx="18611">
                  <c:v>88.838800000000006</c:v>
                </c:pt>
                <c:pt idx="18612">
                  <c:v>96.268000000000001</c:v>
                </c:pt>
                <c:pt idx="18613">
                  <c:v>98.756900000000002</c:v>
                </c:pt>
                <c:pt idx="18614">
                  <c:v>96.868600000000001</c:v>
                </c:pt>
                <c:pt idx="18615">
                  <c:v>97.177899999999994</c:v>
                </c:pt>
                <c:pt idx="18616">
                  <c:v>94.965900000000005</c:v>
                </c:pt>
                <c:pt idx="18617">
                  <c:v>102.986</c:v>
                </c:pt>
                <c:pt idx="18618">
                  <c:v>98.307100000000005</c:v>
                </c:pt>
                <c:pt idx="18619">
                  <c:v>99.702100000000002</c:v>
                </c:pt>
                <c:pt idx="18620">
                  <c:v>97.355400000000003</c:v>
                </c:pt>
                <c:pt idx="18621">
                  <c:v>99.116399999999999</c:v>
                </c:pt>
                <c:pt idx="18622">
                  <c:v>88.838800000000006</c:v>
                </c:pt>
                <c:pt idx="18623">
                  <c:v>96.268000000000001</c:v>
                </c:pt>
                <c:pt idx="18624">
                  <c:v>98.756900000000002</c:v>
                </c:pt>
                <c:pt idx="18625">
                  <c:v>96.868600000000001</c:v>
                </c:pt>
                <c:pt idx="18626">
                  <c:v>97.177899999999994</c:v>
                </c:pt>
                <c:pt idx="18627">
                  <c:v>94.965900000000005</c:v>
                </c:pt>
                <c:pt idx="18628">
                  <c:v>102.986</c:v>
                </c:pt>
                <c:pt idx="18629">
                  <c:v>98.307100000000005</c:v>
                </c:pt>
                <c:pt idx="18630">
                  <c:v>99.702100000000002</c:v>
                </c:pt>
                <c:pt idx="18631">
                  <c:v>97.355400000000003</c:v>
                </c:pt>
                <c:pt idx="18632">
                  <c:v>99.116399999999999</c:v>
                </c:pt>
                <c:pt idx="18633">
                  <c:v>88.838800000000006</c:v>
                </c:pt>
                <c:pt idx="18634">
                  <c:v>96.268000000000001</c:v>
                </c:pt>
                <c:pt idx="18635">
                  <c:v>98.756900000000002</c:v>
                </c:pt>
                <c:pt idx="18636">
                  <c:v>96.868600000000001</c:v>
                </c:pt>
                <c:pt idx="18637">
                  <c:v>97.177899999999994</c:v>
                </c:pt>
                <c:pt idx="18638">
                  <c:v>94.965900000000005</c:v>
                </c:pt>
                <c:pt idx="18639">
                  <c:v>102.986</c:v>
                </c:pt>
                <c:pt idx="18640">
                  <c:v>98.307100000000005</c:v>
                </c:pt>
                <c:pt idx="18641">
                  <c:v>99.702100000000002</c:v>
                </c:pt>
                <c:pt idx="18642">
                  <c:v>97.355400000000003</c:v>
                </c:pt>
                <c:pt idx="18643">
                  <c:v>99.116399999999999</c:v>
                </c:pt>
                <c:pt idx="18644">
                  <c:v>88.838800000000006</c:v>
                </c:pt>
                <c:pt idx="18645">
                  <c:v>96.268000000000001</c:v>
                </c:pt>
                <c:pt idx="18646">
                  <c:v>98.756900000000002</c:v>
                </c:pt>
                <c:pt idx="18647">
                  <c:v>96.868600000000001</c:v>
                </c:pt>
                <c:pt idx="18648">
                  <c:v>97.177899999999994</c:v>
                </c:pt>
                <c:pt idx="18649">
                  <c:v>94.965900000000005</c:v>
                </c:pt>
                <c:pt idx="18650">
                  <c:v>102.986</c:v>
                </c:pt>
                <c:pt idx="18651">
                  <c:v>98.307100000000005</c:v>
                </c:pt>
                <c:pt idx="18652">
                  <c:v>99.702100000000002</c:v>
                </c:pt>
                <c:pt idx="18653">
                  <c:v>97.355400000000003</c:v>
                </c:pt>
                <c:pt idx="18654">
                  <c:v>99.116399999999999</c:v>
                </c:pt>
                <c:pt idx="18655">
                  <c:v>88.838800000000006</c:v>
                </c:pt>
                <c:pt idx="18656">
                  <c:v>96.268000000000001</c:v>
                </c:pt>
                <c:pt idx="18657">
                  <c:v>98.756900000000002</c:v>
                </c:pt>
                <c:pt idx="18658">
                  <c:v>96.868600000000001</c:v>
                </c:pt>
                <c:pt idx="18659">
                  <c:v>97.177899999999994</c:v>
                </c:pt>
                <c:pt idx="18660">
                  <c:v>94.965900000000005</c:v>
                </c:pt>
                <c:pt idx="18661">
                  <c:v>102.986</c:v>
                </c:pt>
                <c:pt idx="18662">
                  <c:v>98.307100000000005</c:v>
                </c:pt>
                <c:pt idx="18663">
                  <c:v>99.702100000000002</c:v>
                </c:pt>
                <c:pt idx="18664">
                  <c:v>97.355400000000003</c:v>
                </c:pt>
                <c:pt idx="18665">
                  <c:v>99.116399999999999</c:v>
                </c:pt>
                <c:pt idx="18666">
                  <c:v>88.838800000000006</c:v>
                </c:pt>
                <c:pt idx="18667">
                  <c:v>96.268000000000001</c:v>
                </c:pt>
                <c:pt idx="18668">
                  <c:v>98.756900000000002</c:v>
                </c:pt>
                <c:pt idx="18669">
                  <c:v>96.868600000000001</c:v>
                </c:pt>
                <c:pt idx="18670">
                  <c:v>97.177899999999994</c:v>
                </c:pt>
                <c:pt idx="18671">
                  <c:v>94.965900000000005</c:v>
                </c:pt>
                <c:pt idx="18672">
                  <c:v>102.986</c:v>
                </c:pt>
                <c:pt idx="18673">
                  <c:v>98.307100000000005</c:v>
                </c:pt>
                <c:pt idx="18674">
                  <c:v>99.702100000000002</c:v>
                </c:pt>
                <c:pt idx="18675">
                  <c:v>97.355400000000003</c:v>
                </c:pt>
                <c:pt idx="18676">
                  <c:v>99.116399999999999</c:v>
                </c:pt>
                <c:pt idx="18677">
                  <c:v>88.838800000000006</c:v>
                </c:pt>
                <c:pt idx="18678">
                  <c:v>96.268000000000001</c:v>
                </c:pt>
                <c:pt idx="18679">
                  <c:v>98.756900000000002</c:v>
                </c:pt>
                <c:pt idx="18680">
                  <c:v>96.868600000000001</c:v>
                </c:pt>
                <c:pt idx="18681">
                  <c:v>97.177899999999994</c:v>
                </c:pt>
                <c:pt idx="18682">
                  <c:v>94.965900000000005</c:v>
                </c:pt>
                <c:pt idx="18683">
                  <c:v>102.986</c:v>
                </c:pt>
                <c:pt idx="18684">
                  <c:v>98.307100000000005</c:v>
                </c:pt>
                <c:pt idx="18685">
                  <c:v>99.702100000000002</c:v>
                </c:pt>
                <c:pt idx="18686">
                  <c:v>97.355400000000003</c:v>
                </c:pt>
                <c:pt idx="18687">
                  <c:v>99.116399999999999</c:v>
                </c:pt>
                <c:pt idx="18688">
                  <c:v>88.838800000000006</c:v>
                </c:pt>
                <c:pt idx="18689">
                  <c:v>96.268000000000001</c:v>
                </c:pt>
                <c:pt idx="18690">
                  <c:v>98.756900000000002</c:v>
                </c:pt>
                <c:pt idx="18691">
                  <c:v>96.868600000000001</c:v>
                </c:pt>
                <c:pt idx="18692">
                  <c:v>97.177899999999994</c:v>
                </c:pt>
                <c:pt idx="18693">
                  <c:v>94.965900000000005</c:v>
                </c:pt>
                <c:pt idx="18694">
                  <c:v>102.986</c:v>
                </c:pt>
                <c:pt idx="18695">
                  <c:v>98.307100000000005</c:v>
                </c:pt>
                <c:pt idx="18696">
                  <c:v>99.702100000000002</c:v>
                </c:pt>
                <c:pt idx="18697">
                  <c:v>97.355400000000003</c:v>
                </c:pt>
                <c:pt idx="18698">
                  <c:v>99.116399999999999</c:v>
                </c:pt>
                <c:pt idx="18699">
                  <c:v>88.838800000000006</c:v>
                </c:pt>
                <c:pt idx="18700">
                  <c:v>96.268000000000001</c:v>
                </c:pt>
                <c:pt idx="18701">
                  <c:v>98.756900000000002</c:v>
                </c:pt>
                <c:pt idx="18702">
                  <c:v>96.868600000000001</c:v>
                </c:pt>
                <c:pt idx="18703">
                  <c:v>97.177899999999994</c:v>
                </c:pt>
                <c:pt idx="18704">
                  <c:v>94.965900000000005</c:v>
                </c:pt>
                <c:pt idx="18705">
                  <c:v>102.986</c:v>
                </c:pt>
                <c:pt idx="18706">
                  <c:v>98.307100000000005</c:v>
                </c:pt>
                <c:pt idx="18707">
                  <c:v>99.702100000000002</c:v>
                </c:pt>
                <c:pt idx="18708">
                  <c:v>97.355400000000003</c:v>
                </c:pt>
                <c:pt idx="18709">
                  <c:v>99.116399999999999</c:v>
                </c:pt>
                <c:pt idx="18710">
                  <c:v>88.838800000000006</c:v>
                </c:pt>
                <c:pt idx="18711">
                  <c:v>96.268000000000001</c:v>
                </c:pt>
                <c:pt idx="18712">
                  <c:v>98.756900000000002</c:v>
                </c:pt>
                <c:pt idx="18713">
                  <c:v>96.868600000000001</c:v>
                </c:pt>
                <c:pt idx="18714">
                  <c:v>97.177899999999994</c:v>
                </c:pt>
                <c:pt idx="18715">
                  <c:v>94.965900000000005</c:v>
                </c:pt>
                <c:pt idx="18716">
                  <c:v>102.986</c:v>
                </c:pt>
                <c:pt idx="18717">
                  <c:v>98.307100000000005</c:v>
                </c:pt>
                <c:pt idx="18718">
                  <c:v>99.702100000000002</c:v>
                </c:pt>
                <c:pt idx="18719">
                  <c:v>97.355400000000003</c:v>
                </c:pt>
                <c:pt idx="18720">
                  <c:v>99.116399999999999</c:v>
                </c:pt>
                <c:pt idx="18721">
                  <c:v>88.838800000000006</c:v>
                </c:pt>
                <c:pt idx="18722">
                  <c:v>96.268000000000001</c:v>
                </c:pt>
                <c:pt idx="18723">
                  <c:v>98.756900000000002</c:v>
                </c:pt>
                <c:pt idx="18724">
                  <c:v>96.868600000000001</c:v>
                </c:pt>
                <c:pt idx="18725">
                  <c:v>97.177899999999994</c:v>
                </c:pt>
                <c:pt idx="18726">
                  <c:v>94.965900000000005</c:v>
                </c:pt>
                <c:pt idx="18727">
                  <c:v>102.986</c:v>
                </c:pt>
                <c:pt idx="18728">
                  <c:v>98.307100000000005</c:v>
                </c:pt>
                <c:pt idx="18729">
                  <c:v>99.702100000000002</c:v>
                </c:pt>
                <c:pt idx="18730">
                  <c:v>97.355400000000003</c:v>
                </c:pt>
                <c:pt idx="18731">
                  <c:v>99.116399999999999</c:v>
                </c:pt>
                <c:pt idx="18732">
                  <c:v>88.838800000000006</c:v>
                </c:pt>
                <c:pt idx="18733">
                  <c:v>96.268000000000001</c:v>
                </c:pt>
                <c:pt idx="18734">
                  <c:v>98.756900000000002</c:v>
                </c:pt>
                <c:pt idx="18735">
                  <c:v>96.868600000000001</c:v>
                </c:pt>
                <c:pt idx="18736">
                  <c:v>97.177899999999994</c:v>
                </c:pt>
                <c:pt idx="18737">
                  <c:v>94.965900000000005</c:v>
                </c:pt>
                <c:pt idx="18738">
                  <c:v>102.986</c:v>
                </c:pt>
                <c:pt idx="18739">
                  <c:v>98.307100000000005</c:v>
                </c:pt>
                <c:pt idx="18740">
                  <c:v>99.702100000000002</c:v>
                </c:pt>
                <c:pt idx="18741">
                  <c:v>97.355400000000003</c:v>
                </c:pt>
                <c:pt idx="18742">
                  <c:v>99.116399999999999</c:v>
                </c:pt>
                <c:pt idx="18743">
                  <c:v>88.838800000000006</c:v>
                </c:pt>
                <c:pt idx="18744">
                  <c:v>96.268000000000001</c:v>
                </c:pt>
                <c:pt idx="18745">
                  <c:v>98.756900000000002</c:v>
                </c:pt>
                <c:pt idx="18746">
                  <c:v>96.868600000000001</c:v>
                </c:pt>
                <c:pt idx="18747">
                  <c:v>97.177899999999994</c:v>
                </c:pt>
                <c:pt idx="18748">
                  <c:v>94.965900000000005</c:v>
                </c:pt>
                <c:pt idx="18749">
                  <c:v>102.986</c:v>
                </c:pt>
                <c:pt idx="18750">
                  <c:v>98.307100000000005</c:v>
                </c:pt>
                <c:pt idx="18751">
                  <c:v>99.702100000000002</c:v>
                </c:pt>
                <c:pt idx="18752">
                  <c:v>97.355400000000003</c:v>
                </c:pt>
                <c:pt idx="18753">
                  <c:v>99.116399999999999</c:v>
                </c:pt>
                <c:pt idx="18754">
                  <c:v>88.838800000000006</c:v>
                </c:pt>
                <c:pt idx="18755">
                  <c:v>96.268000000000001</c:v>
                </c:pt>
                <c:pt idx="18756">
                  <c:v>98.756900000000002</c:v>
                </c:pt>
                <c:pt idx="18757">
                  <c:v>96.868600000000001</c:v>
                </c:pt>
                <c:pt idx="18758">
                  <c:v>97.177899999999994</c:v>
                </c:pt>
                <c:pt idx="18759">
                  <c:v>94.965900000000005</c:v>
                </c:pt>
                <c:pt idx="18760">
                  <c:v>102.986</c:v>
                </c:pt>
                <c:pt idx="18761">
                  <c:v>98.307100000000005</c:v>
                </c:pt>
                <c:pt idx="18762">
                  <c:v>99.702100000000002</c:v>
                </c:pt>
                <c:pt idx="18763">
                  <c:v>97.355400000000003</c:v>
                </c:pt>
                <c:pt idx="18764">
                  <c:v>99.116399999999999</c:v>
                </c:pt>
                <c:pt idx="18765">
                  <c:v>88.838800000000006</c:v>
                </c:pt>
                <c:pt idx="18766">
                  <c:v>96.268000000000001</c:v>
                </c:pt>
                <c:pt idx="18767">
                  <c:v>98.756900000000002</c:v>
                </c:pt>
                <c:pt idx="18768">
                  <c:v>96.868600000000001</c:v>
                </c:pt>
                <c:pt idx="18769">
                  <c:v>97.177899999999994</c:v>
                </c:pt>
                <c:pt idx="18770">
                  <c:v>94.965900000000005</c:v>
                </c:pt>
                <c:pt idx="18771">
                  <c:v>102.986</c:v>
                </c:pt>
                <c:pt idx="18772">
                  <c:v>98.307100000000005</c:v>
                </c:pt>
                <c:pt idx="18773">
                  <c:v>99.702100000000002</c:v>
                </c:pt>
                <c:pt idx="18774">
                  <c:v>97.355400000000003</c:v>
                </c:pt>
                <c:pt idx="18775">
                  <c:v>99.116399999999999</c:v>
                </c:pt>
                <c:pt idx="18776">
                  <c:v>88.838800000000006</c:v>
                </c:pt>
                <c:pt idx="18777">
                  <c:v>96.268000000000001</c:v>
                </c:pt>
                <c:pt idx="18778">
                  <c:v>98.756900000000002</c:v>
                </c:pt>
                <c:pt idx="18779">
                  <c:v>96.868600000000001</c:v>
                </c:pt>
                <c:pt idx="18780">
                  <c:v>97.177899999999994</c:v>
                </c:pt>
                <c:pt idx="18781">
                  <c:v>94.965900000000005</c:v>
                </c:pt>
                <c:pt idx="18782">
                  <c:v>102.986</c:v>
                </c:pt>
                <c:pt idx="18783">
                  <c:v>98.307100000000005</c:v>
                </c:pt>
                <c:pt idx="18784">
                  <c:v>99.702100000000002</c:v>
                </c:pt>
                <c:pt idx="18785">
                  <c:v>97.355400000000003</c:v>
                </c:pt>
                <c:pt idx="18786">
                  <c:v>99.116399999999999</c:v>
                </c:pt>
                <c:pt idx="18787">
                  <c:v>88.838800000000006</c:v>
                </c:pt>
                <c:pt idx="18788">
                  <c:v>96.268000000000001</c:v>
                </c:pt>
                <c:pt idx="18789">
                  <c:v>98.756900000000002</c:v>
                </c:pt>
                <c:pt idx="18790">
                  <c:v>96.868600000000001</c:v>
                </c:pt>
                <c:pt idx="18791">
                  <c:v>97.177899999999994</c:v>
                </c:pt>
                <c:pt idx="18792">
                  <c:v>94.965900000000005</c:v>
                </c:pt>
                <c:pt idx="18793">
                  <c:v>102.986</c:v>
                </c:pt>
                <c:pt idx="18794">
                  <c:v>98.307100000000005</c:v>
                </c:pt>
                <c:pt idx="18795">
                  <c:v>99.702100000000002</c:v>
                </c:pt>
                <c:pt idx="18796">
                  <c:v>97.355400000000003</c:v>
                </c:pt>
                <c:pt idx="18797">
                  <c:v>99.116399999999999</c:v>
                </c:pt>
                <c:pt idx="18798">
                  <c:v>88.838800000000006</c:v>
                </c:pt>
                <c:pt idx="18799">
                  <c:v>96.268000000000001</c:v>
                </c:pt>
                <c:pt idx="18800">
                  <c:v>98.756900000000002</c:v>
                </c:pt>
                <c:pt idx="18801">
                  <c:v>96.868600000000001</c:v>
                </c:pt>
                <c:pt idx="18802">
                  <c:v>97.177899999999994</c:v>
                </c:pt>
                <c:pt idx="18803">
                  <c:v>94.965900000000005</c:v>
                </c:pt>
                <c:pt idx="18804">
                  <c:v>102.986</c:v>
                </c:pt>
                <c:pt idx="18805">
                  <c:v>98.307100000000005</c:v>
                </c:pt>
                <c:pt idx="18806">
                  <c:v>99.702100000000002</c:v>
                </c:pt>
                <c:pt idx="18807">
                  <c:v>97.355400000000003</c:v>
                </c:pt>
                <c:pt idx="18808">
                  <c:v>99.116399999999999</c:v>
                </c:pt>
                <c:pt idx="18809">
                  <c:v>88.838800000000006</c:v>
                </c:pt>
                <c:pt idx="18810">
                  <c:v>96.268000000000001</c:v>
                </c:pt>
                <c:pt idx="18811">
                  <c:v>98.756900000000002</c:v>
                </c:pt>
                <c:pt idx="18812">
                  <c:v>96.868600000000001</c:v>
                </c:pt>
                <c:pt idx="18813">
                  <c:v>97.177899999999994</c:v>
                </c:pt>
                <c:pt idx="18814">
                  <c:v>94.965900000000005</c:v>
                </c:pt>
                <c:pt idx="18815">
                  <c:v>102.986</c:v>
                </c:pt>
                <c:pt idx="18816">
                  <c:v>98.307100000000005</c:v>
                </c:pt>
                <c:pt idx="18817">
                  <c:v>99.702100000000002</c:v>
                </c:pt>
                <c:pt idx="18818">
                  <c:v>97.355400000000003</c:v>
                </c:pt>
                <c:pt idx="18819">
                  <c:v>99.116399999999999</c:v>
                </c:pt>
                <c:pt idx="18820">
                  <c:v>88.838800000000006</c:v>
                </c:pt>
                <c:pt idx="18821">
                  <c:v>96.268000000000001</c:v>
                </c:pt>
                <c:pt idx="18822">
                  <c:v>98.756900000000002</c:v>
                </c:pt>
                <c:pt idx="18823">
                  <c:v>96.868600000000001</c:v>
                </c:pt>
                <c:pt idx="18824">
                  <c:v>97.177899999999994</c:v>
                </c:pt>
                <c:pt idx="18825">
                  <c:v>94.965900000000005</c:v>
                </c:pt>
                <c:pt idx="18826">
                  <c:v>102.986</c:v>
                </c:pt>
                <c:pt idx="18827">
                  <c:v>98.307100000000005</c:v>
                </c:pt>
                <c:pt idx="18828">
                  <c:v>99.702100000000002</c:v>
                </c:pt>
                <c:pt idx="18829">
                  <c:v>97.355400000000003</c:v>
                </c:pt>
                <c:pt idx="18830">
                  <c:v>99.116399999999999</c:v>
                </c:pt>
                <c:pt idx="18831">
                  <c:v>88.838800000000006</c:v>
                </c:pt>
                <c:pt idx="18832">
                  <c:v>96.268000000000001</c:v>
                </c:pt>
                <c:pt idx="18833">
                  <c:v>98.756900000000002</c:v>
                </c:pt>
                <c:pt idx="18834">
                  <c:v>96.868600000000001</c:v>
                </c:pt>
                <c:pt idx="18835">
                  <c:v>97.177899999999994</c:v>
                </c:pt>
                <c:pt idx="18836">
                  <c:v>94.965900000000005</c:v>
                </c:pt>
                <c:pt idx="18837">
                  <c:v>102.986</c:v>
                </c:pt>
                <c:pt idx="18838">
                  <c:v>98.307100000000005</c:v>
                </c:pt>
                <c:pt idx="18839">
                  <c:v>99.702100000000002</c:v>
                </c:pt>
                <c:pt idx="18840">
                  <c:v>97.355400000000003</c:v>
                </c:pt>
                <c:pt idx="18841">
                  <c:v>99.116399999999999</c:v>
                </c:pt>
                <c:pt idx="18842">
                  <c:v>88.838800000000006</c:v>
                </c:pt>
                <c:pt idx="18843">
                  <c:v>96.268000000000001</c:v>
                </c:pt>
                <c:pt idx="18844">
                  <c:v>98.756900000000002</c:v>
                </c:pt>
                <c:pt idx="18845">
                  <c:v>96.868600000000001</c:v>
                </c:pt>
                <c:pt idx="18846">
                  <c:v>97.177899999999994</c:v>
                </c:pt>
                <c:pt idx="18847">
                  <c:v>94.965900000000005</c:v>
                </c:pt>
                <c:pt idx="18848">
                  <c:v>102.986</c:v>
                </c:pt>
                <c:pt idx="18849">
                  <c:v>98.307100000000005</c:v>
                </c:pt>
                <c:pt idx="18850">
                  <c:v>99.702100000000002</c:v>
                </c:pt>
                <c:pt idx="18851">
                  <c:v>97.355400000000003</c:v>
                </c:pt>
                <c:pt idx="18852">
                  <c:v>99.116399999999999</c:v>
                </c:pt>
                <c:pt idx="18853">
                  <c:v>88.838800000000006</c:v>
                </c:pt>
                <c:pt idx="18854">
                  <c:v>96.268000000000001</c:v>
                </c:pt>
                <c:pt idx="18855">
                  <c:v>98.756900000000002</c:v>
                </c:pt>
                <c:pt idx="18856">
                  <c:v>96.868600000000001</c:v>
                </c:pt>
                <c:pt idx="18857">
                  <c:v>97.177899999999994</c:v>
                </c:pt>
                <c:pt idx="18858">
                  <c:v>94.965900000000005</c:v>
                </c:pt>
                <c:pt idx="18859">
                  <c:v>102.986</c:v>
                </c:pt>
                <c:pt idx="18860">
                  <c:v>98.307100000000005</c:v>
                </c:pt>
                <c:pt idx="18861">
                  <c:v>99.702100000000002</c:v>
                </c:pt>
                <c:pt idx="18862">
                  <c:v>97.355400000000003</c:v>
                </c:pt>
                <c:pt idx="18863">
                  <c:v>99.116399999999999</c:v>
                </c:pt>
                <c:pt idx="18864">
                  <c:v>88.838800000000006</c:v>
                </c:pt>
                <c:pt idx="18865">
                  <c:v>96.268000000000001</c:v>
                </c:pt>
                <c:pt idx="18866">
                  <c:v>98.756900000000002</c:v>
                </c:pt>
                <c:pt idx="18867">
                  <c:v>96.868600000000001</c:v>
                </c:pt>
                <c:pt idx="18868">
                  <c:v>97.177899999999994</c:v>
                </c:pt>
                <c:pt idx="18869">
                  <c:v>94.965900000000005</c:v>
                </c:pt>
                <c:pt idx="18870">
                  <c:v>102.986</c:v>
                </c:pt>
                <c:pt idx="18871">
                  <c:v>98.307100000000005</c:v>
                </c:pt>
                <c:pt idx="18872">
                  <c:v>99.702100000000002</c:v>
                </c:pt>
                <c:pt idx="18873">
                  <c:v>97.355400000000003</c:v>
                </c:pt>
                <c:pt idx="18874">
                  <c:v>99.116399999999999</c:v>
                </c:pt>
                <c:pt idx="18875">
                  <c:v>88.838800000000006</c:v>
                </c:pt>
                <c:pt idx="18876">
                  <c:v>96.268000000000001</c:v>
                </c:pt>
                <c:pt idx="18877">
                  <c:v>98.756900000000002</c:v>
                </c:pt>
                <c:pt idx="18878">
                  <c:v>96.868600000000001</c:v>
                </c:pt>
                <c:pt idx="18879">
                  <c:v>97.177899999999994</c:v>
                </c:pt>
                <c:pt idx="18880">
                  <c:v>94.965900000000005</c:v>
                </c:pt>
                <c:pt idx="18881">
                  <c:v>102.986</c:v>
                </c:pt>
                <c:pt idx="18882">
                  <c:v>98.307100000000005</c:v>
                </c:pt>
                <c:pt idx="18883">
                  <c:v>99.702100000000002</c:v>
                </c:pt>
                <c:pt idx="18884">
                  <c:v>97.355400000000003</c:v>
                </c:pt>
                <c:pt idx="18885">
                  <c:v>99.116399999999999</c:v>
                </c:pt>
                <c:pt idx="18886">
                  <c:v>88.838800000000006</c:v>
                </c:pt>
                <c:pt idx="18887">
                  <c:v>96.268000000000001</c:v>
                </c:pt>
                <c:pt idx="18888">
                  <c:v>98.756900000000002</c:v>
                </c:pt>
                <c:pt idx="18889">
                  <c:v>96.868600000000001</c:v>
                </c:pt>
                <c:pt idx="18890">
                  <c:v>97.177899999999994</c:v>
                </c:pt>
                <c:pt idx="18891">
                  <c:v>94.965900000000005</c:v>
                </c:pt>
                <c:pt idx="18892">
                  <c:v>102.986</c:v>
                </c:pt>
                <c:pt idx="18893">
                  <c:v>98.307100000000005</c:v>
                </c:pt>
                <c:pt idx="18894">
                  <c:v>99.702100000000002</c:v>
                </c:pt>
                <c:pt idx="18895">
                  <c:v>97.355400000000003</c:v>
                </c:pt>
                <c:pt idx="18896">
                  <c:v>99.116399999999999</c:v>
                </c:pt>
                <c:pt idx="18897">
                  <c:v>88.838800000000006</c:v>
                </c:pt>
                <c:pt idx="18898">
                  <c:v>96.268000000000001</c:v>
                </c:pt>
                <c:pt idx="18899">
                  <c:v>98.756900000000002</c:v>
                </c:pt>
                <c:pt idx="18900">
                  <c:v>96.868600000000001</c:v>
                </c:pt>
                <c:pt idx="18901">
                  <c:v>97.177899999999994</c:v>
                </c:pt>
                <c:pt idx="18902">
                  <c:v>94.965900000000005</c:v>
                </c:pt>
                <c:pt idx="18903">
                  <c:v>102.986</c:v>
                </c:pt>
                <c:pt idx="18904">
                  <c:v>98.307100000000005</c:v>
                </c:pt>
                <c:pt idx="18905">
                  <c:v>99.702100000000002</c:v>
                </c:pt>
                <c:pt idx="18906">
                  <c:v>97.355400000000003</c:v>
                </c:pt>
                <c:pt idx="18907">
                  <c:v>99.116399999999999</c:v>
                </c:pt>
                <c:pt idx="18908">
                  <c:v>88.838800000000006</c:v>
                </c:pt>
                <c:pt idx="18909">
                  <c:v>96.268000000000001</c:v>
                </c:pt>
                <c:pt idx="18910">
                  <c:v>98.756900000000002</c:v>
                </c:pt>
                <c:pt idx="18911">
                  <c:v>96.868600000000001</c:v>
                </c:pt>
                <c:pt idx="18912">
                  <c:v>97.177899999999994</c:v>
                </c:pt>
                <c:pt idx="18913">
                  <c:v>94.965900000000005</c:v>
                </c:pt>
                <c:pt idx="18914">
                  <c:v>102.986</c:v>
                </c:pt>
                <c:pt idx="18915">
                  <c:v>98.307100000000005</c:v>
                </c:pt>
                <c:pt idx="18916">
                  <c:v>99.702100000000002</c:v>
                </c:pt>
                <c:pt idx="18917">
                  <c:v>97.355400000000003</c:v>
                </c:pt>
                <c:pt idx="18918">
                  <c:v>99.116399999999999</c:v>
                </c:pt>
                <c:pt idx="18919">
                  <c:v>88.838800000000006</c:v>
                </c:pt>
                <c:pt idx="18920">
                  <c:v>96.268000000000001</c:v>
                </c:pt>
                <c:pt idx="18921">
                  <c:v>98.756900000000002</c:v>
                </c:pt>
                <c:pt idx="18922">
                  <c:v>96.868600000000001</c:v>
                </c:pt>
                <c:pt idx="18923">
                  <c:v>97.177899999999994</c:v>
                </c:pt>
                <c:pt idx="18924">
                  <c:v>94.965900000000005</c:v>
                </c:pt>
                <c:pt idx="18925">
                  <c:v>102.986</c:v>
                </c:pt>
                <c:pt idx="18926">
                  <c:v>98.307100000000005</c:v>
                </c:pt>
                <c:pt idx="18927">
                  <c:v>99.702100000000002</c:v>
                </c:pt>
                <c:pt idx="18928">
                  <c:v>97.355400000000003</c:v>
                </c:pt>
                <c:pt idx="18929">
                  <c:v>99.116399999999999</c:v>
                </c:pt>
                <c:pt idx="18930">
                  <c:v>88.838800000000006</c:v>
                </c:pt>
                <c:pt idx="18931">
                  <c:v>96.268000000000001</c:v>
                </c:pt>
                <c:pt idx="18932">
                  <c:v>98.756900000000002</c:v>
                </c:pt>
                <c:pt idx="18933">
                  <c:v>96.868600000000001</c:v>
                </c:pt>
                <c:pt idx="18934">
                  <c:v>97.177899999999994</c:v>
                </c:pt>
                <c:pt idx="18935">
                  <c:v>94.965900000000005</c:v>
                </c:pt>
                <c:pt idx="18936">
                  <c:v>102.986</c:v>
                </c:pt>
                <c:pt idx="18937">
                  <c:v>98.307100000000005</c:v>
                </c:pt>
                <c:pt idx="18938">
                  <c:v>99.702100000000002</c:v>
                </c:pt>
                <c:pt idx="18939">
                  <c:v>97.355400000000003</c:v>
                </c:pt>
                <c:pt idx="18940">
                  <c:v>99.116399999999999</c:v>
                </c:pt>
                <c:pt idx="18941">
                  <c:v>88.838800000000006</c:v>
                </c:pt>
                <c:pt idx="18942">
                  <c:v>96.268000000000001</c:v>
                </c:pt>
                <c:pt idx="18943">
                  <c:v>98.756900000000002</c:v>
                </c:pt>
                <c:pt idx="18944">
                  <c:v>96.868600000000001</c:v>
                </c:pt>
                <c:pt idx="18945">
                  <c:v>97.177899999999994</c:v>
                </c:pt>
                <c:pt idx="18946">
                  <c:v>94.965900000000005</c:v>
                </c:pt>
                <c:pt idx="18947">
                  <c:v>102.986</c:v>
                </c:pt>
                <c:pt idx="18948">
                  <c:v>98.307100000000005</c:v>
                </c:pt>
                <c:pt idx="18949">
                  <c:v>99.702100000000002</c:v>
                </c:pt>
                <c:pt idx="18950">
                  <c:v>97.355400000000003</c:v>
                </c:pt>
                <c:pt idx="18951">
                  <c:v>99.116399999999999</c:v>
                </c:pt>
                <c:pt idx="18952">
                  <c:v>88.838800000000006</c:v>
                </c:pt>
                <c:pt idx="18953">
                  <c:v>96.268000000000001</c:v>
                </c:pt>
                <c:pt idx="18954">
                  <c:v>98.756900000000002</c:v>
                </c:pt>
                <c:pt idx="18955">
                  <c:v>96.868600000000001</c:v>
                </c:pt>
                <c:pt idx="18956">
                  <c:v>97.177899999999994</c:v>
                </c:pt>
                <c:pt idx="18957">
                  <c:v>94.965900000000005</c:v>
                </c:pt>
                <c:pt idx="18958">
                  <c:v>102.986</c:v>
                </c:pt>
                <c:pt idx="18959">
                  <c:v>98.307100000000005</c:v>
                </c:pt>
                <c:pt idx="18960">
                  <c:v>99.702100000000002</c:v>
                </c:pt>
                <c:pt idx="18961">
                  <c:v>97.355400000000003</c:v>
                </c:pt>
                <c:pt idx="18962">
                  <c:v>99.116399999999999</c:v>
                </c:pt>
                <c:pt idx="18963">
                  <c:v>88.838800000000006</c:v>
                </c:pt>
                <c:pt idx="18964">
                  <c:v>96.268000000000001</c:v>
                </c:pt>
                <c:pt idx="18965">
                  <c:v>98.756900000000002</c:v>
                </c:pt>
                <c:pt idx="18966">
                  <c:v>96.868600000000001</c:v>
                </c:pt>
                <c:pt idx="18967">
                  <c:v>97.177899999999994</c:v>
                </c:pt>
                <c:pt idx="18968">
                  <c:v>94.965900000000005</c:v>
                </c:pt>
                <c:pt idx="18969">
                  <c:v>102.986</c:v>
                </c:pt>
                <c:pt idx="18970">
                  <c:v>98.307100000000005</c:v>
                </c:pt>
                <c:pt idx="18971">
                  <c:v>99.702100000000002</c:v>
                </c:pt>
                <c:pt idx="18972">
                  <c:v>97.355400000000003</c:v>
                </c:pt>
                <c:pt idx="18973">
                  <c:v>99.116399999999999</c:v>
                </c:pt>
                <c:pt idx="18974">
                  <c:v>88.838800000000006</c:v>
                </c:pt>
                <c:pt idx="18975">
                  <c:v>96.268000000000001</c:v>
                </c:pt>
                <c:pt idx="18976">
                  <c:v>98.756900000000002</c:v>
                </c:pt>
                <c:pt idx="18977">
                  <c:v>96.868600000000001</c:v>
                </c:pt>
                <c:pt idx="18978">
                  <c:v>97.177899999999994</c:v>
                </c:pt>
                <c:pt idx="18979">
                  <c:v>94.965900000000005</c:v>
                </c:pt>
                <c:pt idx="18980">
                  <c:v>102.986</c:v>
                </c:pt>
                <c:pt idx="18981">
                  <c:v>98.307100000000005</c:v>
                </c:pt>
                <c:pt idx="18982">
                  <c:v>99.702100000000002</c:v>
                </c:pt>
                <c:pt idx="18983">
                  <c:v>97.355400000000003</c:v>
                </c:pt>
                <c:pt idx="18984">
                  <c:v>99.116399999999999</c:v>
                </c:pt>
                <c:pt idx="18985">
                  <c:v>88.838800000000006</c:v>
                </c:pt>
                <c:pt idx="18986">
                  <c:v>96.268000000000001</c:v>
                </c:pt>
                <c:pt idx="18987">
                  <c:v>98.756900000000002</c:v>
                </c:pt>
                <c:pt idx="18988">
                  <c:v>96.868600000000001</c:v>
                </c:pt>
                <c:pt idx="18989">
                  <c:v>97.177899999999994</c:v>
                </c:pt>
                <c:pt idx="18990">
                  <c:v>94.965900000000005</c:v>
                </c:pt>
                <c:pt idx="18991">
                  <c:v>102.986</c:v>
                </c:pt>
                <c:pt idx="18992">
                  <c:v>98.307100000000005</c:v>
                </c:pt>
                <c:pt idx="18993">
                  <c:v>99.702100000000002</c:v>
                </c:pt>
                <c:pt idx="18994">
                  <c:v>97.355400000000003</c:v>
                </c:pt>
                <c:pt idx="18995">
                  <c:v>99.116399999999999</c:v>
                </c:pt>
                <c:pt idx="18996">
                  <c:v>88.838800000000006</c:v>
                </c:pt>
                <c:pt idx="18997">
                  <c:v>96.268000000000001</c:v>
                </c:pt>
                <c:pt idx="18998">
                  <c:v>98.756900000000002</c:v>
                </c:pt>
                <c:pt idx="18999">
                  <c:v>96.868600000000001</c:v>
                </c:pt>
                <c:pt idx="19000">
                  <c:v>97.177899999999994</c:v>
                </c:pt>
                <c:pt idx="19001">
                  <c:v>94.965900000000005</c:v>
                </c:pt>
                <c:pt idx="19002">
                  <c:v>102.986</c:v>
                </c:pt>
                <c:pt idx="19003">
                  <c:v>98.307100000000005</c:v>
                </c:pt>
                <c:pt idx="19004">
                  <c:v>99.702100000000002</c:v>
                </c:pt>
                <c:pt idx="19005">
                  <c:v>97.355400000000003</c:v>
                </c:pt>
                <c:pt idx="19006">
                  <c:v>99.116399999999999</c:v>
                </c:pt>
              </c:numCache>
            </c:numRef>
          </c:yVal>
          <c:smooth val="0"/>
        </c:ser>
        <c:ser>
          <c:idx val="0"/>
          <c:order val="1"/>
          <c:tx>
            <c:v>GA</c:v>
          </c:tx>
          <c:spPr>
            <a:ln w="57150">
              <a:solidFill>
                <a:schemeClr val="bg1">
                  <a:lumMod val="50000"/>
                </a:schemeClr>
              </a:solidFill>
            </a:ln>
          </c:spPr>
          <c:marker>
            <c:symbol val="triangle"/>
            <c:size val="21"/>
            <c:spPr>
              <a:noFill/>
              <a:ln>
                <a:solidFill>
                  <a:schemeClr val="bg1">
                    <a:lumMod val="50000"/>
                  </a:schemeClr>
                </a:solidFill>
              </a:ln>
            </c:spPr>
          </c:marker>
          <c:xVal>
            <c:numRef>
              <c:f>Data!$K$4:$K$33</c:f>
              <c:numCache>
                <c:formatCode>General</c:formatCode>
                <c:ptCount val="30"/>
                <c:pt idx="0">
                  <c:v>10329.1</c:v>
                </c:pt>
                <c:pt idx="1">
                  <c:v>8000.32</c:v>
                </c:pt>
                <c:pt idx="2">
                  <c:v>7918.74</c:v>
                </c:pt>
                <c:pt idx="3">
                  <c:v>7695.74</c:v>
                </c:pt>
                <c:pt idx="4">
                  <c:v>7493.44</c:v>
                </c:pt>
                <c:pt idx="5">
                  <c:v>7493.44</c:v>
                </c:pt>
                <c:pt idx="6">
                  <c:v>7441.22</c:v>
                </c:pt>
                <c:pt idx="7">
                  <c:v>7343.49</c:v>
                </c:pt>
                <c:pt idx="8">
                  <c:v>5119.84</c:v>
                </c:pt>
                <c:pt idx="9">
                  <c:v>5025.49</c:v>
                </c:pt>
                <c:pt idx="10">
                  <c:v>4968.3900000000003</c:v>
                </c:pt>
                <c:pt idx="11">
                  <c:v>4517.82</c:v>
                </c:pt>
                <c:pt idx="12">
                  <c:v>4450.97</c:v>
                </c:pt>
                <c:pt idx="13">
                  <c:v>4308.5200000000004</c:v>
                </c:pt>
                <c:pt idx="14">
                  <c:v>4287.34</c:v>
                </c:pt>
                <c:pt idx="15">
                  <c:v>3795.18</c:v>
                </c:pt>
                <c:pt idx="16">
                  <c:v>3472.41</c:v>
                </c:pt>
                <c:pt idx="17">
                  <c:v>3472.41</c:v>
                </c:pt>
                <c:pt idx="18">
                  <c:v>3472.41</c:v>
                </c:pt>
                <c:pt idx="19">
                  <c:v>3440.08</c:v>
                </c:pt>
                <c:pt idx="20">
                  <c:v>3429.81</c:v>
                </c:pt>
                <c:pt idx="21">
                  <c:v>3277.6</c:v>
                </c:pt>
                <c:pt idx="22">
                  <c:v>3277.6</c:v>
                </c:pt>
                <c:pt idx="23">
                  <c:v>3108.92</c:v>
                </c:pt>
                <c:pt idx="24">
                  <c:v>3108.92</c:v>
                </c:pt>
                <c:pt idx="25">
                  <c:v>3051.4</c:v>
                </c:pt>
                <c:pt idx="26">
                  <c:v>3051.4</c:v>
                </c:pt>
                <c:pt idx="27">
                  <c:v>3039.13</c:v>
                </c:pt>
                <c:pt idx="28">
                  <c:v>3017.58</c:v>
                </c:pt>
                <c:pt idx="29">
                  <c:v>3002.67</c:v>
                </c:pt>
              </c:numCache>
            </c:numRef>
          </c:xVal>
          <c:yVal>
            <c:numRef>
              <c:f>Data!$L$4:$L$33</c:f>
              <c:numCache>
                <c:formatCode>General</c:formatCode>
                <c:ptCount val="30"/>
                <c:pt idx="0">
                  <c:v>10.4155</c:v>
                </c:pt>
                <c:pt idx="1">
                  <c:v>11.895300000000001</c:v>
                </c:pt>
                <c:pt idx="2">
                  <c:v>13.0076</c:v>
                </c:pt>
                <c:pt idx="3">
                  <c:v>13.154500000000001</c:v>
                </c:pt>
                <c:pt idx="4">
                  <c:v>14.304399999999999</c:v>
                </c:pt>
                <c:pt idx="5">
                  <c:v>14.304399999999999</c:v>
                </c:pt>
                <c:pt idx="6">
                  <c:v>14.772500000000001</c:v>
                </c:pt>
                <c:pt idx="7">
                  <c:v>15.309200000000001</c:v>
                </c:pt>
                <c:pt idx="8">
                  <c:v>19.107399999999998</c:v>
                </c:pt>
                <c:pt idx="9">
                  <c:v>19.553699999999999</c:v>
                </c:pt>
                <c:pt idx="10">
                  <c:v>19.8704</c:v>
                </c:pt>
                <c:pt idx="11">
                  <c:v>21.675000000000001</c:v>
                </c:pt>
                <c:pt idx="12">
                  <c:v>22.268699999999999</c:v>
                </c:pt>
                <c:pt idx="13">
                  <c:v>22.439800000000002</c:v>
                </c:pt>
                <c:pt idx="14">
                  <c:v>24.892199999999999</c:v>
                </c:pt>
                <c:pt idx="15">
                  <c:v>36.387700000000002</c:v>
                </c:pt>
                <c:pt idx="16">
                  <c:v>38.0289</c:v>
                </c:pt>
                <c:pt idx="17">
                  <c:v>38.0289</c:v>
                </c:pt>
                <c:pt idx="18">
                  <c:v>38.0289</c:v>
                </c:pt>
                <c:pt idx="19">
                  <c:v>39.087699999999998</c:v>
                </c:pt>
                <c:pt idx="20">
                  <c:v>47.726599999999998</c:v>
                </c:pt>
                <c:pt idx="21">
                  <c:v>53.619</c:v>
                </c:pt>
                <c:pt idx="22">
                  <c:v>53.619</c:v>
                </c:pt>
                <c:pt idx="23">
                  <c:v>59.7318</c:v>
                </c:pt>
                <c:pt idx="24">
                  <c:v>59.7318</c:v>
                </c:pt>
                <c:pt idx="25">
                  <c:v>77.372500000000002</c:v>
                </c:pt>
                <c:pt idx="26">
                  <c:v>77.372500000000002</c:v>
                </c:pt>
                <c:pt idx="27">
                  <c:v>93.631600000000006</c:v>
                </c:pt>
                <c:pt idx="28">
                  <c:v>95.732500000000002</c:v>
                </c:pt>
                <c:pt idx="29">
                  <c:v>97.00119999999999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5794816"/>
        <c:axId val="195801472"/>
      </c:scatterChart>
      <c:valAx>
        <c:axId val="195794816"/>
        <c:scaling>
          <c:orientation val="minMax"/>
          <c:max val="24000"/>
          <c:min val="0"/>
        </c:scaling>
        <c:delete val="0"/>
        <c:axPos val="b"/>
        <c:title>
          <c:tx>
            <c:rich>
              <a:bodyPr/>
              <a:lstStyle/>
              <a:p>
                <a:pPr>
                  <a:defRPr sz="2400" b="0"/>
                </a:pPr>
                <a:r>
                  <a:rPr lang="en-US" sz="2400" b="0"/>
                  <a:t>Process time (s)</a:t>
                </a:r>
              </a:p>
            </c:rich>
          </c:tx>
          <c:layout>
            <c:manualLayout>
              <c:xMode val="edge"/>
              <c:yMode val="edge"/>
              <c:x val="0.43074253515079297"/>
              <c:y val="0.92489838822704973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400"/>
            </a:pPr>
            <a:endParaRPr lang="en-US"/>
          </a:p>
        </c:txPr>
        <c:crossAx val="195801472"/>
        <c:crosses val="autoZero"/>
        <c:crossBetween val="midCat"/>
        <c:majorUnit val="6000"/>
      </c:valAx>
      <c:valAx>
        <c:axId val="195801472"/>
        <c:scaling>
          <c:orientation val="minMax"/>
          <c:max val="130"/>
          <c:min val="0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 sz="2400" b="0"/>
                </a:pPr>
                <a:r>
                  <a:rPr lang="en-GB" sz="2400" b="0"/>
                  <a:t>Temperature overshoot (⁰C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400"/>
            </a:pPr>
            <a:endParaRPr lang="en-US"/>
          </a:p>
        </c:txPr>
        <c:crossAx val="195794816"/>
        <c:crosses val="autoZero"/>
        <c:crossBetween val="midCat"/>
        <c:majorUnit val="30"/>
      </c:valAx>
    </c:plotArea>
    <c:legend>
      <c:legendPos val="r"/>
      <c:layout>
        <c:manualLayout>
          <c:xMode val="edge"/>
          <c:yMode val="edge"/>
          <c:x val="0.70107886876265579"/>
          <c:y val="3.3067332683560761E-2"/>
          <c:w val="0.22717622064416543"/>
          <c:h val="0.12511893638557969"/>
        </c:manualLayout>
      </c:layout>
      <c:overlay val="1"/>
      <c:txPr>
        <a:bodyPr/>
        <a:lstStyle/>
        <a:p>
          <a:pPr>
            <a:defRPr sz="2400"/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 sz="1100">
          <a:latin typeface="Times New Roman" panose="02020603050405020304" pitchFamily="18" charset="0"/>
          <a:cs typeface="Times New Roman" panose="02020603050405020304" pitchFamily="18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300830</xdr:colOff>
      <xdr:row>12</xdr:row>
      <xdr:rowOff>173832</xdr:rowOff>
    </xdr:from>
    <xdr:to>
      <xdr:col>32</xdr:col>
      <xdr:colOff>600424</xdr:colOff>
      <xdr:row>66</xdr:row>
      <xdr:rowOff>161232</xdr:rowOff>
    </xdr:to>
    <xdr:graphicFrame macro="">
      <xdr:nvGraphicFramePr>
        <xdr:cNvPr id="3" name="Grafico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queryTables/queryTable1.xml><?xml version="1.0" encoding="utf-8"?>
<queryTable xmlns="http://schemas.openxmlformats.org/spreadsheetml/2006/main" name="January_exhaustive_search" connectionId="1" autoFormatId="16" applyNumberFormats="0" applyBorderFormats="0" applyFontFormats="1" applyPatternFormats="1" applyAlignmentFormats="0" applyWidthHeightFormats="0"/>
</file>

<file path=xl/queryTables/queryTable2.xml><?xml version="1.0" encoding="utf-8"?>
<queryTable xmlns="http://schemas.openxmlformats.org/spreadsheetml/2006/main" name="January_exhaustive_search_1" connectionId="2" autoFormatId="16" applyNumberFormats="0" applyBorderFormats="0" applyFontFormats="1" applyPatternFormats="1" applyAlignmentFormats="0" applyWidthHeightFormats="0"/>
</file>

<file path=xl/queryTables/queryTable3.xml><?xml version="1.0" encoding="utf-8"?>
<queryTable xmlns="http://schemas.openxmlformats.org/spreadsheetml/2006/main" name="recovered_latest_4" connectionId="3" autoFormatId="16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2.xml"/><Relationship Id="rId2" Type="http://schemas.openxmlformats.org/officeDocument/2006/relationships/queryTable" Target="../queryTables/queryTable1.xml"/><Relationship Id="rId1" Type="http://schemas.openxmlformats.org/officeDocument/2006/relationships/drawing" Target="../drawings/drawing1.xml"/><Relationship Id="rId4" Type="http://schemas.openxmlformats.org/officeDocument/2006/relationships/queryTable" Target="../queryTables/queryTable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L19009"/>
  <sheetViews>
    <sheetView tabSelected="1" zoomScale="60" zoomScaleNormal="60" workbookViewId="0">
      <selection activeCell="R7" sqref="R7"/>
    </sheetView>
  </sheetViews>
  <sheetFormatPr defaultRowHeight="15" x14ac:dyDescent="0.25"/>
  <cols>
    <col min="1" max="2" width="7" bestFit="1" customWidth="1"/>
    <col min="3" max="3" width="8" bestFit="1" customWidth="1"/>
    <col min="4" max="4" width="4" bestFit="1" customWidth="1"/>
    <col min="5" max="6" width="8" bestFit="1" customWidth="1"/>
    <col min="10" max="10" width="11.7109375" customWidth="1"/>
    <col min="11" max="11" width="9" bestFit="1" customWidth="1"/>
  </cols>
  <sheetData>
    <row r="1" spans="1:12" x14ac:dyDescent="0.25">
      <c r="A1" s="5" t="s">
        <v>6</v>
      </c>
      <c r="B1" s="5"/>
      <c r="C1" s="5"/>
      <c r="D1" s="5"/>
      <c r="E1" s="5"/>
      <c r="F1" s="5"/>
    </row>
    <row r="2" spans="1:12" x14ac:dyDescent="0.25">
      <c r="A2" t="s">
        <v>0</v>
      </c>
      <c r="B2" t="s">
        <v>1</v>
      </c>
      <c r="C2" t="s">
        <v>2</v>
      </c>
      <c r="D2" t="s">
        <v>3</v>
      </c>
      <c r="E2" t="s">
        <v>4</v>
      </c>
      <c r="F2" t="s">
        <v>5</v>
      </c>
    </row>
    <row r="3" spans="1:12" x14ac:dyDescent="0.25">
      <c r="A3">
        <v>135</v>
      </c>
      <c r="B3">
        <v>175</v>
      </c>
      <c r="C3">
        <v>1800</v>
      </c>
      <c r="D3">
        <v>1</v>
      </c>
      <c r="E3">
        <v>5831.63</v>
      </c>
      <c r="F3">
        <v>66.005600000000001</v>
      </c>
      <c r="H3" s="5" t="s">
        <v>7</v>
      </c>
      <c r="I3" s="5"/>
    </row>
    <row r="4" spans="1:12" x14ac:dyDescent="0.25">
      <c r="A4">
        <v>135</v>
      </c>
      <c r="B4">
        <v>175</v>
      </c>
      <c r="C4">
        <v>1800</v>
      </c>
      <c r="D4">
        <v>1.3</v>
      </c>
      <c r="E4">
        <v>5444.41</v>
      </c>
      <c r="F4">
        <v>80.814800000000005</v>
      </c>
      <c r="H4" s="3">
        <v>7343.49</v>
      </c>
      <c r="I4" s="3">
        <v>15.309200000000001</v>
      </c>
      <c r="K4" s="3">
        <v>10329.1</v>
      </c>
      <c r="L4" s="3">
        <v>10.4155</v>
      </c>
    </row>
    <row r="5" spans="1:12" x14ac:dyDescent="0.25">
      <c r="A5">
        <v>135</v>
      </c>
      <c r="B5">
        <v>175</v>
      </c>
      <c r="C5">
        <v>1800</v>
      </c>
      <c r="D5">
        <v>1.6</v>
      </c>
      <c r="E5">
        <v>5040.59</v>
      </c>
      <c r="F5">
        <v>86.06</v>
      </c>
      <c r="H5">
        <v>3002.67</v>
      </c>
      <c r="I5">
        <v>97.001199999999997</v>
      </c>
      <c r="K5" s="3">
        <v>8000.32</v>
      </c>
      <c r="L5" s="3">
        <v>11.895300000000001</v>
      </c>
    </row>
    <row r="6" spans="1:12" x14ac:dyDescent="0.25">
      <c r="A6">
        <v>135</v>
      </c>
      <c r="B6">
        <v>175</v>
      </c>
      <c r="C6">
        <v>1800</v>
      </c>
      <c r="D6">
        <v>1.9</v>
      </c>
      <c r="E6">
        <v>4945.4399999999996</v>
      </c>
      <c r="F6">
        <v>90.352099999999993</v>
      </c>
      <c r="H6">
        <v>3017.58</v>
      </c>
      <c r="I6">
        <v>95.732500000000002</v>
      </c>
      <c r="K6" s="3">
        <v>7918.74</v>
      </c>
      <c r="L6" s="3">
        <v>13.0076</v>
      </c>
    </row>
    <row r="7" spans="1:12" x14ac:dyDescent="0.25">
      <c r="A7">
        <v>135</v>
      </c>
      <c r="B7">
        <v>175</v>
      </c>
      <c r="C7">
        <v>1800</v>
      </c>
      <c r="D7">
        <v>2.2000000000000002</v>
      </c>
      <c r="E7">
        <v>4767.33</v>
      </c>
      <c r="F7">
        <v>92.921700000000001</v>
      </c>
      <c r="H7">
        <v>3039.13</v>
      </c>
      <c r="I7">
        <v>93.631600000000006</v>
      </c>
      <c r="K7" s="3">
        <v>7695.74</v>
      </c>
      <c r="L7" s="3">
        <v>13.154500000000001</v>
      </c>
    </row>
    <row r="8" spans="1:12" x14ac:dyDescent="0.25">
      <c r="A8">
        <v>135</v>
      </c>
      <c r="B8">
        <v>175</v>
      </c>
      <c r="C8">
        <v>1800</v>
      </c>
      <c r="D8">
        <v>2.5</v>
      </c>
      <c r="E8">
        <v>4619.25</v>
      </c>
      <c r="F8">
        <v>93.759799999999998</v>
      </c>
      <c r="H8">
        <v>3051.4</v>
      </c>
      <c r="I8">
        <v>77.372500000000002</v>
      </c>
      <c r="K8" s="3">
        <v>7493.44</v>
      </c>
      <c r="L8" s="3">
        <v>14.304399999999999</v>
      </c>
    </row>
    <row r="9" spans="1:12" x14ac:dyDescent="0.25">
      <c r="A9">
        <v>135</v>
      </c>
      <c r="B9">
        <v>175</v>
      </c>
      <c r="C9">
        <v>1800</v>
      </c>
      <c r="D9">
        <v>2.8</v>
      </c>
      <c r="E9">
        <v>4555.1000000000004</v>
      </c>
      <c r="F9">
        <v>94.490499999999997</v>
      </c>
      <c r="H9">
        <v>3051.4</v>
      </c>
      <c r="I9">
        <v>77.372500000000002</v>
      </c>
      <c r="K9" s="3">
        <v>7493.44</v>
      </c>
      <c r="L9" s="3">
        <v>14.304399999999999</v>
      </c>
    </row>
    <row r="10" spans="1:12" x14ac:dyDescent="0.25">
      <c r="A10">
        <v>135</v>
      </c>
      <c r="B10">
        <v>175</v>
      </c>
      <c r="C10">
        <v>1800</v>
      </c>
      <c r="D10">
        <v>3.1</v>
      </c>
      <c r="E10">
        <v>4409.92</v>
      </c>
      <c r="F10">
        <v>97.711500000000001</v>
      </c>
      <c r="H10">
        <v>3108.92</v>
      </c>
      <c r="I10">
        <v>59.7318</v>
      </c>
      <c r="K10" s="3">
        <v>7441.22</v>
      </c>
      <c r="L10" s="3">
        <v>14.772500000000001</v>
      </c>
    </row>
    <row r="11" spans="1:12" x14ac:dyDescent="0.25">
      <c r="A11">
        <v>135</v>
      </c>
      <c r="B11">
        <v>175</v>
      </c>
      <c r="C11">
        <v>1800</v>
      </c>
      <c r="D11">
        <v>3.4</v>
      </c>
      <c r="E11">
        <v>4371.63</v>
      </c>
      <c r="F11">
        <v>97.809700000000007</v>
      </c>
      <c r="H11">
        <v>3108.92</v>
      </c>
      <c r="I11">
        <v>59.7318</v>
      </c>
      <c r="K11" s="3">
        <v>7343.49</v>
      </c>
      <c r="L11" s="3">
        <v>15.309200000000001</v>
      </c>
    </row>
    <row r="12" spans="1:12" x14ac:dyDescent="0.25">
      <c r="A12">
        <v>135</v>
      </c>
      <c r="B12">
        <v>175</v>
      </c>
      <c r="C12">
        <v>1800</v>
      </c>
      <c r="D12">
        <v>3.7</v>
      </c>
      <c r="E12">
        <v>4431.22</v>
      </c>
      <c r="F12">
        <v>94.033600000000007</v>
      </c>
      <c r="H12">
        <v>3277.6</v>
      </c>
      <c r="I12">
        <v>53.619</v>
      </c>
      <c r="K12">
        <v>5119.84</v>
      </c>
      <c r="L12">
        <v>19.107399999999998</v>
      </c>
    </row>
    <row r="13" spans="1:12" x14ac:dyDescent="0.25">
      <c r="A13">
        <v>135</v>
      </c>
      <c r="B13">
        <v>175</v>
      </c>
      <c r="C13">
        <v>1800</v>
      </c>
      <c r="D13">
        <v>4</v>
      </c>
      <c r="E13">
        <v>4308.5</v>
      </c>
      <c r="F13">
        <v>97.932400000000001</v>
      </c>
      <c r="H13">
        <v>3277.6</v>
      </c>
      <c r="I13">
        <v>53.619</v>
      </c>
      <c r="K13">
        <v>5025.49</v>
      </c>
      <c r="L13">
        <v>19.553699999999999</v>
      </c>
    </row>
    <row r="14" spans="1:12" x14ac:dyDescent="0.25">
      <c r="A14">
        <v>135</v>
      </c>
      <c r="B14">
        <v>175</v>
      </c>
      <c r="C14">
        <v>3345.45</v>
      </c>
      <c r="D14">
        <v>1</v>
      </c>
      <c r="E14">
        <v>7098.58</v>
      </c>
      <c r="F14">
        <v>40.4846</v>
      </c>
      <c r="H14">
        <v>3429.81</v>
      </c>
      <c r="I14">
        <v>47.726599999999998</v>
      </c>
      <c r="K14">
        <v>4968.3900000000003</v>
      </c>
      <c r="L14">
        <v>19.8704</v>
      </c>
    </row>
    <row r="15" spans="1:12" x14ac:dyDescent="0.25">
      <c r="A15">
        <v>135</v>
      </c>
      <c r="B15">
        <v>175</v>
      </c>
      <c r="C15">
        <v>3345.45</v>
      </c>
      <c r="D15">
        <v>1.3</v>
      </c>
      <c r="E15">
        <v>6640.77</v>
      </c>
      <c r="F15">
        <v>54.187600000000003</v>
      </c>
      <c r="H15">
        <v>3440.08</v>
      </c>
      <c r="I15">
        <v>39.087699999999998</v>
      </c>
      <c r="K15">
        <v>4517.82</v>
      </c>
      <c r="L15">
        <v>21.675000000000001</v>
      </c>
    </row>
    <row r="16" spans="1:12" x14ac:dyDescent="0.25">
      <c r="A16">
        <v>135</v>
      </c>
      <c r="B16">
        <v>175</v>
      </c>
      <c r="C16">
        <v>3345.45</v>
      </c>
      <c r="D16">
        <v>1.6</v>
      </c>
      <c r="E16">
        <v>6298.97</v>
      </c>
      <c r="F16">
        <v>67.3446</v>
      </c>
      <c r="H16">
        <v>3472.41</v>
      </c>
      <c r="I16">
        <v>38.0289</v>
      </c>
      <c r="K16" s="4">
        <v>4450.97</v>
      </c>
      <c r="L16" s="4">
        <v>22.268699999999999</v>
      </c>
    </row>
    <row r="17" spans="1:12" x14ac:dyDescent="0.25">
      <c r="A17">
        <v>135</v>
      </c>
      <c r="B17">
        <v>175</v>
      </c>
      <c r="C17">
        <v>3345.45</v>
      </c>
      <c r="D17">
        <v>1.9</v>
      </c>
      <c r="E17">
        <v>6133.59</v>
      </c>
      <c r="F17">
        <v>72.764300000000006</v>
      </c>
      <c r="H17">
        <v>3472.41</v>
      </c>
      <c r="I17">
        <v>38.0289</v>
      </c>
      <c r="K17">
        <v>4308.5200000000004</v>
      </c>
      <c r="L17">
        <v>22.439800000000002</v>
      </c>
    </row>
    <row r="18" spans="1:12" x14ac:dyDescent="0.25">
      <c r="A18">
        <v>135</v>
      </c>
      <c r="B18">
        <v>175</v>
      </c>
      <c r="C18">
        <v>3345.45</v>
      </c>
      <c r="D18">
        <v>2.2000000000000002</v>
      </c>
      <c r="E18">
        <v>5986.66</v>
      </c>
      <c r="F18">
        <v>74.110399999999998</v>
      </c>
      <c r="H18">
        <v>3472.41</v>
      </c>
      <c r="I18">
        <v>38.0289</v>
      </c>
      <c r="K18">
        <v>4287.34</v>
      </c>
      <c r="L18">
        <v>24.892199999999999</v>
      </c>
    </row>
    <row r="19" spans="1:12" x14ac:dyDescent="0.25">
      <c r="A19">
        <v>135</v>
      </c>
      <c r="B19">
        <v>175</v>
      </c>
      <c r="C19">
        <v>3345.45</v>
      </c>
      <c r="D19">
        <v>2.5</v>
      </c>
      <c r="E19">
        <v>5912.42</v>
      </c>
      <c r="F19">
        <v>76.952799999999996</v>
      </c>
      <c r="H19">
        <v>3795.18</v>
      </c>
      <c r="I19">
        <v>36.387700000000002</v>
      </c>
      <c r="K19">
        <v>3795.18</v>
      </c>
      <c r="L19">
        <v>36.387700000000002</v>
      </c>
    </row>
    <row r="20" spans="1:12" x14ac:dyDescent="0.25">
      <c r="A20">
        <v>135</v>
      </c>
      <c r="B20">
        <v>175</v>
      </c>
      <c r="C20">
        <v>3345.45</v>
      </c>
      <c r="D20">
        <v>2.8</v>
      </c>
      <c r="E20">
        <v>5803.03</v>
      </c>
      <c r="F20">
        <v>82.575599999999994</v>
      </c>
      <c r="H20">
        <v>4287.34</v>
      </c>
      <c r="I20">
        <v>24.892199999999999</v>
      </c>
      <c r="K20">
        <v>3472.41</v>
      </c>
      <c r="L20">
        <v>38.0289</v>
      </c>
    </row>
    <row r="21" spans="1:12" x14ac:dyDescent="0.25">
      <c r="A21">
        <v>135</v>
      </c>
      <c r="B21">
        <v>175</v>
      </c>
      <c r="C21">
        <v>3345.45</v>
      </c>
      <c r="D21">
        <v>3.1</v>
      </c>
      <c r="E21">
        <v>5679.25</v>
      </c>
      <c r="F21">
        <v>83.850200000000001</v>
      </c>
      <c r="H21">
        <v>4308.5200000000004</v>
      </c>
      <c r="I21">
        <v>22.439800000000002</v>
      </c>
      <c r="K21">
        <v>3472.41</v>
      </c>
      <c r="L21">
        <v>38.0289</v>
      </c>
    </row>
    <row r="22" spans="1:12" x14ac:dyDescent="0.25">
      <c r="A22">
        <v>135</v>
      </c>
      <c r="B22">
        <v>175</v>
      </c>
      <c r="C22">
        <v>3345.45</v>
      </c>
      <c r="D22">
        <v>3.4</v>
      </c>
      <c r="E22">
        <v>5660.95</v>
      </c>
      <c r="F22">
        <v>80.459800000000001</v>
      </c>
      <c r="H22" s="4">
        <v>4450.97</v>
      </c>
      <c r="I22" s="4">
        <v>22.268699999999999</v>
      </c>
      <c r="K22">
        <v>3472.41</v>
      </c>
      <c r="L22">
        <v>38.0289</v>
      </c>
    </row>
    <row r="23" spans="1:12" x14ac:dyDescent="0.25">
      <c r="A23">
        <v>135</v>
      </c>
      <c r="B23">
        <v>175</v>
      </c>
      <c r="C23">
        <v>3345.45</v>
      </c>
      <c r="D23">
        <v>3.7</v>
      </c>
      <c r="E23">
        <v>5656.44</v>
      </c>
      <c r="F23">
        <v>85.340100000000007</v>
      </c>
      <c r="H23">
        <v>4517.82</v>
      </c>
      <c r="I23">
        <v>21.675000000000001</v>
      </c>
      <c r="K23">
        <v>3440.08</v>
      </c>
      <c r="L23">
        <v>39.087699999999998</v>
      </c>
    </row>
    <row r="24" spans="1:12" x14ac:dyDescent="0.25">
      <c r="A24">
        <v>135</v>
      </c>
      <c r="B24">
        <v>175</v>
      </c>
      <c r="C24">
        <v>3345.45</v>
      </c>
      <c r="D24">
        <v>4</v>
      </c>
      <c r="E24">
        <v>5602.79</v>
      </c>
      <c r="F24">
        <v>83.7346</v>
      </c>
      <c r="H24">
        <v>4968.3900000000003</v>
      </c>
      <c r="I24">
        <v>19.8704</v>
      </c>
      <c r="K24">
        <v>3429.81</v>
      </c>
      <c r="L24">
        <v>47.726599999999998</v>
      </c>
    </row>
    <row r="25" spans="1:12" x14ac:dyDescent="0.25">
      <c r="A25">
        <v>135</v>
      </c>
      <c r="B25">
        <v>175</v>
      </c>
      <c r="C25">
        <v>4890.8999999999996</v>
      </c>
      <c r="D25">
        <v>1</v>
      </c>
      <c r="E25">
        <v>8428.23</v>
      </c>
      <c r="F25">
        <v>22.860700000000001</v>
      </c>
      <c r="H25">
        <v>5025.49</v>
      </c>
      <c r="I25">
        <v>19.553699999999999</v>
      </c>
      <c r="K25">
        <v>3277.6</v>
      </c>
      <c r="L25">
        <v>53.619</v>
      </c>
    </row>
    <row r="26" spans="1:12" x14ac:dyDescent="0.25">
      <c r="A26">
        <v>135</v>
      </c>
      <c r="B26">
        <v>175</v>
      </c>
      <c r="C26">
        <v>4890.8999999999996</v>
      </c>
      <c r="D26">
        <v>1.3</v>
      </c>
      <c r="E26">
        <v>7915.73</v>
      </c>
      <c r="F26">
        <v>32.097799999999999</v>
      </c>
      <c r="H26">
        <v>5119.84</v>
      </c>
      <c r="I26">
        <v>19.107399999999998</v>
      </c>
      <c r="K26">
        <v>3277.6</v>
      </c>
      <c r="L26">
        <v>53.619</v>
      </c>
    </row>
    <row r="27" spans="1:12" x14ac:dyDescent="0.25">
      <c r="A27">
        <v>135</v>
      </c>
      <c r="B27">
        <v>175</v>
      </c>
      <c r="C27">
        <v>4890.8999999999996</v>
      </c>
      <c r="D27">
        <v>1.6</v>
      </c>
      <c r="E27">
        <v>7637.35</v>
      </c>
      <c r="F27">
        <v>38.472200000000001</v>
      </c>
      <c r="H27" s="3">
        <v>7441.22</v>
      </c>
      <c r="I27" s="3">
        <v>14.772500000000001</v>
      </c>
      <c r="K27">
        <v>3108.92</v>
      </c>
      <c r="L27">
        <v>59.7318</v>
      </c>
    </row>
    <row r="28" spans="1:12" x14ac:dyDescent="0.25">
      <c r="A28">
        <v>135</v>
      </c>
      <c r="B28">
        <v>175</v>
      </c>
      <c r="C28">
        <v>4890.8999999999996</v>
      </c>
      <c r="D28">
        <v>1.9</v>
      </c>
      <c r="E28">
        <v>7359.53</v>
      </c>
      <c r="F28">
        <v>44.466799999999999</v>
      </c>
      <c r="H28" s="3">
        <v>7493.44</v>
      </c>
      <c r="I28" s="3">
        <v>14.304399999999999</v>
      </c>
      <c r="K28">
        <v>3108.92</v>
      </c>
      <c r="L28">
        <v>59.7318</v>
      </c>
    </row>
    <row r="29" spans="1:12" x14ac:dyDescent="0.25">
      <c r="A29">
        <v>135</v>
      </c>
      <c r="B29">
        <v>175</v>
      </c>
      <c r="C29">
        <v>4890.8999999999996</v>
      </c>
      <c r="D29">
        <v>2.2000000000000002</v>
      </c>
      <c r="E29">
        <v>7295.01</v>
      </c>
      <c r="F29">
        <v>49.262099999999997</v>
      </c>
      <c r="H29" s="3">
        <v>7493.44</v>
      </c>
      <c r="I29" s="3">
        <v>14.304399999999999</v>
      </c>
      <c r="K29">
        <v>3051.4</v>
      </c>
      <c r="L29">
        <v>77.372500000000002</v>
      </c>
    </row>
    <row r="30" spans="1:12" x14ac:dyDescent="0.25">
      <c r="A30">
        <v>135</v>
      </c>
      <c r="B30">
        <v>175</v>
      </c>
      <c r="C30">
        <v>4890.8999999999996</v>
      </c>
      <c r="D30">
        <v>2.5</v>
      </c>
      <c r="E30">
        <v>7156.17</v>
      </c>
      <c r="F30">
        <v>53.907800000000002</v>
      </c>
      <c r="H30" s="3">
        <v>7695.74</v>
      </c>
      <c r="I30" s="3">
        <v>13.154500000000001</v>
      </c>
      <c r="K30">
        <v>3051.4</v>
      </c>
      <c r="L30">
        <v>77.372500000000002</v>
      </c>
    </row>
    <row r="31" spans="1:12" x14ac:dyDescent="0.25">
      <c r="A31">
        <v>135</v>
      </c>
      <c r="B31">
        <v>175</v>
      </c>
      <c r="C31">
        <v>4890.8999999999996</v>
      </c>
      <c r="D31">
        <v>2.8</v>
      </c>
      <c r="E31">
        <v>7069.87</v>
      </c>
      <c r="F31">
        <v>56.099200000000003</v>
      </c>
      <c r="H31" s="3">
        <v>7918.74</v>
      </c>
      <c r="I31" s="3">
        <v>13.0076</v>
      </c>
      <c r="K31">
        <v>3039.13</v>
      </c>
      <c r="L31">
        <v>93.631600000000006</v>
      </c>
    </row>
    <row r="32" spans="1:12" x14ac:dyDescent="0.25">
      <c r="A32">
        <v>135</v>
      </c>
      <c r="B32">
        <v>175</v>
      </c>
      <c r="C32">
        <v>4890.8999999999996</v>
      </c>
      <c r="D32">
        <v>3.1</v>
      </c>
      <c r="E32">
        <v>7010.95</v>
      </c>
      <c r="F32">
        <v>56.847099999999998</v>
      </c>
      <c r="H32" s="3">
        <v>8000.32</v>
      </c>
      <c r="I32" s="3">
        <v>11.895300000000001</v>
      </c>
      <c r="K32">
        <v>3017.58</v>
      </c>
      <c r="L32">
        <v>95.732500000000002</v>
      </c>
    </row>
    <row r="33" spans="1:12" x14ac:dyDescent="0.25">
      <c r="A33">
        <v>135</v>
      </c>
      <c r="B33">
        <v>175</v>
      </c>
      <c r="C33">
        <v>4890.8999999999996</v>
      </c>
      <c r="D33">
        <v>3.4</v>
      </c>
      <c r="E33">
        <v>6911.87</v>
      </c>
      <c r="F33">
        <v>61.375399999999999</v>
      </c>
      <c r="H33" s="3">
        <v>10329.1</v>
      </c>
      <c r="I33" s="3">
        <v>10.4155</v>
      </c>
      <c r="K33">
        <v>3002.67</v>
      </c>
      <c r="L33">
        <v>97.001199999999997</v>
      </c>
    </row>
    <row r="34" spans="1:12" x14ac:dyDescent="0.25">
      <c r="A34">
        <v>135</v>
      </c>
      <c r="B34">
        <v>175</v>
      </c>
      <c r="C34">
        <v>4890.8999999999996</v>
      </c>
      <c r="D34">
        <v>3.7</v>
      </c>
      <c r="E34">
        <v>6889.83</v>
      </c>
      <c r="F34">
        <v>61.981000000000002</v>
      </c>
    </row>
    <row r="35" spans="1:12" x14ac:dyDescent="0.25">
      <c r="A35">
        <v>135</v>
      </c>
      <c r="B35">
        <v>175</v>
      </c>
      <c r="C35">
        <v>4890.8999999999996</v>
      </c>
      <c r="D35">
        <v>4</v>
      </c>
      <c r="E35">
        <v>6814.84</v>
      </c>
      <c r="F35">
        <v>63.713999999999999</v>
      </c>
    </row>
    <row r="36" spans="1:12" x14ac:dyDescent="0.25">
      <c r="A36">
        <v>135</v>
      </c>
      <c r="B36">
        <v>175</v>
      </c>
      <c r="C36">
        <v>6436.35</v>
      </c>
      <c r="D36">
        <v>1</v>
      </c>
      <c r="E36">
        <v>9748.51</v>
      </c>
      <c r="F36">
        <v>9.5771800000000002</v>
      </c>
    </row>
    <row r="37" spans="1:12" x14ac:dyDescent="0.25">
      <c r="A37">
        <v>135</v>
      </c>
      <c r="B37">
        <v>175</v>
      </c>
      <c r="C37">
        <v>6436.35</v>
      </c>
      <c r="D37">
        <v>1.3</v>
      </c>
      <c r="E37">
        <v>9381.51</v>
      </c>
      <c r="F37">
        <v>13.345599999999999</v>
      </c>
    </row>
    <row r="38" spans="1:12" x14ac:dyDescent="0.25">
      <c r="A38">
        <v>135</v>
      </c>
      <c r="B38">
        <v>175</v>
      </c>
      <c r="C38">
        <v>6436.35</v>
      </c>
      <c r="D38">
        <v>1.6</v>
      </c>
      <c r="E38">
        <v>8915.7000000000007</v>
      </c>
      <c r="F38">
        <v>18.579499999999999</v>
      </c>
    </row>
    <row r="39" spans="1:12" x14ac:dyDescent="0.25">
      <c r="A39">
        <v>135</v>
      </c>
      <c r="B39">
        <v>175</v>
      </c>
      <c r="C39">
        <v>6436.35</v>
      </c>
      <c r="D39">
        <v>1.9</v>
      </c>
      <c r="E39">
        <v>8786.9699999999993</v>
      </c>
      <c r="F39">
        <v>22.340499999999999</v>
      </c>
    </row>
    <row r="40" spans="1:12" x14ac:dyDescent="0.25">
      <c r="A40">
        <v>135</v>
      </c>
      <c r="B40">
        <v>175</v>
      </c>
      <c r="C40">
        <v>6436.35</v>
      </c>
      <c r="D40">
        <v>2.2000000000000002</v>
      </c>
      <c r="E40">
        <v>8578.93</v>
      </c>
      <c r="F40">
        <v>25.381399999999999</v>
      </c>
    </row>
    <row r="41" spans="1:12" x14ac:dyDescent="0.25">
      <c r="A41">
        <v>135</v>
      </c>
      <c r="B41">
        <v>175</v>
      </c>
      <c r="C41">
        <v>6436.35</v>
      </c>
      <c r="D41">
        <v>2.5</v>
      </c>
      <c r="E41">
        <v>8416.2000000000007</v>
      </c>
      <c r="F41">
        <v>26.931699999999999</v>
      </c>
    </row>
    <row r="42" spans="1:12" x14ac:dyDescent="0.25">
      <c r="A42">
        <v>135</v>
      </c>
      <c r="B42">
        <v>175</v>
      </c>
      <c r="C42">
        <v>6436.35</v>
      </c>
      <c r="D42">
        <v>2.8</v>
      </c>
      <c r="E42">
        <v>8532.5400000000009</v>
      </c>
      <c r="F42">
        <v>28.937200000000001</v>
      </c>
    </row>
    <row r="43" spans="1:12" x14ac:dyDescent="0.25">
      <c r="A43">
        <v>135</v>
      </c>
      <c r="B43">
        <v>175</v>
      </c>
      <c r="C43">
        <v>6436.35</v>
      </c>
      <c r="D43">
        <v>3.1</v>
      </c>
      <c r="E43">
        <v>8367.99</v>
      </c>
      <c r="F43">
        <v>31.099599999999999</v>
      </c>
    </row>
    <row r="44" spans="1:12" x14ac:dyDescent="0.25">
      <c r="A44">
        <v>135</v>
      </c>
      <c r="B44">
        <v>175</v>
      </c>
      <c r="C44">
        <v>6436.35</v>
      </c>
      <c r="D44">
        <v>3.4</v>
      </c>
      <c r="E44">
        <v>8173.66</v>
      </c>
      <c r="F44">
        <v>31.673100000000002</v>
      </c>
    </row>
    <row r="45" spans="1:12" x14ac:dyDescent="0.25">
      <c r="A45">
        <v>135</v>
      </c>
      <c r="B45">
        <v>175</v>
      </c>
      <c r="C45">
        <v>6436.35</v>
      </c>
      <c r="D45">
        <v>3.7</v>
      </c>
      <c r="E45">
        <v>8331.74</v>
      </c>
      <c r="F45">
        <v>32.476199999999999</v>
      </c>
    </row>
    <row r="46" spans="1:12" x14ac:dyDescent="0.25">
      <c r="A46">
        <v>135</v>
      </c>
      <c r="B46">
        <v>175</v>
      </c>
      <c r="C46">
        <v>6436.35</v>
      </c>
      <c r="D46">
        <v>4</v>
      </c>
      <c r="E46">
        <v>8136.76</v>
      </c>
      <c r="F46">
        <v>34.598500000000001</v>
      </c>
    </row>
    <row r="47" spans="1:12" x14ac:dyDescent="0.25">
      <c r="A47">
        <v>135</v>
      </c>
      <c r="B47">
        <v>175</v>
      </c>
      <c r="C47">
        <v>7981.8</v>
      </c>
      <c r="D47">
        <v>1</v>
      </c>
      <c r="E47">
        <v>11910.7</v>
      </c>
      <c r="F47">
        <v>10.394399999999999</v>
      </c>
    </row>
    <row r="48" spans="1:12" x14ac:dyDescent="0.25">
      <c r="A48">
        <v>135</v>
      </c>
      <c r="B48">
        <v>175</v>
      </c>
      <c r="C48">
        <v>7981.8</v>
      </c>
      <c r="D48">
        <v>1.3</v>
      </c>
      <c r="E48">
        <v>11005.6</v>
      </c>
      <c r="F48">
        <v>10.417400000000001</v>
      </c>
    </row>
    <row r="49" spans="1:6" x14ac:dyDescent="0.25">
      <c r="A49">
        <v>135</v>
      </c>
      <c r="B49">
        <v>175</v>
      </c>
      <c r="C49">
        <v>7981.8</v>
      </c>
      <c r="D49">
        <v>1.6</v>
      </c>
      <c r="E49">
        <v>10718.3</v>
      </c>
      <c r="F49">
        <v>10.3386</v>
      </c>
    </row>
    <row r="50" spans="1:6" x14ac:dyDescent="0.25">
      <c r="A50">
        <v>135</v>
      </c>
      <c r="B50">
        <v>175</v>
      </c>
      <c r="C50">
        <v>7981.8</v>
      </c>
      <c r="D50">
        <v>1.9</v>
      </c>
      <c r="E50">
        <v>10254.5</v>
      </c>
      <c r="F50">
        <v>9.9930800000000009</v>
      </c>
    </row>
    <row r="51" spans="1:6" x14ac:dyDescent="0.25">
      <c r="A51">
        <v>135</v>
      </c>
      <c r="B51">
        <v>175</v>
      </c>
      <c r="C51">
        <v>7981.8</v>
      </c>
      <c r="D51">
        <v>2.2000000000000002</v>
      </c>
      <c r="E51">
        <v>10050.700000000001</v>
      </c>
      <c r="F51">
        <v>9.7000499999999992</v>
      </c>
    </row>
    <row r="52" spans="1:6" x14ac:dyDescent="0.25">
      <c r="A52">
        <v>135</v>
      </c>
      <c r="B52">
        <v>175</v>
      </c>
      <c r="C52">
        <v>7981.8</v>
      </c>
      <c r="D52">
        <v>2.5</v>
      </c>
      <c r="E52">
        <v>9825.81</v>
      </c>
      <c r="F52">
        <v>9.4641699999999993</v>
      </c>
    </row>
    <row r="53" spans="1:6" x14ac:dyDescent="0.25">
      <c r="A53">
        <v>135</v>
      </c>
      <c r="B53">
        <v>175</v>
      </c>
      <c r="C53">
        <v>7981.8</v>
      </c>
      <c r="D53">
        <v>2.8</v>
      </c>
      <c r="E53">
        <v>9644.65</v>
      </c>
      <c r="F53">
        <v>10.314500000000001</v>
      </c>
    </row>
    <row r="54" spans="1:6" x14ac:dyDescent="0.25">
      <c r="A54">
        <v>135</v>
      </c>
      <c r="B54">
        <v>175</v>
      </c>
      <c r="C54">
        <v>7981.8</v>
      </c>
      <c r="D54">
        <v>3.1</v>
      </c>
      <c r="E54">
        <v>9639.18</v>
      </c>
      <c r="F54">
        <v>10.975300000000001</v>
      </c>
    </row>
    <row r="55" spans="1:6" x14ac:dyDescent="0.25">
      <c r="A55">
        <v>135</v>
      </c>
      <c r="B55">
        <v>175</v>
      </c>
      <c r="C55">
        <v>7981.8</v>
      </c>
      <c r="D55">
        <v>3.4</v>
      </c>
      <c r="E55">
        <v>9736.6299999999992</v>
      </c>
      <c r="F55">
        <v>12.0966</v>
      </c>
    </row>
    <row r="56" spans="1:6" x14ac:dyDescent="0.25">
      <c r="A56">
        <v>135</v>
      </c>
      <c r="B56">
        <v>175</v>
      </c>
      <c r="C56">
        <v>7981.8</v>
      </c>
      <c r="D56">
        <v>3.7</v>
      </c>
      <c r="E56">
        <v>9596.64</v>
      </c>
      <c r="F56">
        <v>12.922800000000001</v>
      </c>
    </row>
    <row r="57" spans="1:6" x14ac:dyDescent="0.25">
      <c r="A57">
        <v>135</v>
      </c>
      <c r="B57">
        <v>175</v>
      </c>
      <c r="C57">
        <v>7981.8</v>
      </c>
      <c r="D57">
        <v>4</v>
      </c>
      <c r="E57">
        <v>9474.84</v>
      </c>
      <c r="F57">
        <v>13.361700000000001</v>
      </c>
    </row>
    <row r="58" spans="1:6" x14ac:dyDescent="0.25">
      <c r="A58">
        <v>135</v>
      </c>
      <c r="B58">
        <v>175</v>
      </c>
      <c r="C58">
        <v>9527.25</v>
      </c>
      <c r="D58">
        <v>1</v>
      </c>
      <c r="E58">
        <v>13536</v>
      </c>
      <c r="F58">
        <v>10.9735</v>
      </c>
    </row>
    <row r="59" spans="1:6" x14ac:dyDescent="0.25">
      <c r="A59">
        <v>135</v>
      </c>
      <c r="B59">
        <v>175</v>
      </c>
      <c r="C59">
        <v>9527.25</v>
      </c>
      <c r="D59">
        <v>1.3</v>
      </c>
      <c r="E59">
        <v>13013.9</v>
      </c>
      <c r="F59">
        <v>10.639099999999999</v>
      </c>
    </row>
    <row r="60" spans="1:6" x14ac:dyDescent="0.25">
      <c r="A60">
        <v>135</v>
      </c>
      <c r="B60">
        <v>175</v>
      </c>
      <c r="C60">
        <v>9527.25</v>
      </c>
      <c r="D60">
        <v>1.6</v>
      </c>
      <c r="E60">
        <v>12328.2</v>
      </c>
      <c r="F60">
        <v>10.4512</v>
      </c>
    </row>
    <row r="61" spans="1:6" x14ac:dyDescent="0.25">
      <c r="A61">
        <v>135</v>
      </c>
      <c r="B61">
        <v>175</v>
      </c>
      <c r="C61">
        <v>9527.25</v>
      </c>
      <c r="D61">
        <v>1.9</v>
      </c>
      <c r="E61">
        <v>12082.5</v>
      </c>
      <c r="F61">
        <v>10.456300000000001</v>
      </c>
    </row>
    <row r="62" spans="1:6" x14ac:dyDescent="0.25">
      <c r="A62">
        <v>135</v>
      </c>
      <c r="B62">
        <v>175</v>
      </c>
      <c r="C62">
        <v>9527.25</v>
      </c>
      <c r="D62">
        <v>2.2000000000000002</v>
      </c>
      <c r="E62">
        <v>11896</v>
      </c>
      <c r="F62">
        <v>10.446899999999999</v>
      </c>
    </row>
    <row r="63" spans="1:6" x14ac:dyDescent="0.25">
      <c r="A63">
        <v>135</v>
      </c>
      <c r="B63">
        <v>175</v>
      </c>
      <c r="C63">
        <v>9527.25</v>
      </c>
      <c r="D63">
        <v>2.5</v>
      </c>
      <c r="E63">
        <v>11549.9</v>
      </c>
      <c r="F63">
        <v>10.430400000000001</v>
      </c>
    </row>
    <row r="64" spans="1:6" x14ac:dyDescent="0.25">
      <c r="A64">
        <v>135</v>
      </c>
      <c r="B64">
        <v>175</v>
      </c>
      <c r="C64">
        <v>9527.25</v>
      </c>
      <c r="D64">
        <v>2.8</v>
      </c>
      <c r="E64">
        <v>11349.3</v>
      </c>
      <c r="F64">
        <v>10.4077</v>
      </c>
    </row>
    <row r="65" spans="1:6" x14ac:dyDescent="0.25">
      <c r="A65">
        <v>135</v>
      </c>
      <c r="B65">
        <v>175</v>
      </c>
      <c r="C65">
        <v>9527.25</v>
      </c>
      <c r="D65">
        <v>3.1</v>
      </c>
      <c r="E65">
        <v>11417.7</v>
      </c>
      <c r="F65">
        <v>10.381</v>
      </c>
    </row>
    <row r="66" spans="1:6" x14ac:dyDescent="0.25">
      <c r="A66">
        <v>135</v>
      </c>
      <c r="B66">
        <v>175</v>
      </c>
      <c r="C66">
        <v>9527.25</v>
      </c>
      <c r="D66">
        <v>3.4</v>
      </c>
      <c r="E66">
        <v>11401.6</v>
      </c>
      <c r="F66">
        <v>10.3527</v>
      </c>
    </row>
    <row r="67" spans="1:6" x14ac:dyDescent="0.25">
      <c r="A67">
        <v>135</v>
      </c>
      <c r="B67">
        <v>175</v>
      </c>
      <c r="C67">
        <v>9527.25</v>
      </c>
      <c r="D67">
        <v>3.7</v>
      </c>
      <c r="E67">
        <v>11193.7</v>
      </c>
      <c r="F67">
        <v>10.3224</v>
      </c>
    </row>
    <row r="68" spans="1:6" x14ac:dyDescent="0.25">
      <c r="A68">
        <v>135</v>
      </c>
      <c r="B68">
        <v>175</v>
      </c>
      <c r="C68">
        <v>9527.25</v>
      </c>
      <c r="D68">
        <v>4</v>
      </c>
      <c r="E68">
        <v>11113.9</v>
      </c>
      <c r="F68">
        <v>10.2911</v>
      </c>
    </row>
    <row r="69" spans="1:6" x14ac:dyDescent="0.25">
      <c r="A69">
        <v>135</v>
      </c>
      <c r="B69">
        <v>175</v>
      </c>
      <c r="C69">
        <v>11072.7</v>
      </c>
      <c r="D69">
        <v>1</v>
      </c>
      <c r="E69">
        <v>14937.8</v>
      </c>
      <c r="F69">
        <v>11.0045</v>
      </c>
    </row>
    <row r="70" spans="1:6" x14ac:dyDescent="0.25">
      <c r="A70">
        <v>135</v>
      </c>
      <c r="B70">
        <v>175</v>
      </c>
      <c r="C70">
        <v>11072.7</v>
      </c>
      <c r="D70">
        <v>1.3</v>
      </c>
      <c r="E70">
        <v>14298.8</v>
      </c>
      <c r="F70">
        <v>11.046200000000001</v>
      </c>
    </row>
    <row r="71" spans="1:6" x14ac:dyDescent="0.25">
      <c r="A71">
        <v>135</v>
      </c>
      <c r="B71">
        <v>175</v>
      </c>
      <c r="C71">
        <v>11072.7</v>
      </c>
      <c r="D71">
        <v>1.6</v>
      </c>
      <c r="E71">
        <v>14152.5</v>
      </c>
      <c r="F71">
        <v>11.0526</v>
      </c>
    </row>
    <row r="72" spans="1:6" x14ac:dyDescent="0.25">
      <c r="A72">
        <v>135</v>
      </c>
      <c r="B72">
        <v>175</v>
      </c>
      <c r="C72">
        <v>11072.7</v>
      </c>
      <c r="D72">
        <v>1.9</v>
      </c>
      <c r="E72">
        <v>13732.6</v>
      </c>
      <c r="F72">
        <v>11.071999999999999</v>
      </c>
    </row>
    <row r="73" spans="1:6" x14ac:dyDescent="0.25">
      <c r="A73">
        <v>135</v>
      </c>
      <c r="B73">
        <v>175</v>
      </c>
      <c r="C73">
        <v>11072.7</v>
      </c>
      <c r="D73">
        <v>2.2000000000000002</v>
      </c>
      <c r="E73">
        <v>13310.4</v>
      </c>
      <c r="F73">
        <v>11.097099999999999</v>
      </c>
    </row>
    <row r="74" spans="1:6" x14ac:dyDescent="0.25">
      <c r="A74">
        <v>135</v>
      </c>
      <c r="B74">
        <v>175</v>
      </c>
      <c r="C74">
        <v>11072.7</v>
      </c>
      <c r="D74">
        <v>2.5</v>
      </c>
      <c r="E74">
        <v>13414.1</v>
      </c>
      <c r="F74">
        <v>11.124000000000001</v>
      </c>
    </row>
    <row r="75" spans="1:6" x14ac:dyDescent="0.25">
      <c r="A75">
        <v>135</v>
      </c>
      <c r="B75">
        <v>175</v>
      </c>
      <c r="C75">
        <v>11072.7</v>
      </c>
      <c r="D75">
        <v>2.8</v>
      </c>
      <c r="E75">
        <v>13066.8</v>
      </c>
      <c r="F75">
        <v>11.1516</v>
      </c>
    </row>
    <row r="76" spans="1:6" x14ac:dyDescent="0.25">
      <c r="A76">
        <v>135</v>
      </c>
      <c r="B76">
        <v>175</v>
      </c>
      <c r="C76">
        <v>11072.7</v>
      </c>
      <c r="D76">
        <v>3.1</v>
      </c>
      <c r="E76">
        <v>13048.7</v>
      </c>
      <c r="F76">
        <v>11.178599999999999</v>
      </c>
    </row>
    <row r="77" spans="1:6" x14ac:dyDescent="0.25">
      <c r="A77">
        <v>135</v>
      </c>
      <c r="B77">
        <v>175</v>
      </c>
      <c r="C77">
        <v>11072.7</v>
      </c>
      <c r="D77">
        <v>3.4</v>
      </c>
      <c r="E77">
        <v>12926.7</v>
      </c>
      <c r="F77">
        <v>11.203900000000001</v>
      </c>
    </row>
    <row r="78" spans="1:6" x14ac:dyDescent="0.25">
      <c r="A78">
        <v>135</v>
      </c>
      <c r="B78">
        <v>175</v>
      </c>
      <c r="C78">
        <v>11072.7</v>
      </c>
      <c r="D78">
        <v>3.7</v>
      </c>
      <c r="E78">
        <v>13109.8</v>
      </c>
      <c r="F78">
        <v>11.227499999999999</v>
      </c>
    </row>
    <row r="79" spans="1:6" x14ac:dyDescent="0.25">
      <c r="A79">
        <v>135</v>
      </c>
      <c r="B79">
        <v>175</v>
      </c>
      <c r="C79">
        <v>11072.7</v>
      </c>
      <c r="D79">
        <v>4</v>
      </c>
      <c r="E79">
        <v>12964</v>
      </c>
      <c r="F79">
        <v>11.249000000000001</v>
      </c>
    </row>
    <row r="80" spans="1:6" x14ac:dyDescent="0.25">
      <c r="A80">
        <v>135</v>
      </c>
      <c r="B80">
        <v>175</v>
      </c>
      <c r="C80">
        <v>12618.2</v>
      </c>
      <c r="D80">
        <v>1</v>
      </c>
      <c r="E80">
        <v>16394.599999999999</v>
      </c>
      <c r="F80">
        <v>11.0045</v>
      </c>
    </row>
    <row r="81" spans="1:6" x14ac:dyDescent="0.25">
      <c r="A81">
        <v>135</v>
      </c>
      <c r="B81">
        <v>175</v>
      </c>
      <c r="C81">
        <v>12618.2</v>
      </c>
      <c r="D81">
        <v>1.3</v>
      </c>
      <c r="E81">
        <v>15790.1</v>
      </c>
      <c r="F81">
        <v>11.046200000000001</v>
      </c>
    </row>
    <row r="82" spans="1:6" x14ac:dyDescent="0.25">
      <c r="A82">
        <v>135</v>
      </c>
      <c r="B82">
        <v>175</v>
      </c>
      <c r="C82">
        <v>12618.2</v>
      </c>
      <c r="D82">
        <v>1.6</v>
      </c>
      <c r="E82">
        <v>15800.9</v>
      </c>
      <c r="F82">
        <v>11.0526</v>
      </c>
    </row>
    <row r="83" spans="1:6" x14ac:dyDescent="0.25">
      <c r="A83">
        <v>135</v>
      </c>
      <c r="B83">
        <v>175</v>
      </c>
      <c r="C83">
        <v>12618.2</v>
      </c>
      <c r="D83">
        <v>1.9</v>
      </c>
      <c r="E83">
        <v>15132.1</v>
      </c>
      <c r="F83">
        <v>11.071999999999999</v>
      </c>
    </row>
    <row r="84" spans="1:6" x14ac:dyDescent="0.25">
      <c r="A84">
        <v>135</v>
      </c>
      <c r="B84">
        <v>175</v>
      </c>
      <c r="C84">
        <v>12618.2</v>
      </c>
      <c r="D84">
        <v>2.2000000000000002</v>
      </c>
      <c r="E84">
        <v>15173.1</v>
      </c>
      <c r="F84">
        <v>11.097099999999999</v>
      </c>
    </row>
    <row r="85" spans="1:6" x14ac:dyDescent="0.25">
      <c r="A85">
        <v>135</v>
      </c>
      <c r="B85">
        <v>175</v>
      </c>
      <c r="C85">
        <v>12618.2</v>
      </c>
      <c r="D85">
        <v>2.5</v>
      </c>
      <c r="E85">
        <v>14871.6</v>
      </c>
      <c r="F85">
        <v>11.124000000000001</v>
      </c>
    </row>
    <row r="86" spans="1:6" x14ac:dyDescent="0.25">
      <c r="A86">
        <v>135</v>
      </c>
      <c r="B86">
        <v>175</v>
      </c>
      <c r="C86">
        <v>12618.2</v>
      </c>
      <c r="D86">
        <v>2.8</v>
      </c>
      <c r="E86">
        <v>14626.3</v>
      </c>
      <c r="F86">
        <v>11.1516</v>
      </c>
    </row>
    <row r="87" spans="1:6" x14ac:dyDescent="0.25">
      <c r="A87">
        <v>135</v>
      </c>
      <c r="B87">
        <v>175</v>
      </c>
      <c r="C87">
        <v>12618.2</v>
      </c>
      <c r="D87">
        <v>3.1</v>
      </c>
      <c r="E87">
        <v>14751</v>
      </c>
      <c r="F87">
        <v>11.178599999999999</v>
      </c>
    </row>
    <row r="88" spans="1:6" x14ac:dyDescent="0.25">
      <c r="A88">
        <v>135</v>
      </c>
      <c r="B88">
        <v>175</v>
      </c>
      <c r="C88">
        <v>12618.2</v>
      </c>
      <c r="D88">
        <v>3.4</v>
      </c>
      <c r="E88">
        <v>14448.4</v>
      </c>
      <c r="F88">
        <v>11.203900000000001</v>
      </c>
    </row>
    <row r="89" spans="1:6" x14ac:dyDescent="0.25">
      <c r="A89">
        <v>135</v>
      </c>
      <c r="B89">
        <v>175</v>
      </c>
      <c r="C89">
        <v>12618.2</v>
      </c>
      <c r="D89">
        <v>3.7</v>
      </c>
      <c r="E89">
        <v>14635</v>
      </c>
      <c r="F89">
        <v>11.227499999999999</v>
      </c>
    </row>
    <row r="90" spans="1:6" x14ac:dyDescent="0.25">
      <c r="A90">
        <v>135</v>
      </c>
      <c r="B90">
        <v>175</v>
      </c>
      <c r="C90">
        <v>12618.2</v>
      </c>
      <c r="D90">
        <v>4</v>
      </c>
      <c r="E90">
        <v>14481.3</v>
      </c>
      <c r="F90">
        <v>11.249000000000001</v>
      </c>
    </row>
    <row r="91" spans="1:6" x14ac:dyDescent="0.25">
      <c r="A91">
        <v>135</v>
      </c>
      <c r="B91">
        <v>175</v>
      </c>
      <c r="C91">
        <v>14163.6</v>
      </c>
      <c r="D91">
        <v>1</v>
      </c>
      <c r="E91">
        <v>18490.7</v>
      </c>
      <c r="F91">
        <v>11.0045</v>
      </c>
    </row>
    <row r="92" spans="1:6" x14ac:dyDescent="0.25">
      <c r="A92">
        <v>135</v>
      </c>
      <c r="B92">
        <v>175</v>
      </c>
      <c r="C92">
        <v>14163.6</v>
      </c>
      <c r="D92">
        <v>1.3</v>
      </c>
      <c r="E92">
        <v>17300</v>
      </c>
      <c r="F92">
        <v>11.046200000000001</v>
      </c>
    </row>
    <row r="93" spans="1:6" x14ac:dyDescent="0.25">
      <c r="A93">
        <v>135</v>
      </c>
      <c r="B93">
        <v>175</v>
      </c>
      <c r="C93">
        <v>14163.6</v>
      </c>
      <c r="D93">
        <v>1.6</v>
      </c>
      <c r="E93">
        <v>17193.099999999999</v>
      </c>
      <c r="F93">
        <v>11.0526</v>
      </c>
    </row>
    <row r="94" spans="1:6" x14ac:dyDescent="0.25">
      <c r="A94">
        <v>135</v>
      </c>
      <c r="B94">
        <v>175</v>
      </c>
      <c r="C94">
        <v>14163.6</v>
      </c>
      <c r="D94">
        <v>1.9</v>
      </c>
      <c r="E94">
        <v>16752.7</v>
      </c>
      <c r="F94">
        <v>11.071999999999999</v>
      </c>
    </row>
    <row r="95" spans="1:6" x14ac:dyDescent="0.25">
      <c r="A95">
        <v>135</v>
      </c>
      <c r="B95">
        <v>175</v>
      </c>
      <c r="C95">
        <v>14163.6</v>
      </c>
      <c r="D95">
        <v>2.2000000000000002</v>
      </c>
      <c r="E95">
        <v>16418.5</v>
      </c>
      <c r="F95">
        <v>11.097099999999999</v>
      </c>
    </row>
    <row r="96" spans="1:6" x14ac:dyDescent="0.25">
      <c r="A96">
        <v>135</v>
      </c>
      <c r="B96">
        <v>175</v>
      </c>
      <c r="C96">
        <v>14163.6</v>
      </c>
      <c r="D96">
        <v>2.5</v>
      </c>
      <c r="E96">
        <v>16478.5</v>
      </c>
      <c r="F96">
        <v>11.124000000000001</v>
      </c>
    </row>
    <row r="97" spans="1:6" x14ac:dyDescent="0.25">
      <c r="A97">
        <v>135</v>
      </c>
      <c r="B97">
        <v>175</v>
      </c>
      <c r="C97">
        <v>14163.6</v>
      </c>
      <c r="D97">
        <v>2.8</v>
      </c>
      <c r="E97">
        <v>16226.2</v>
      </c>
      <c r="F97">
        <v>11.1516</v>
      </c>
    </row>
    <row r="98" spans="1:6" x14ac:dyDescent="0.25">
      <c r="A98">
        <v>135</v>
      </c>
      <c r="B98">
        <v>175</v>
      </c>
      <c r="C98">
        <v>14163.6</v>
      </c>
      <c r="D98">
        <v>3.1</v>
      </c>
      <c r="E98">
        <v>16013.9</v>
      </c>
      <c r="F98">
        <v>11.178599999999999</v>
      </c>
    </row>
    <row r="99" spans="1:6" x14ac:dyDescent="0.25">
      <c r="A99">
        <v>135</v>
      </c>
      <c r="B99">
        <v>175</v>
      </c>
      <c r="C99">
        <v>14163.6</v>
      </c>
      <c r="D99">
        <v>3.4</v>
      </c>
      <c r="E99">
        <v>16123.6</v>
      </c>
      <c r="F99">
        <v>11.203900000000001</v>
      </c>
    </row>
    <row r="100" spans="1:6" x14ac:dyDescent="0.25">
      <c r="A100">
        <v>135</v>
      </c>
      <c r="B100">
        <v>175</v>
      </c>
      <c r="C100">
        <v>14163.6</v>
      </c>
      <c r="D100">
        <v>3.7</v>
      </c>
      <c r="E100">
        <v>15959.2</v>
      </c>
      <c r="F100">
        <v>11.227499999999999</v>
      </c>
    </row>
    <row r="101" spans="1:6" x14ac:dyDescent="0.25">
      <c r="A101">
        <v>135</v>
      </c>
      <c r="B101">
        <v>175</v>
      </c>
      <c r="C101">
        <v>14163.6</v>
      </c>
      <c r="D101">
        <v>4</v>
      </c>
      <c r="E101">
        <v>16035.4</v>
      </c>
      <c r="F101">
        <v>11.249000000000001</v>
      </c>
    </row>
    <row r="102" spans="1:6" x14ac:dyDescent="0.25">
      <c r="A102">
        <v>135</v>
      </c>
      <c r="B102">
        <v>175</v>
      </c>
      <c r="C102">
        <v>15709.1</v>
      </c>
      <c r="D102">
        <v>1</v>
      </c>
      <c r="E102">
        <v>19766.599999999999</v>
      </c>
      <c r="F102">
        <v>11.0045</v>
      </c>
    </row>
    <row r="103" spans="1:6" x14ac:dyDescent="0.25">
      <c r="A103">
        <v>135</v>
      </c>
      <c r="B103">
        <v>175</v>
      </c>
      <c r="C103">
        <v>15709.1</v>
      </c>
      <c r="D103">
        <v>1.3</v>
      </c>
      <c r="E103">
        <v>19009.099999999999</v>
      </c>
      <c r="F103">
        <v>11.046200000000001</v>
      </c>
    </row>
    <row r="104" spans="1:6" x14ac:dyDescent="0.25">
      <c r="A104">
        <v>135</v>
      </c>
      <c r="B104">
        <v>175</v>
      </c>
      <c r="C104">
        <v>15709.1</v>
      </c>
      <c r="D104">
        <v>1.6</v>
      </c>
      <c r="E104">
        <v>18724</v>
      </c>
      <c r="F104">
        <v>11.0526</v>
      </c>
    </row>
    <row r="105" spans="1:6" x14ac:dyDescent="0.25">
      <c r="A105">
        <v>135</v>
      </c>
      <c r="B105">
        <v>175</v>
      </c>
      <c r="C105">
        <v>15709.1</v>
      </c>
      <c r="D105">
        <v>1.9</v>
      </c>
      <c r="E105">
        <v>18277.3</v>
      </c>
      <c r="F105">
        <v>11.071999999999999</v>
      </c>
    </row>
    <row r="106" spans="1:6" x14ac:dyDescent="0.25">
      <c r="A106">
        <v>135</v>
      </c>
      <c r="B106">
        <v>175</v>
      </c>
      <c r="C106">
        <v>15709.1</v>
      </c>
      <c r="D106">
        <v>2.2000000000000002</v>
      </c>
      <c r="E106">
        <v>17940.7</v>
      </c>
      <c r="F106">
        <v>11.097099999999999</v>
      </c>
    </row>
    <row r="107" spans="1:6" x14ac:dyDescent="0.25">
      <c r="A107">
        <v>135</v>
      </c>
      <c r="B107">
        <v>175</v>
      </c>
      <c r="C107">
        <v>15709.1</v>
      </c>
      <c r="D107">
        <v>2.5</v>
      </c>
      <c r="E107">
        <v>17997.400000000001</v>
      </c>
      <c r="F107">
        <v>11.124000000000001</v>
      </c>
    </row>
    <row r="108" spans="1:6" x14ac:dyDescent="0.25">
      <c r="A108">
        <v>135</v>
      </c>
      <c r="B108">
        <v>175</v>
      </c>
      <c r="C108">
        <v>15709.1</v>
      </c>
      <c r="D108">
        <v>2.8</v>
      </c>
      <c r="E108">
        <v>17741.7</v>
      </c>
      <c r="F108">
        <v>11.1516</v>
      </c>
    </row>
    <row r="109" spans="1:6" x14ac:dyDescent="0.25">
      <c r="A109">
        <v>135</v>
      </c>
      <c r="B109">
        <v>175</v>
      </c>
      <c r="C109">
        <v>15709.1</v>
      </c>
      <c r="D109">
        <v>3.1</v>
      </c>
      <c r="E109">
        <v>17844.900000000001</v>
      </c>
      <c r="F109">
        <v>11.178599999999999</v>
      </c>
    </row>
    <row r="110" spans="1:6" x14ac:dyDescent="0.25">
      <c r="A110">
        <v>135</v>
      </c>
      <c r="B110">
        <v>175</v>
      </c>
      <c r="C110">
        <v>15709.1</v>
      </c>
      <c r="D110">
        <v>3.4</v>
      </c>
      <c r="E110">
        <v>17643.5</v>
      </c>
      <c r="F110">
        <v>11.203900000000001</v>
      </c>
    </row>
    <row r="111" spans="1:6" x14ac:dyDescent="0.25">
      <c r="A111">
        <v>135</v>
      </c>
      <c r="B111">
        <v>175</v>
      </c>
      <c r="C111">
        <v>15709.1</v>
      </c>
      <c r="D111">
        <v>3.7</v>
      </c>
      <c r="E111">
        <v>17478.900000000001</v>
      </c>
      <c r="F111">
        <v>11.227499999999999</v>
      </c>
    </row>
    <row r="112" spans="1:6" x14ac:dyDescent="0.25">
      <c r="A112">
        <v>135</v>
      </c>
      <c r="B112">
        <v>175</v>
      </c>
      <c r="C112">
        <v>15709.1</v>
      </c>
      <c r="D112">
        <v>4</v>
      </c>
      <c r="E112">
        <v>17555.7</v>
      </c>
      <c r="F112">
        <v>11.249000000000001</v>
      </c>
    </row>
    <row r="113" spans="1:6" x14ac:dyDescent="0.25">
      <c r="A113">
        <v>135</v>
      </c>
      <c r="B113">
        <v>175</v>
      </c>
      <c r="C113">
        <v>17254.5</v>
      </c>
      <c r="D113">
        <v>1</v>
      </c>
      <c r="E113">
        <v>21120.2</v>
      </c>
      <c r="F113">
        <v>11.0045</v>
      </c>
    </row>
    <row r="114" spans="1:6" x14ac:dyDescent="0.25">
      <c r="A114">
        <v>135</v>
      </c>
      <c r="B114">
        <v>175</v>
      </c>
      <c r="C114">
        <v>17254.5</v>
      </c>
      <c r="D114">
        <v>1.3</v>
      </c>
      <c r="E114">
        <v>20542.900000000001</v>
      </c>
      <c r="F114">
        <v>11.046200000000001</v>
      </c>
    </row>
    <row r="115" spans="1:6" x14ac:dyDescent="0.25">
      <c r="A115">
        <v>135</v>
      </c>
      <c r="B115">
        <v>175</v>
      </c>
      <c r="C115">
        <v>17254.5</v>
      </c>
      <c r="D115">
        <v>1.6</v>
      </c>
      <c r="E115">
        <v>20424.2</v>
      </c>
      <c r="F115">
        <v>11.0526</v>
      </c>
    </row>
    <row r="116" spans="1:6" x14ac:dyDescent="0.25">
      <c r="A116">
        <v>135</v>
      </c>
      <c r="B116">
        <v>175</v>
      </c>
      <c r="C116">
        <v>17254.5</v>
      </c>
      <c r="D116">
        <v>1.9</v>
      </c>
      <c r="E116">
        <v>19931.099999999999</v>
      </c>
      <c r="F116">
        <v>11.071999999999999</v>
      </c>
    </row>
    <row r="117" spans="1:6" x14ac:dyDescent="0.25">
      <c r="A117">
        <v>135</v>
      </c>
      <c r="B117">
        <v>175</v>
      </c>
      <c r="C117">
        <v>17254.5</v>
      </c>
      <c r="D117">
        <v>2.2000000000000002</v>
      </c>
      <c r="E117">
        <v>19571.2</v>
      </c>
      <c r="F117">
        <v>11.097099999999999</v>
      </c>
    </row>
    <row r="118" spans="1:6" x14ac:dyDescent="0.25">
      <c r="A118">
        <v>135</v>
      </c>
      <c r="B118">
        <v>175</v>
      </c>
      <c r="C118">
        <v>17254.5</v>
      </c>
      <c r="D118">
        <v>2.5</v>
      </c>
      <c r="E118">
        <v>19696.3</v>
      </c>
      <c r="F118">
        <v>11.124000000000001</v>
      </c>
    </row>
    <row r="119" spans="1:6" x14ac:dyDescent="0.25">
      <c r="A119">
        <v>135</v>
      </c>
      <c r="B119">
        <v>175</v>
      </c>
      <c r="C119">
        <v>17254.5</v>
      </c>
      <c r="D119">
        <v>2.8</v>
      </c>
      <c r="E119">
        <v>19432.7</v>
      </c>
      <c r="F119">
        <v>11.1516</v>
      </c>
    </row>
    <row r="120" spans="1:6" x14ac:dyDescent="0.25">
      <c r="A120">
        <v>135</v>
      </c>
      <c r="B120">
        <v>175</v>
      </c>
      <c r="C120">
        <v>17254.5</v>
      </c>
      <c r="D120">
        <v>3.1</v>
      </c>
      <c r="E120">
        <v>19215.5</v>
      </c>
      <c r="F120">
        <v>11.178599999999999</v>
      </c>
    </row>
    <row r="121" spans="1:6" x14ac:dyDescent="0.25">
      <c r="A121">
        <v>135</v>
      </c>
      <c r="B121">
        <v>175</v>
      </c>
      <c r="C121">
        <v>17254.5</v>
      </c>
      <c r="D121">
        <v>3.4</v>
      </c>
      <c r="E121">
        <v>19106.5</v>
      </c>
      <c r="F121">
        <v>11.203900000000001</v>
      </c>
    </row>
    <row r="122" spans="1:6" x14ac:dyDescent="0.25">
      <c r="A122">
        <v>135</v>
      </c>
      <c r="B122">
        <v>175</v>
      </c>
      <c r="C122">
        <v>17254.5</v>
      </c>
      <c r="D122">
        <v>3.7</v>
      </c>
      <c r="E122">
        <v>19233.7</v>
      </c>
      <c r="F122">
        <v>11.227499999999999</v>
      </c>
    </row>
    <row r="123" spans="1:6" x14ac:dyDescent="0.25">
      <c r="A123">
        <v>135</v>
      </c>
      <c r="B123">
        <v>175</v>
      </c>
      <c r="C123">
        <v>17254.5</v>
      </c>
      <c r="D123">
        <v>4</v>
      </c>
      <c r="E123">
        <v>19090.2</v>
      </c>
      <c r="F123">
        <v>11.249000000000001</v>
      </c>
    </row>
    <row r="124" spans="1:6" x14ac:dyDescent="0.25">
      <c r="A124">
        <v>135</v>
      </c>
      <c r="B124">
        <v>175</v>
      </c>
      <c r="C124">
        <v>18800</v>
      </c>
      <c r="D124">
        <v>1</v>
      </c>
      <c r="E124">
        <v>22546.9</v>
      </c>
      <c r="F124">
        <v>11.0045</v>
      </c>
    </row>
    <row r="125" spans="1:6" x14ac:dyDescent="0.25">
      <c r="A125">
        <v>135</v>
      </c>
      <c r="B125">
        <v>175</v>
      </c>
      <c r="C125">
        <v>18800</v>
      </c>
      <c r="D125">
        <v>1.3</v>
      </c>
      <c r="E125">
        <v>22075.5</v>
      </c>
      <c r="F125">
        <v>11.046200000000001</v>
      </c>
    </row>
    <row r="126" spans="1:6" x14ac:dyDescent="0.25">
      <c r="A126">
        <v>135</v>
      </c>
      <c r="B126">
        <v>175</v>
      </c>
      <c r="C126">
        <v>18800</v>
      </c>
      <c r="D126">
        <v>1.6</v>
      </c>
      <c r="E126">
        <v>21541.1</v>
      </c>
      <c r="F126">
        <v>11.0526</v>
      </c>
    </row>
    <row r="127" spans="1:6" x14ac:dyDescent="0.25">
      <c r="A127">
        <v>135</v>
      </c>
      <c r="B127">
        <v>175</v>
      </c>
      <c r="C127">
        <v>18800</v>
      </c>
      <c r="D127">
        <v>1.9</v>
      </c>
      <c r="E127">
        <v>21504.1</v>
      </c>
      <c r="F127">
        <v>11.071999999999999</v>
      </c>
    </row>
    <row r="128" spans="1:6" x14ac:dyDescent="0.25">
      <c r="A128">
        <v>135</v>
      </c>
      <c r="B128">
        <v>175</v>
      </c>
      <c r="C128">
        <v>18800</v>
      </c>
      <c r="D128">
        <v>2.2000000000000002</v>
      </c>
      <c r="E128">
        <v>21156.1</v>
      </c>
      <c r="F128">
        <v>11.097099999999999</v>
      </c>
    </row>
    <row r="129" spans="1:6" x14ac:dyDescent="0.25">
      <c r="A129">
        <v>135</v>
      </c>
      <c r="B129">
        <v>175</v>
      </c>
      <c r="C129">
        <v>18800</v>
      </c>
      <c r="D129">
        <v>2.5</v>
      </c>
      <c r="E129">
        <v>21058.6</v>
      </c>
      <c r="F129">
        <v>11.124000000000001</v>
      </c>
    </row>
    <row r="130" spans="1:6" x14ac:dyDescent="0.25">
      <c r="A130">
        <v>135</v>
      </c>
      <c r="B130">
        <v>175</v>
      </c>
      <c r="C130">
        <v>18800</v>
      </c>
      <c r="D130">
        <v>2.8</v>
      </c>
      <c r="E130">
        <v>20830.099999999999</v>
      </c>
      <c r="F130">
        <v>11.1516</v>
      </c>
    </row>
    <row r="131" spans="1:6" x14ac:dyDescent="0.25">
      <c r="A131">
        <v>135</v>
      </c>
      <c r="B131">
        <v>175</v>
      </c>
      <c r="C131">
        <v>18800</v>
      </c>
      <c r="D131">
        <v>3.1</v>
      </c>
      <c r="E131">
        <v>20948.900000000001</v>
      </c>
      <c r="F131">
        <v>11.178599999999999</v>
      </c>
    </row>
    <row r="132" spans="1:6" x14ac:dyDescent="0.25">
      <c r="A132">
        <v>135</v>
      </c>
      <c r="B132">
        <v>175</v>
      </c>
      <c r="C132">
        <v>18800</v>
      </c>
      <c r="D132">
        <v>3.4</v>
      </c>
      <c r="E132">
        <v>20739.2</v>
      </c>
      <c r="F132">
        <v>11.203900000000001</v>
      </c>
    </row>
    <row r="133" spans="1:6" x14ac:dyDescent="0.25">
      <c r="A133">
        <v>135</v>
      </c>
      <c r="B133">
        <v>175</v>
      </c>
      <c r="C133">
        <v>18800</v>
      </c>
      <c r="D133">
        <v>3.7</v>
      </c>
      <c r="E133">
        <v>20549.900000000001</v>
      </c>
      <c r="F133">
        <v>11.227499999999999</v>
      </c>
    </row>
    <row r="134" spans="1:6" x14ac:dyDescent="0.25">
      <c r="A134">
        <v>135</v>
      </c>
      <c r="B134">
        <v>175</v>
      </c>
      <c r="C134">
        <v>18800</v>
      </c>
      <c r="D134">
        <v>4</v>
      </c>
      <c r="E134">
        <v>20701.2</v>
      </c>
      <c r="F134">
        <v>11.249000000000001</v>
      </c>
    </row>
    <row r="135" spans="1:6" x14ac:dyDescent="0.25">
      <c r="A135">
        <v>135</v>
      </c>
      <c r="B135">
        <v>178.63</v>
      </c>
      <c r="C135">
        <v>1800</v>
      </c>
      <c r="D135">
        <v>1</v>
      </c>
      <c r="E135">
        <v>5743.06</v>
      </c>
      <c r="F135">
        <v>63.430100000000003</v>
      </c>
    </row>
    <row r="136" spans="1:6" x14ac:dyDescent="0.25">
      <c r="A136">
        <v>135</v>
      </c>
      <c r="B136">
        <v>178.63</v>
      </c>
      <c r="C136">
        <v>1800</v>
      </c>
      <c r="D136">
        <v>1.3</v>
      </c>
      <c r="E136">
        <v>5270.72</v>
      </c>
      <c r="F136">
        <v>79.069000000000003</v>
      </c>
    </row>
    <row r="137" spans="1:6" x14ac:dyDescent="0.25">
      <c r="A137">
        <v>135</v>
      </c>
      <c r="B137">
        <v>178.63</v>
      </c>
      <c r="C137">
        <v>1800</v>
      </c>
      <c r="D137">
        <v>1.6</v>
      </c>
      <c r="E137">
        <v>4938.43</v>
      </c>
      <c r="F137">
        <v>92.837900000000005</v>
      </c>
    </row>
    <row r="138" spans="1:6" x14ac:dyDescent="0.25">
      <c r="A138">
        <v>135</v>
      </c>
      <c r="B138">
        <v>178.63</v>
      </c>
      <c r="C138">
        <v>1800</v>
      </c>
      <c r="D138">
        <v>1.9</v>
      </c>
      <c r="E138">
        <v>4666.28</v>
      </c>
      <c r="F138">
        <v>95.868600000000001</v>
      </c>
    </row>
    <row r="139" spans="1:6" x14ac:dyDescent="0.25">
      <c r="A139">
        <v>135</v>
      </c>
      <c r="B139">
        <v>178.63</v>
      </c>
      <c r="C139">
        <v>1800</v>
      </c>
      <c r="D139">
        <v>2.2000000000000002</v>
      </c>
      <c r="E139">
        <v>4518.21</v>
      </c>
      <c r="F139">
        <v>99.718100000000007</v>
      </c>
    </row>
    <row r="140" spans="1:6" x14ac:dyDescent="0.25">
      <c r="A140">
        <v>135</v>
      </c>
      <c r="B140">
        <v>178.63</v>
      </c>
      <c r="C140">
        <v>1800</v>
      </c>
      <c r="D140">
        <v>2.5</v>
      </c>
      <c r="E140">
        <v>4360.05</v>
      </c>
      <c r="F140">
        <v>102.262</v>
      </c>
    </row>
    <row r="141" spans="1:6" x14ac:dyDescent="0.25">
      <c r="A141">
        <v>135</v>
      </c>
      <c r="B141">
        <v>178.63</v>
      </c>
      <c r="C141">
        <v>1800</v>
      </c>
      <c r="D141">
        <v>2.8</v>
      </c>
      <c r="E141">
        <v>4294.55</v>
      </c>
      <c r="F141">
        <v>101.77800000000001</v>
      </c>
    </row>
    <row r="142" spans="1:6" x14ac:dyDescent="0.25">
      <c r="A142">
        <v>135</v>
      </c>
      <c r="B142">
        <v>178.63</v>
      </c>
      <c r="C142">
        <v>1800</v>
      </c>
      <c r="D142">
        <v>3.1</v>
      </c>
      <c r="E142">
        <v>4199.49</v>
      </c>
      <c r="F142">
        <v>104.396</v>
      </c>
    </row>
    <row r="143" spans="1:6" x14ac:dyDescent="0.25">
      <c r="A143">
        <v>135</v>
      </c>
      <c r="B143">
        <v>178.63</v>
      </c>
      <c r="C143">
        <v>1800</v>
      </c>
      <c r="D143">
        <v>3.4</v>
      </c>
      <c r="E143">
        <v>4203.7700000000004</v>
      </c>
      <c r="F143">
        <v>105.27200000000001</v>
      </c>
    </row>
    <row r="144" spans="1:6" x14ac:dyDescent="0.25">
      <c r="A144">
        <v>135</v>
      </c>
      <c r="B144">
        <v>178.63</v>
      </c>
      <c r="C144">
        <v>1800</v>
      </c>
      <c r="D144">
        <v>3.7</v>
      </c>
      <c r="E144">
        <v>4153.18</v>
      </c>
      <c r="F144">
        <v>106.836</v>
      </c>
    </row>
    <row r="145" spans="1:6" x14ac:dyDescent="0.25">
      <c r="A145">
        <v>135</v>
      </c>
      <c r="B145">
        <v>178.63</v>
      </c>
      <c r="C145">
        <v>1800</v>
      </c>
      <c r="D145">
        <v>4</v>
      </c>
      <c r="E145">
        <v>4073.16</v>
      </c>
      <c r="F145">
        <v>107.49299999999999</v>
      </c>
    </row>
    <row r="146" spans="1:6" x14ac:dyDescent="0.25">
      <c r="A146">
        <v>135</v>
      </c>
      <c r="B146">
        <v>178.63</v>
      </c>
      <c r="C146">
        <v>3345.45</v>
      </c>
      <c r="D146">
        <v>1</v>
      </c>
      <c r="E146">
        <v>7017.81</v>
      </c>
      <c r="F146">
        <v>39.825299999999999</v>
      </c>
    </row>
    <row r="147" spans="1:6" x14ac:dyDescent="0.25">
      <c r="A147">
        <v>135</v>
      </c>
      <c r="B147">
        <v>178.63</v>
      </c>
      <c r="C147">
        <v>3345.45</v>
      </c>
      <c r="D147">
        <v>1.3</v>
      </c>
      <c r="E147">
        <v>6548.88</v>
      </c>
      <c r="F147">
        <v>51.525799999999997</v>
      </c>
    </row>
    <row r="148" spans="1:6" x14ac:dyDescent="0.25">
      <c r="A148">
        <v>135</v>
      </c>
      <c r="B148">
        <v>178.63</v>
      </c>
      <c r="C148">
        <v>3345.45</v>
      </c>
      <c r="D148">
        <v>1.6</v>
      </c>
      <c r="E148">
        <v>6237.27</v>
      </c>
      <c r="F148">
        <v>64.040099999999995</v>
      </c>
    </row>
    <row r="149" spans="1:6" x14ac:dyDescent="0.25">
      <c r="A149">
        <v>135</v>
      </c>
      <c r="B149">
        <v>178.63</v>
      </c>
      <c r="C149">
        <v>3345.45</v>
      </c>
      <c r="D149">
        <v>1.9</v>
      </c>
      <c r="E149">
        <v>6017.89</v>
      </c>
      <c r="F149">
        <v>73.423699999999997</v>
      </c>
    </row>
    <row r="150" spans="1:6" x14ac:dyDescent="0.25">
      <c r="A150">
        <v>135</v>
      </c>
      <c r="B150">
        <v>178.63</v>
      </c>
      <c r="C150">
        <v>3345.45</v>
      </c>
      <c r="D150">
        <v>2.2000000000000002</v>
      </c>
      <c r="E150">
        <v>5788.72</v>
      </c>
      <c r="F150">
        <v>79.684399999999997</v>
      </c>
    </row>
    <row r="151" spans="1:6" x14ac:dyDescent="0.25">
      <c r="A151">
        <v>135</v>
      </c>
      <c r="B151">
        <v>178.63</v>
      </c>
      <c r="C151">
        <v>3345.45</v>
      </c>
      <c r="D151">
        <v>2.5</v>
      </c>
      <c r="E151">
        <v>5661.65</v>
      </c>
      <c r="F151">
        <v>80.807199999999995</v>
      </c>
    </row>
    <row r="152" spans="1:6" x14ac:dyDescent="0.25">
      <c r="A152">
        <v>135</v>
      </c>
      <c r="B152">
        <v>178.63</v>
      </c>
      <c r="C152">
        <v>3345.45</v>
      </c>
      <c r="D152">
        <v>2.8</v>
      </c>
      <c r="E152">
        <v>5616.55</v>
      </c>
      <c r="F152">
        <v>84.976699999999994</v>
      </c>
    </row>
    <row r="153" spans="1:6" x14ac:dyDescent="0.25">
      <c r="A153">
        <v>135</v>
      </c>
      <c r="B153">
        <v>178.63</v>
      </c>
      <c r="C153">
        <v>3345.45</v>
      </c>
      <c r="D153">
        <v>3.1</v>
      </c>
      <c r="E153">
        <v>5486.57</v>
      </c>
      <c r="F153">
        <v>87.304100000000005</v>
      </c>
    </row>
    <row r="154" spans="1:6" x14ac:dyDescent="0.25">
      <c r="A154">
        <v>135</v>
      </c>
      <c r="B154">
        <v>178.63</v>
      </c>
      <c r="C154">
        <v>3345.45</v>
      </c>
      <c r="D154">
        <v>3.4</v>
      </c>
      <c r="E154">
        <v>5471.41</v>
      </c>
      <c r="F154">
        <v>88.995000000000005</v>
      </c>
    </row>
    <row r="155" spans="1:6" x14ac:dyDescent="0.25">
      <c r="A155">
        <v>135</v>
      </c>
      <c r="B155">
        <v>178.63</v>
      </c>
      <c r="C155">
        <v>3345.45</v>
      </c>
      <c r="D155">
        <v>3.7</v>
      </c>
      <c r="E155">
        <v>5448.53</v>
      </c>
      <c r="F155">
        <v>88.918599999999998</v>
      </c>
    </row>
    <row r="156" spans="1:6" x14ac:dyDescent="0.25">
      <c r="A156">
        <v>135</v>
      </c>
      <c r="B156">
        <v>178.63</v>
      </c>
      <c r="C156">
        <v>3345.45</v>
      </c>
      <c r="D156">
        <v>4</v>
      </c>
      <c r="E156">
        <v>5368.64</v>
      </c>
      <c r="F156">
        <v>90.490700000000004</v>
      </c>
    </row>
    <row r="157" spans="1:6" x14ac:dyDescent="0.25">
      <c r="A157">
        <v>135</v>
      </c>
      <c r="B157">
        <v>178.63</v>
      </c>
      <c r="C157">
        <v>4890.8999999999996</v>
      </c>
      <c r="D157">
        <v>1</v>
      </c>
      <c r="E157">
        <v>8428.23</v>
      </c>
      <c r="F157">
        <v>22.860700000000001</v>
      </c>
    </row>
    <row r="158" spans="1:6" x14ac:dyDescent="0.25">
      <c r="A158">
        <v>135</v>
      </c>
      <c r="B158">
        <v>178.63</v>
      </c>
      <c r="C158">
        <v>4890.8999999999996</v>
      </c>
      <c r="D158">
        <v>1.3</v>
      </c>
      <c r="E158">
        <v>7915.73</v>
      </c>
      <c r="F158">
        <v>29.715399999999999</v>
      </c>
    </row>
    <row r="159" spans="1:6" x14ac:dyDescent="0.25">
      <c r="A159">
        <v>135</v>
      </c>
      <c r="B159">
        <v>178.63</v>
      </c>
      <c r="C159">
        <v>4890.8999999999996</v>
      </c>
      <c r="D159">
        <v>1.6</v>
      </c>
      <c r="E159">
        <v>7666.49</v>
      </c>
      <c r="F159">
        <v>36.553899999999999</v>
      </c>
    </row>
    <row r="160" spans="1:6" x14ac:dyDescent="0.25">
      <c r="A160">
        <v>135</v>
      </c>
      <c r="B160">
        <v>178.63</v>
      </c>
      <c r="C160">
        <v>4890.8999999999996</v>
      </c>
      <c r="D160">
        <v>1.9</v>
      </c>
      <c r="E160">
        <v>7269.09</v>
      </c>
      <c r="F160">
        <v>43.920200000000001</v>
      </c>
    </row>
    <row r="161" spans="1:6" x14ac:dyDescent="0.25">
      <c r="A161">
        <v>135</v>
      </c>
      <c r="B161">
        <v>178.63</v>
      </c>
      <c r="C161">
        <v>4890.8999999999996</v>
      </c>
      <c r="D161">
        <v>2.2000000000000002</v>
      </c>
      <c r="E161">
        <v>7162.01</v>
      </c>
      <c r="F161">
        <v>49.701599999999999</v>
      </c>
    </row>
    <row r="162" spans="1:6" x14ac:dyDescent="0.25">
      <c r="A162">
        <v>135</v>
      </c>
      <c r="B162">
        <v>178.63</v>
      </c>
      <c r="C162">
        <v>4890.8999999999996</v>
      </c>
      <c r="D162">
        <v>2.5</v>
      </c>
      <c r="E162">
        <v>7016.06</v>
      </c>
      <c r="F162">
        <v>54.386200000000002</v>
      </c>
    </row>
    <row r="163" spans="1:6" x14ac:dyDescent="0.25">
      <c r="A163">
        <v>135</v>
      </c>
      <c r="B163">
        <v>178.63</v>
      </c>
      <c r="C163">
        <v>4890.8999999999996</v>
      </c>
      <c r="D163">
        <v>2.8</v>
      </c>
      <c r="E163">
        <v>6905.35</v>
      </c>
      <c r="F163">
        <v>57.835900000000002</v>
      </c>
    </row>
    <row r="164" spans="1:6" x14ac:dyDescent="0.25">
      <c r="A164">
        <v>135</v>
      </c>
      <c r="B164">
        <v>178.63</v>
      </c>
      <c r="C164">
        <v>4890.8999999999996</v>
      </c>
      <c r="D164">
        <v>3.1</v>
      </c>
      <c r="E164">
        <v>6887.31</v>
      </c>
      <c r="F164">
        <v>58.819299999999998</v>
      </c>
    </row>
    <row r="165" spans="1:6" x14ac:dyDescent="0.25">
      <c r="A165">
        <v>135</v>
      </c>
      <c r="B165">
        <v>178.63</v>
      </c>
      <c r="C165">
        <v>4890.8999999999996</v>
      </c>
      <c r="D165">
        <v>3.4</v>
      </c>
      <c r="E165">
        <v>6781.18</v>
      </c>
      <c r="F165">
        <v>61.6374</v>
      </c>
    </row>
    <row r="166" spans="1:6" x14ac:dyDescent="0.25">
      <c r="A166">
        <v>135</v>
      </c>
      <c r="B166">
        <v>178.63</v>
      </c>
      <c r="C166">
        <v>4890.8999999999996</v>
      </c>
      <c r="D166">
        <v>3.7</v>
      </c>
      <c r="E166">
        <v>6695.55</v>
      </c>
      <c r="F166">
        <v>64.906800000000004</v>
      </c>
    </row>
    <row r="167" spans="1:6" x14ac:dyDescent="0.25">
      <c r="A167">
        <v>135</v>
      </c>
      <c r="B167">
        <v>178.63</v>
      </c>
      <c r="C167">
        <v>4890.8999999999996</v>
      </c>
      <c r="D167">
        <v>4</v>
      </c>
      <c r="E167">
        <v>6660.58</v>
      </c>
      <c r="F167">
        <v>64.221900000000005</v>
      </c>
    </row>
    <row r="168" spans="1:6" x14ac:dyDescent="0.25">
      <c r="A168">
        <v>135</v>
      </c>
      <c r="B168">
        <v>178.63</v>
      </c>
      <c r="C168">
        <v>6436.35</v>
      </c>
      <c r="D168">
        <v>1</v>
      </c>
      <c r="E168">
        <v>10016.9</v>
      </c>
      <c r="F168">
        <v>9.5771800000000002</v>
      </c>
    </row>
    <row r="169" spans="1:6" x14ac:dyDescent="0.25">
      <c r="A169">
        <v>135</v>
      </c>
      <c r="B169">
        <v>178.63</v>
      </c>
      <c r="C169">
        <v>6436.35</v>
      </c>
      <c r="D169">
        <v>1.3</v>
      </c>
      <c r="E169">
        <v>9381.51</v>
      </c>
      <c r="F169">
        <v>11.6852</v>
      </c>
    </row>
    <row r="170" spans="1:6" x14ac:dyDescent="0.25">
      <c r="A170">
        <v>135</v>
      </c>
      <c r="B170">
        <v>178.63</v>
      </c>
      <c r="C170">
        <v>6436.35</v>
      </c>
      <c r="D170">
        <v>1.6</v>
      </c>
      <c r="E170">
        <v>8901.19</v>
      </c>
      <c r="F170">
        <v>17.1038</v>
      </c>
    </row>
    <row r="171" spans="1:6" x14ac:dyDescent="0.25">
      <c r="A171">
        <v>135</v>
      </c>
      <c r="B171">
        <v>178.63</v>
      </c>
      <c r="C171">
        <v>6436.35</v>
      </c>
      <c r="D171">
        <v>1.9</v>
      </c>
      <c r="E171">
        <v>8623.31</v>
      </c>
      <c r="F171">
        <v>21.3705</v>
      </c>
    </row>
    <row r="172" spans="1:6" x14ac:dyDescent="0.25">
      <c r="A172">
        <v>135</v>
      </c>
      <c r="B172">
        <v>178.63</v>
      </c>
      <c r="C172">
        <v>6436.35</v>
      </c>
      <c r="D172">
        <v>2.2000000000000002</v>
      </c>
      <c r="E172">
        <v>8561.5300000000007</v>
      </c>
      <c r="F172">
        <v>24.901499999999999</v>
      </c>
    </row>
    <row r="173" spans="1:6" x14ac:dyDescent="0.25">
      <c r="A173">
        <v>135</v>
      </c>
      <c r="B173">
        <v>178.63</v>
      </c>
      <c r="C173">
        <v>6436.35</v>
      </c>
      <c r="D173">
        <v>2.5</v>
      </c>
      <c r="E173">
        <v>8360.0400000000009</v>
      </c>
      <c r="F173">
        <v>27.137699999999999</v>
      </c>
    </row>
    <row r="174" spans="1:6" x14ac:dyDescent="0.25">
      <c r="A174">
        <v>135</v>
      </c>
      <c r="B174">
        <v>178.63</v>
      </c>
      <c r="C174">
        <v>6436.35</v>
      </c>
      <c r="D174">
        <v>2.8</v>
      </c>
      <c r="E174">
        <v>8244.19</v>
      </c>
      <c r="F174">
        <v>29.324300000000001</v>
      </c>
    </row>
    <row r="175" spans="1:6" x14ac:dyDescent="0.25">
      <c r="A175">
        <v>135</v>
      </c>
      <c r="B175">
        <v>178.63</v>
      </c>
      <c r="C175">
        <v>6436.35</v>
      </c>
      <c r="D175">
        <v>3.1</v>
      </c>
      <c r="E175">
        <v>8297.7999999999993</v>
      </c>
      <c r="F175">
        <v>31.348099999999999</v>
      </c>
    </row>
    <row r="176" spans="1:6" x14ac:dyDescent="0.25">
      <c r="A176">
        <v>135</v>
      </c>
      <c r="B176">
        <v>178.63</v>
      </c>
      <c r="C176">
        <v>6436.35</v>
      </c>
      <c r="D176">
        <v>3.4</v>
      </c>
      <c r="E176">
        <v>8209.9500000000007</v>
      </c>
      <c r="F176">
        <v>33.000700000000002</v>
      </c>
    </row>
    <row r="177" spans="1:6" x14ac:dyDescent="0.25">
      <c r="A177">
        <v>135</v>
      </c>
      <c r="B177">
        <v>178.63</v>
      </c>
      <c r="C177">
        <v>6436.35</v>
      </c>
      <c r="D177">
        <v>3.7</v>
      </c>
      <c r="E177">
        <v>8053.05</v>
      </c>
      <c r="F177">
        <v>34.059100000000001</v>
      </c>
    </row>
    <row r="178" spans="1:6" x14ac:dyDescent="0.25">
      <c r="A178">
        <v>135</v>
      </c>
      <c r="B178">
        <v>178.63</v>
      </c>
      <c r="C178">
        <v>6436.35</v>
      </c>
      <c r="D178">
        <v>4</v>
      </c>
      <c r="E178">
        <v>8042.76</v>
      </c>
      <c r="F178">
        <v>34.845500000000001</v>
      </c>
    </row>
    <row r="179" spans="1:6" x14ac:dyDescent="0.25">
      <c r="A179">
        <v>135</v>
      </c>
      <c r="B179">
        <v>178.63</v>
      </c>
      <c r="C179">
        <v>7981.8</v>
      </c>
      <c r="D179">
        <v>1</v>
      </c>
      <c r="E179">
        <v>11910.7</v>
      </c>
      <c r="F179">
        <v>10.394399999999999</v>
      </c>
    </row>
    <row r="180" spans="1:6" x14ac:dyDescent="0.25">
      <c r="A180">
        <v>135</v>
      </c>
      <c r="B180">
        <v>178.63</v>
      </c>
      <c r="C180">
        <v>7981.8</v>
      </c>
      <c r="D180">
        <v>1.3</v>
      </c>
      <c r="E180">
        <v>11005.6</v>
      </c>
      <c r="F180">
        <v>10.417400000000001</v>
      </c>
    </row>
    <row r="181" spans="1:6" x14ac:dyDescent="0.25">
      <c r="A181">
        <v>135</v>
      </c>
      <c r="B181">
        <v>178.63</v>
      </c>
      <c r="C181">
        <v>7981.8</v>
      </c>
      <c r="D181">
        <v>1.6</v>
      </c>
      <c r="E181">
        <v>10330.299999999999</v>
      </c>
      <c r="F181">
        <v>10.3386</v>
      </c>
    </row>
    <row r="182" spans="1:6" x14ac:dyDescent="0.25">
      <c r="A182">
        <v>135</v>
      </c>
      <c r="B182">
        <v>178.63</v>
      </c>
      <c r="C182">
        <v>7981.8</v>
      </c>
      <c r="D182">
        <v>1.9</v>
      </c>
      <c r="E182">
        <v>10034.1</v>
      </c>
      <c r="F182">
        <v>9.9930800000000009</v>
      </c>
    </row>
    <row r="183" spans="1:6" x14ac:dyDescent="0.25">
      <c r="A183">
        <v>135</v>
      </c>
      <c r="B183">
        <v>178.63</v>
      </c>
      <c r="C183">
        <v>7981.8</v>
      </c>
      <c r="D183">
        <v>2.2000000000000002</v>
      </c>
      <c r="E183">
        <v>10054</v>
      </c>
      <c r="F183">
        <v>9.7000499999999992</v>
      </c>
    </row>
    <row r="184" spans="1:6" x14ac:dyDescent="0.25">
      <c r="A184">
        <v>135</v>
      </c>
      <c r="B184">
        <v>178.63</v>
      </c>
      <c r="C184">
        <v>7981.8</v>
      </c>
      <c r="D184">
        <v>2.5</v>
      </c>
      <c r="E184">
        <v>9828.5400000000009</v>
      </c>
      <c r="F184">
        <v>9.4641699999999993</v>
      </c>
    </row>
    <row r="185" spans="1:6" x14ac:dyDescent="0.25">
      <c r="A185">
        <v>135</v>
      </c>
      <c r="B185">
        <v>178.63</v>
      </c>
      <c r="C185">
        <v>7981.8</v>
      </c>
      <c r="D185">
        <v>2.8</v>
      </c>
      <c r="E185">
        <v>9646.9699999999993</v>
      </c>
      <c r="F185">
        <v>10.311199999999999</v>
      </c>
    </row>
    <row r="186" spans="1:6" x14ac:dyDescent="0.25">
      <c r="A186">
        <v>135</v>
      </c>
      <c r="B186">
        <v>178.63</v>
      </c>
      <c r="C186">
        <v>7981.8</v>
      </c>
      <c r="D186">
        <v>3.1</v>
      </c>
      <c r="E186">
        <v>9496.4699999999993</v>
      </c>
      <c r="F186">
        <v>11.0589</v>
      </c>
    </row>
    <row r="187" spans="1:6" x14ac:dyDescent="0.25">
      <c r="A187">
        <v>135</v>
      </c>
      <c r="B187">
        <v>178.63</v>
      </c>
      <c r="C187">
        <v>7981.8</v>
      </c>
      <c r="D187">
        <v>3.4</v>
      </c>
      <c r="E187">
        <v>9501.15</v>
      </c>
      <c r="F187">
        <v>12.3644</v>
      </c>
    </row>
    <row r="188" spans="1:6" x14ac:dyDescent="0.25">
      <c r="A188">
        <v>135</v>
      </c>
      <c r="B188">
        <v>178.63</v>
      </c>
      <c r="C188">
        <v>7981.8</v>
      </c>
      <c r="D188">
        <v>3.7</v>
      </c>
      <c r="E188">
        <v>9599.4699999999993</v>
      </c>
      <c r="F188">
        <v>13.097</v>
      </c>
    </row>
    <row r="189" spans="1:6" x14ac:dyDescent="0.25">
      <c r="A189">
        <v>135</v>
      </c>
      <c r="B189">
        <v>178.63</v>
      </c>
      <c r="C189">
        <v>7981.8</v>
      </c>
      <c r="D189">
        <v>4</v>
      </c>
      <c r="E189">
        <v>9477.44</v>
      </c>
      <c r="F189">
        <v>13.4186</v>
      </c>
    </row>
    <row r="190" spans="1:6" x14ac:dyDescent="0.25">
      <c r="A190">
        <v>135</v>
      </c>
      <c r="B190">
        <v>178.63</v>
      </c>
      <c r="C190">
        <v>9527.25</v>
      </c>
      <c r="D190">
        <v>1</v>
      </c>
      <c r="E190">
        <v>13536</v>
      </c>
      <c r="F190">
        <v>10.9735</v>
      </c>
    </row>
    <row r="191" spans="1:6" x14ac:dyDescent="0.25">
      <c r="A191">
        <v>135</v>
      </c>
      <c r="B191">
        <v>178.63</v>
      </c>
      <c r="C191">
        <v>9527.25</v>
      </c>
      <c r="D191">
        <v>1.3</v>
      </c>
      <c r="E191">
        <v>12789</v>
      </c>
      <c r="F191">
        <v>10.639099999999999</v>
      </c>
    </row>
    <row r="192" spans="1:6" x14ac:dyDescent="0.25">
      <c r="A192">
        <v>135</v>
      </c>
      <c r="B192">
        <v>178.63</v>
      </c>
      <c r="C192">
        <v>9527.25</v>
      </c>
      <c r="D192">
        <v>1.6</v>
      </c>
      <c r="E192">
        <v>12306.6</v>
      </c>
      <c r="F192">
        <v>10.4512</v>
      </c>
    </row>
    <row r="193" spans="1:6" x14ac:dyDescent="0.25">
      <c r="A193">
        <v>135</v>
      </c>
      <c r="B193">
        <v>178.63</v>
      </c>
      <c r="C193">
        <v>9527.25</v>
      </c>
      <c r="D193">
        <v>1.9</v>
      </c>
      <c r="E193">
        <v>12089</v>
      </c>
      <c r="F193">
        <v>10.456300000000001</v>
      </c>
    </row>
    <row r="194" spans="1:6" x14ac:dyDescent="0.25">
      <c r="A194">
        <v>135</v>
      </c>
      <c r="B194">
        <v>178.63</v>
      </c>
      <c r="C194">
        <v>9527.25</v>
      </c>
      <c r="D194">
        <v>2.2000000000000002</v>
      </c>
      <c r="E194">
        <v>11569.5</v>
      </c>
      <c r="F194">
        <v>10.446899999999999</v>
      </c>
    </row>
    <row r="195" spans="1:6" x14ac:dyDescent="0.25">
      <c r="A195">
        <v>135</v>
      </c>
      <c r="B195">
        <v>178.63</v>
      </c>
      <c r="C195">
        <v>9527.25</v>
      </c>
      <c r="D195">
        <v>2.5</v>
      </c>
      <c r="E195">
        <v>11549.9</v>
      </c>
      <c r="F195">
        <v>10.430400000000001</v>
      </c>
    </row>
    <row r="196" spans="1:6" x14ac:dyDescent="0.25">
      <c r="A196">
        <v>135</v>
      </c>
      <c r="B196">
        <v>178.63</v>
      </c>
      <c r="C196">
        <v>9527.25</v>
      </c>
      <c r="D196">
        <v>2.8</v>
      </c>
      <c r="E196">
        <v>11349.3</v>
      </c>
      <c r="F196">
        <v>10.4077</v>
      </c>
    </row>
    <row r="197" spans="1:6" x14ac:dyDescent="0.25">
      <c r="A197">
        <v>135</v>
      </c>
      <c r="B197">
        <v>178.63</v>
      </c>
      <c r="C197">
        <v>9527.25</v>
      </c>
      <c r="D197">
        <v>3.1</v>
      </c>
      <c r="E197">
        <v>11157.2</v>
      </c>
      <c r="F197">
        <v>10.381</v>
      </c>
    </row>
    <row r="198" spans="1:6" x14ac:dyDescent="0.25">
      <c r="A198">
        <v>135</v>
      </c>
      <c r="B198">
        <v>178.63</v>
      </c>
      <c r="C198">
        <v>9527.25</v>
      </c>
      <c r="D198">
        <v>3.4</v>
      </c>
      <c r="E198">
        <v>11401.6</v>
      </c>
      <c r="F198">
        <v>10.3527</v>
      </c>
    </row>
    <row r="199" spans="1:6" x14ac:dyDescent="0.25">
      <c r="A199">
        <v>135</v>
      </c>
      <c r="B199">
        <v>178.63</v>
      </c>
      <c r="C199">
        <v>9527.25</v>
      </c>
      <c r="D199">
        <v>3.7</v>
      </c>
      <c r="E199">
        <v>10993.1</v>
      </c>
      <c r="F199">
        <v>10.3224</v>
      </c>
    </row>
    <row r="200" spans="1:6" x14ac:dyDescent="0.25">
      <c r="A200">
        <v>135</v>
      </c>
      <c r="B200">
        <v>178.63</v>
      </c>
      <c r="C200">
        <v>9527.25</v>
      </c>
      <c r="D200">
        <v>4</v>
      </c>
      <c r="E200">
        <v>11113.9</v>
      </c>
      <c r="F200">
        <v>10.2911</v>
      </c>
    </row>
    <row r="201" spans="1:6" x14ac:dyDescent="0.25">
      <c r="A201">
        <v>135</v>
      </c>
      <c r="B201">
        <v>178.63</v>
      </c>
      <c r="C201">
        <v>11072.7</v>
      </c>
      <c r="D201">
        <v>1</v>
      </c>
      <c r="E201">
        <v>15306.6</v>
      </c>
      <c r="F201">
        <v>11.0045</v>
      </c>
    </row>
    <row r="202" spans="1:6" x14ac:dyDescent="0.25">
      <c r="A202">
        <v>135</v>
      </c>
      <c r="B202">
        <v>178.63</v>
      </c>
      <c r="C202">
        <v>11072.7</v>
      </c>
      <c r="D202">
        <v>1.3</v>
      </c>
      <c r="E202">
        <v>14298.8</v>
      </c>
      <c r="F202">
        <v>11.046200000000001</v>
      </c>
    </row>
    <row r="203" spans="1:6" x14ac:dyDescent="0.25">
      <c r="A203">
        <v>135</v>
      </c>
      <c r="B203">
        <v>178.63</v>
      </c>
      <c r="C203">
        <v>11072.7</v>
      </c>
      <c r="D203">
        <v>1.6</v>
      </c>
      <c r="E203">
        <v>13735</v>
      </c>
      <c r="F203">
        <v>11.0526</v>
      </c>
    </row>
    <row r="204" spans="1:6" x14ac:dyDescent="0.25">
      <c r="A204">
        <v>135</v>
      </c>
      <c r="B204">
        <v>178.63</v>
      </c>
      <c r="C204">
        <v>11072.7</v>
      </c>
      <c r="D204">
        <v>1.9</v>
      </c>
      <c r="E204">
        <v>13578.3</v>
      </c>
      <c r="F204">
        <v>11.071999999999999</v>
      </c>
    </row>
    <row r="205" spans="1:6" x14ac:dyDescent="0.25">
      <c r="A205">
        <v>135</v>
      </c>
      <c r="B205">
        <v>178.63</v>
      </c>
      <c r="C205">
        <v>11072.7</v>
      </c>
      <c r="D205">
        <v>2.2000000000000002</v>
      </c>
      <c r="E205">
        <v>13310.4</v>
      </c>
      <c r="F205">
        <v>11.097099999999999</v>
      </c>
    </row>
    <row r="206" spans="1:6" x14ac:dyDescent="0.25">
      <c r="A206">
        <v>135</v>
      </c>
      <c r="B206">
        <v>178.63</v>
      </c>
      <c r="C206">
        <v>11072.7</v>
      </c>
      <c r="D206">
        <v>2.5</v>
      </c>
      <c r="E206">
        <v>13089.8</v>
      </c>
      <c r="F206">
        <v>11.124000000000001</v>
      </c>
    </row>
    <row r="207" spans="1:6" x14ac:dyDescent="0.25">
      <c r="A207">
        <v>135</v>
      </c>
      <c r="B207">
        <v>178.63</v>
      </c>
      <c r="C207">
        <v>11072.7</v>
      </c>
      <c r="D207">
        <v>2.8</v>
      </c>
      <c r="E207">
        <v>13066.8</v>
      </c>
      <c r="F207">
        <v>11.1516</v>
      </c>
    </row>
    <row r="208" spans="1:6" x14ac:dyDescent="0.25">
      <c r="A208">
        <v>135</v>
      </c>
      <c r="B208">
        <v>178.63</v>
      </c>
      <c r="C208">
        <v>11072.7</v>
      </c>
      <c r="D208">
        <v>3.1</v>
      </c>
      <c r="E208">
        <v>12836.5</v>
      </c>
      <c r="F208">
        <v>11.178599999999999</v>
      </c>
    </row>
    <row r="209" spans="1:6" x14ac:dyDescent="0.25">
      <c r="A209">
        <v>135</v>
      </c>
      <c r="B209">
        <v>178.63</v>
      </c>
      <c r="C209">
        <v>11072.7</v>
      </c>
      <c r="D209">
        <v>3.4</v>
      </c>
      <c r="E209">
        <v>12926.7</v>
      </c>
      <c r="F209">
        <v>11.203900000000001</v>
      </c>
    </row>
    <row r="210" spans="1:6" x14ac:dyDescent="0.25">
      <c r="A210">
        <v>135</v>
      </c>
      <c r="B210">
        <v>178.63</v>
      </c>
      <c r="C210">
        <v>11072.7</v>
      </c>
      <c r="D210">
        <v>3.7</v>
      </c>
      <c r="E210">
        <v>12891.4</v>
      </c>
      <c r="F210">
        <v>11.227499999999999</v>
      </c>
    </row>
    <row r="211" spans="1:6" x14ac:dyDescent="0.25">
      <c r="A211">
        <v>135</v>
      </c>
      <c r="B211">
        <v>178.63</v>
      </c>
      <c r="C211">
        <v>11072.7</v>
      </c>
      <c r="D211">
        <v>4</v>
      </c>
      <c r="E211">
        <v>12569.8</v>
      </c>
      <c r="F211">
        <v>11.249000000000001</v>
      </c>
    </row>
    <row r="212" spans="1:6" x14ac:dyDescent="0.25">
      <c r="A212">
        <v>135</v>
      </c>
      <c r="B212">
        <v>178.63</v>
      </c>
      <c r="C212">
        <v>12618.2</v>
      </c>
      <c r="D212">
        <v>1</v>
      </c>
      <c r="E212">
        <v>16394.599999999999</v>
      </c>
      <c r="F212">
        <v>11.0045</v>
      </c>
    </row>
    <row r="213" spans="1:6" x14ac:dyDescent="0.25">
      <c r="A213">
        <v>135</v>
      </c>
      <c r="B213">
        <v>178.63</v>
      </c>
      <c r="C213">
        <v>12618.2</v>
      </c>
      <c r="D213">
        <v>1.3</v>
      </c>
      <c r="E213">
        <v>15790.1</v>
      </c>
      <c r="F213">
        <v>11.046200000000001</v>
      </c>
    </row>
    <row r="214" spans="1:6" x14ac:dyDescent="0.25">
      <c r="A214">
        <v>135</v>
      </c>
      <c r="B214">
        <v>178.63</v>
      </c>
      <c r="C214">
        <v>12618.2</v>
      </c>
      <c r="D214">
        <v>1.6</v>
      </c>
      <c r="E214">
        <v>15393.9</v>
      </c>
      <c r="F214">
        <v>11.0526</v>
      </c>
    </row>
    <row r="215" spans="1:6" x14ac:dyDescent="0.25">
      <c r="A215">
        <v>135</v>
      </c>
      <c r="B215">
        <v>178.63</v>
      </c>
      <c r="C215">
        <v>12618.2</v>
      </c>
      <c r="D215">
        <v>1.9</v>
      </c>
      <c r="E215">
        <v>14939.8</v>
      </c>
      <c r="F215">
        <v>11.071999999999999</v>
      </c>
    </row>
    <row r="216" spans="1:6" x14ac:dyDescent="0.25">
      <c r="A216">
        <v>135</v>
      </c>
      <c r="B216">
        <v>178.63</v>
      </c>
      <c r="C216">
        <v>12618.2</v>
      </c>
      <c r="D216">
        <v>2.2000000000000002</v>
      </c>
      <c r="E216">
        <v>14910.6</v>
      </c>
      <c r="F216">
        <v>11.097099999999999</v>
      </c>
    </row>
    <row r="217" spans="1:6" x14ac:dyDescent="0.25">
      <c r="A217">
        <v>135</v>
      </c>
      <c r="B217">
        <v>178.63</v>
      </c>
      <c r="C217">
        <v>12618.2</v>
      </c>
      <c r="D217">
        <v>2.5</v>
      </c>
      <c r="E217">
        <v>14645</v>
      </c>
      <c r="F217">
        <v>11.124000000000001</v>
      </c>
    </row>
    <row r="218" spans="1:6" x14ac:dyDescent="0.25">
      <c r="A218">
        <v>135</v>
      </c>
      <c r="B218">
        <v>178.63</v>
      </c>
      <c r="C218">
        <v>12618.2</v>
      </c>
      <c r="D218">
        <v>2.8</v>
      </c>
      <c r="E218">
        <v>14429.7</v>
      </c>
      <c r="F218">
        <v>11.1516</v>
      </c>
    </row>
    <row r="219" spans="1:6" x14ac:dyDescent="0.25">
      <c r="A219">
        <v>135</v>
      </c>
      <c r="B219">
        <v>178.63</v>
      </c>
      <c r="C219">
        <v>12618.2</v>
      </c>
      <c r="D219">
        <v>3.1</v>
      </c>
      <c r="E219">
        <v>14490.4</v>
      </c>
      <c r="F219">
        <v>11.178599999999999</v>
      </c>
    </row>
    <row r="220" spans="1:6" x14ac:dyDescent="0.25">
      <c r="A220">
        <v>135</v>
      </c>
      <c r="B220">
        <v>178.63</v>
      </c>
      <c r="C220">
        <v>12618.2</v>
      </c>
      <c r="D220">
        <v>3.4</v>
      </c>
      <c r="E220">
        <v>14303.3</v>
      </c>
      <c r="F220">
        <v>11.203900000000001</v>
      </c>
    </row>
    <row r="221" spans="1:6" x14ac:dyDescent="0.25">
      <c r="A221">
        <v>135</v>
      </c>
      <c r="B221">
        <v>178.63</v>
      </c>
      <c r="C221">
        <v>12618.2</v>
      </c>
      <c r="D221">
        <v>3.7</v>
      </c>
      <c r="E221">
        <v>14353.4</v>
      </c>
      <c r="F221">
        <v>11.227499999999999</v>
      </c>
    </row>
    <row r="222" spans="1:6" x14ac:dyDescent="0.25">
      <c r="A222">
        <v>135</v>
      </c>
      <c r="B222">
        <v>178.63</v>
      </c>
      <c r="C222">
        <v>12618.2</v>
      </c>
      <c r="D222">
        <v>4</v>
      </c>
      <c r="E222">
        <v>14213.7</v>
      </c>
      <c r="F222">
        <v>11.249000000000001</v>
      </c>
    </row>
    <row r="223" spans="1:6" x14ac:dyDescent="0.25">
      <c r="A223">
        <v>135</v>
      </c>
      <c r="B223">
        <v>178.63</v>
      </c>
      <c r="C223">
        <v>14163.6</v>
      </c>
      <c r="D223">
        <v>1</v>
      </c>
      <c r="E223">
        <v>17967.2</v>
      </c>
      <c r="F223">
        <v>11.0045</v>
      </c>
    </row>
    <row r="224" spans="1:6" x14ac:dyDescent="0.25">
      <c r="A224">
        <v>135</v>
      </c>
      <c r="B224">
        <v>178.63</v>
      </c>
      <c r="C224">
        <v>14163.6</v>
      </c>
      <c r="D224">
        <v>1.3</v>
      </c>
      <c r="E224">
        <v>17307.099999999999</v>
      </c>
      <c r="F224">
        <v>11.046200000000001</v>
      </c>
    </row>
    <row r="225" spans="1:6" x14ac:dyDescent="0.25">
      <c r="A225">
        <v>135</v>
      </c>
      <c r="B225">
        <v>178.63</v>
      </c>
      <c r="C225">
        <v>14163.6</v>
      </c>
      <c r="D225">
        <v>1.6</v>
      </c>
      <c r="E225">
        <v>16780.3</v>
      </c>
      <c r="F225">
        <v>11.0526</v>
      </c>
    </row>
    <row r="226" spans="1:6" x14ac:dyDescent="0.25">
      <c r="A226">
        <v>135</v>
      </c>
      <c r="B226">
        <v>178.63</v>
      </c>
      <c r="C226">
        <v>14163.6</v>
      </c>
      <c r="D226">
        <v>1.9</v>
      </c>
      <c r="E226">
        <v>16757.2</v>
      </c>
      <c r="F226">
        <v>11.071999999999999</v>
      </c>
    </row>
    <row r="227" spans="1:6" x14ac:dyDescent="0.25">
      <c r="A227">
        <v>135</v>
      </c>
      <c r="B227">
        <v>178.63</v>
      </c>
      <c r="C227">
        <v>14163.6</v>
      </c>
      <c r="D227">
        <v>2.2000000000000002</v>
      </c>
      <c r="E227">
        <v>16422.400000000001</v>
      </c>
      <c r="F227">
        <v>11.097099999999999</v>
      </c>
    </row>
    <row r="228" spans="1:6" x14ac:dyDescent="0.25">
      <c r="A228">
        <v>135</v>
      </c>
      <c r="B228">
        <v>178.63</v>
      </c>
      <c r="C228">
        <v>14163.6</v>
      </c>
      <c r="D228">
        <v>2.5</v>
      </c>
      <c r="E228">
        <v>16156.1</v>
      </c>
      <c r="F228">
        <v>11.124000000000001</v>
      </c>
    </row>
    <row r="229" spans="1:6" x14ac:dyDescent="0.25">
      <c r="A229">
        <v>135</v>
      </c>
      <c r="B229">
        <v>178.63</v>
      </c>
      <c r="C229">
        <v>14163.6</v>
      </c>
      <c r="D229">
        <v>2.8</v>
      </c>
      <c r="E229">
        <v>16229.1</v>
      </c>
      <c r="F229">
        <v>11.1516</v>
      </c>
    </row>
    <row r="230" spans="1:6" x14ac:dyDescent="0.25">
      <c r="A230">
        <v>135</v>
      </c>
      <c r="B230">
        <v>178.63</v>
      </c>
      <c r="C230">
        <v>14163.6</v>
      </c>
      <c r="D230">
        <v>3.1</v>
      </c>
      <c r="E230">
        <v>16016.4</v>
      </c>
      <c r="F230">
        <v>11.178599999999999</v>
      </c>
    </row>
    <row r="231" spans="1:6" x14ac:dyDescent="0.25">
      <c r="A231">
        <v>135</v>
      </c>
      <c r="B231">
        <v>178.63</v>
      </c>
      <c r="C231">
        <v>14163.6</v>
      </c>
      <c r="D231">
        <v>3.4</v>
      </c>
      <c r="E231">
        <v>15833.4</v>
      </c>
      <c r="F231">
        <v>11.203900000000001</v>
      </c>
    </row>
    <row r="232" spans="1:6" x14ac:dyDescent="0.25">
      <c r="A232">
        <v>135</v>
      </c>
      <c r="B232">
        <v>178.63</v>
      </c>
      <c r="C232">
        <v>14163.6</v>
      </c>
      <c r="D232">
        <v>3.7</v>
      </c>
      <c r="E232">
        <v>15962.8</v>
      </c>
      <c r="F232">
        <v>11.227499999999999</v>
      </c>
    </row>
    <row r="233" spans="1:6" x14ac:dyDescent="0.25">
      <c r="A233">
        <v>135</v>
      </c>
      <c r="B233">
        <v>178.63</v>
      </c>
      <c r="C233">
        <v>14163.6</v>
      </c>
      <c r="D233">
        <v>4</v>
      </c>
      <c r="E233">
        <v>15854.2</v>
      </c>
      <c r="F233">
        <v>11.249000000000001</v>
      </c>
    </row>
    <row r="234" spans="1:6" x14ac:dyDescent="0.25">
      <c r="A234">
        <v>135</v>
      </c>
      <c r="B234">
        <v>178.63</v>
      </c>
      <c r="C234">
        <v>15709.1</v>
      </c>
      <c r="D234">
        <v>1</v>
      </c>
      <c r="E234">
        <v>19766.599999999999</v>
      </c>
      <c r="F234">
        <v>11.0045</v>
      </c>
    </row>
    <row r="235" spans="1:6" x14ac:dyDescent="0.25">
      <c r="A235">
        <v>135</v>
      </c>
      <c r="B235">
        <v>178.63</v>
      </c>
      <c r="C235">
        <v>15709.1</v>
      </c>
      <c r="D235">
        <v>1.3</v>
      </c>
      <c r="E235">
        <v>19009.099999999999</v>
      </c>
      <c r="F235">
        <v>11.046200000000001</v>
      </c>
    </row>
    <row r="236" spans="1:6" x14ac:dyDescent="0.25">
      <c r="A236">
        <v>135</v>
      </c>
      <c r="B236">
        <v>178.63</v>
      </c>
      <c r="C236">
        <v>15709.1</v>
      </c>
      <c r="D236">
        <v>1.6</v>
      </c>
      <c r="E236">
        <v>18724</v>
      </c>
      <c r="F236">
        <v>11.0526</v>
      </c>
    </row>
    <row r="237" spans="1:6" x14ac:dyDescent="0.25">
      <c r="A237">
        <v>135</v>
      </c>
      <c r="B237">
        <v>178.63</v>
      </c>
      <c r="C237">
        <v>15709.1</v>
      </c>
      <c r="D237">
        <v>1.9</v>
      </c>
      <c r="E237">
        <v>18195</v>
      </c>
      <c r="F237">
        <v>11.071999999999999</v>
      </c>
    </row>
    <row r="238" spans="1:6" x14ac:dyDescent="0.25">
      <c r="A238">
        <v>135</v>
      </c>
      <c r="B238">
        <v>178.63</v>
      </c>
      <c r="C238">
        <v>15709.1</v>
      </c>
      <c r="D238">
        <v>2.2000000000000002</v>
      </c>
      <c r="E238">
        <v>17858.8</v>
      </c>
      <c r="F238">
        <v>11.097099999999999</v>
      </c>
    </row>
    <row r="239" spans="1:6" x14ac:dyDescent="0.25">
      <c r="A239">
        <v>135</v>
      </c>
      <c r="B239">
        <v>178.63</v>
      </c>
      <c r="C239">
        <v>15709.1</v>
      </c>
      <c r="D239">
        <v>2.5</v>
      </c>
      <c r="E239">
        <v>17656.2</v>
      </c>
      <c r="F239">
        <v>11.124000000000001</v>
      </c>
    </row>
    <row r="240" spans="1:6" x14ac:dyDescent="0.25">
      <c r="A240">
        <v>135</v>
      </c>
      <c r="B240">
        <v>178.63</v>
      </c>
      <c r="C240">
        <v>15709.1</v>
      </c>
      <c r="D240">
        <v>2.8</v>
      </c>
      <c r="E240">
        <v>17655.900000000001</v>
      </c>
      <c r="F240">
        <v>11.1516</v>
      </c>
    </row>
    <row r="241" spans="1:6" x14ac:dyDescent="0.25">
      <c r="A241">
        <v>135</v>
      </c>
      <c r="B241">
        <v>178.63</v>
      </c>
      <c r="C241">
        <v>15709.1</v>
      </c>
      <c r="D241">
        <v>3.1</v>
      </c>
      <c r="E241">
        <v>17440.2</v>
      </c>
      <c r="F241">
        <v>11.178599999999999</v>
      </c>
    </row>
    <row r="242" spans="1:6" x14ac:dyDescent="0.25">
      <c r="A242">
        <v>135</v>
      </c>
      <c r="B242">
        <v>178.63</v>
      </c>
      <c r="C242">
        <v>15709.1</v>
      </c>
      <c r="D242">
        <v>3.4</v>
      </c>
      <c r="E242">
        <v>17511.099999999999</v>
      </c>
      <c r="F242">
        <v>11.203900000000001</v>
      </c>
    </row>
    <row r="243" spans="1:6" x14ac:dyDescent="0.25">
      <c r="A243">
        <v>135</v>
      </c>
      <c r="B243">
        <v>178.63</v>
      </c>
      <c r="C243">
        <v>15709.1</v>
      </c>
      <c r="D243">
        <v>3.7</v>
      </c>
      <c r="E243">
        <v>17353.400000000001</v>
      </c>
      <c r="F243">
        <v>11.227499999999999</v>
      </c>
    </row>
    <row r="244" spans="1:6" x14ac:dyDescent="0.25">
      <c r="A244">
        <v>135</v>
      </c>
      <c r="B244">
        <v>178.63</v>
      </c>
      <c r="C244">
        <v>15709.1</v>
      </c>
      <c r="D244">
        <v>4</v>
      </c>
      <c r="E244">
        <v>17219.400000000001</v>
      </c>
      <c r="F244">
        <v>11.249000000000001</v>
      </c>
    </row>
    <row r="245" spans="1:6" x14ac:dyDescent="0.25">
      <c r="A245">
        <v>135</v>
      </c>
      <c r="B245">
        <v>178.63</v>
      </c>
      <c r="C245">
        <v>17254.5</v>
      </c>
      <c r="D245">
        <v>1</v>
      </c>
      <c r="E245">
        <v>21079</v>
      </c>
      <c r="F245">
        <v>11.0045</v>
      </c>
    </row>
    <row r="246" spans="1:6" x14ac:dyDescent="0.25">
      <c r="A246">
        <v>135</v>
      </c>
      <c r="B246">
        <v>178.63</v>
      </c>
      <c r="C246">
        <v>17254.5</v>
      </c>
      <c r="D246">
        <v>1.3</v>
      </c>
      <c r="E246">
        <v>20245.099999999999</v>
      </c>
      <c r="F246">
        <v>11.046200000000001</v>
      </c>
    </row>
    <row r="247" spans="1:6" x14ac:dyDescent="0.25">
      <c r="A247">
        <v>135</v>
      </c>
      <c r="B247">
        <v>178.63</v>
      </c>
      <c r="C247">
        <v>17254.5</v>
      </c>
      <c r="D247">
        <v>1.6</v>
      </c>
      <c r="E247">
        <v>19951.099999999999</v>
      </c>
      <c r="F247">
        <v>11.0526</v>
      </c>
    </row>
    <row r="248" spans="1:6" x14ac:dyDescent="0.25">
      <c r="A248">
        <v>135</v>
      </c>
      <c r="B248">
        <v>178.63</v>
      </c>
      <c r="C248">
        <v>17254.5</v>
      </c>
      <c r="D248">
        <v>1.9</v>
      </c>
      <c r="E248">
        <v>19844.2</v>
      </c>
      <c r="F248">
        <v>11.071999999999999</v>
      </c>
    </row>
    <row r="249" spans="1:6" x14ac:dyDescent="0.25">
      <c r="A249">
        <v>135</v>
      </c>
      <c r="B249">
        <v>178.63</v>
      </c>
      <c r="C249">
        <v>17254.5</v>
      </c>
      <c r="D249">
        <v>2.2000000000000002</v>
      </c>
      <c r="E249">
        <v>19499.2</v>
      </c>
      <c r="F249">
        <v>11.097099999999999</v>
      </c>
    </row>
    <row r="250" spans="1:6" x14ac:dyDescent="0.25">
      <c r="A250">
        <v>135</v>
      </c>
      <c r="B250">
        <v>178.63</v>
      </c>
      <c r="C250">
        <v>17254.5</v>
      </c>
      <c r="D250">
        <v>2.5</v>
      </c>
      <c r="E250">
        <v>19222.7</v>
      </c>
      <c r="F250">
        <v>11.124000000000001</v>
      </c>
    </row>
    <row r="251" spans="1:6" x14ac:dyDescent="0.25">
      <c r="A251">
        <v>135</v>
      </c>
      <c r="B251">
        <v>178.63</v>
      </c>
      <c r="C251">
        <v>17254.5</v>
      </c>
      <c r="D251">
        <v>2.8</v>
      </c>
      <c r="E251">
        <v>19239.2</v>
      </c>
      <c r="F251">
        <v>11.1516</v>
      </c>
    </row>
    <row r="252" spans="1:6" x14ac:dyDescent="0.25">
      <c r="A252">
        <v>135</v>
      </c>
      <c r="B252">
        <v>178.63</v>
      </c>
      <c r="C252">
        <v>17254.5</v>
      </c>
      <c r="D252">
        <v>3.1</v>
      </c>
      <c r="E252">
        <v>19008.5</v>
      </c>
      <c r="F252">
        <v>11.178599999999999</v>
      </c>
    </row>
    <row r="253" spans="1:6" x14ac:dyDescent="0.25">
      <c r="A253">
        <v>135</v>
      </c>
      <c r="B253">
        <v>178.63</v>
      </c>
      <c r="C253">
        <v>17254.5</v>
      </c>
      <c r="D253">
        <v>3.4</v>
      </c>
      <c r="E253">
        <v>19107.2</v>
      </c>
      <c r="F253">
        <v>11.203900000000001</v>
      </c>
    </row>
    <row r="254" spans="1:6" x14ac:dyDescent="0.25">
      <c r="A254">
        <v>135</v>
      </c>
      <c r="B254">
        <v>178.63</v>
      </c>
      <c r="C254">
        <v>17254.5</v>
      </c>
      <c r="D254">
        <v>3.7</v>
      </c>
      <c r="E254">
        <v>18965.599999999999</v>
      </c>
      <c r="F254">
        <v>11.227499999999999</v>
      </c>
    </row>
    <row r="255" spans="1:6" x14ac:dyDescent="0.25">
      <c r="A255">
        <v>135</v>
      </c>
      <c r="B255">
        <v>178.63</v>
      </c>
      <c r="C255">
        <v>17254.5</v>
      </c>
      <c r="D255">
        <v>4</v>
      </c>
      <c r="E255">
        <v>18842.900000000001</v>
      </c>
      <c r="F255">
        <v>11.249000000000001</v>
      </c>
    </row>
    <row r="256" spans="1:6" x14ac:dyDescent="0.25">
      <c r="A256">
        <v>135</v>
      </c>
      <c r="B256">
        <v>178.63</v>
      </c>
      <c r="C256">
        <v>18800</v>
      </c>
      <c r="D256">
        <v>1</v>
      </c>
      <c r="E256">
        <v>22546.9</v>
      </c>
      <c r="F256">
        <v>11.0045</v>
      </c>
    </row>
    <row r="257" spans="1:6" x14ac:dyDescent="0.25">
      <c r="A257">
        <v>135</v>
      </c>
      <c r="B257">
        <v>178.63</v>
      </c>
      <c r="C257">
        <v>18800</v>
      </c>
      <c r="D257">
        <v>1.3</v>
      </c>
      <c r="E257">
        <v>22007.5</v>
      </c>
      <c r="F257">
        <v>11.046200000000001</v>
      </c>
    </row>
    <row r="258" spans="1:6" x14ac:dyDescent="0.25">
      <c r="A258">
        <v>135</v>
      </c>
      <c r="B258">
        <v>178.63</v>
      </c>
      <c r="C258">
        <v>18800</v>
      </c>
      <c r="D258">
        <v>1.6</v>
      </c>
      <c r="E258">
        <v>21822.3</v>
      </c>
      <c r="F258">
        <v>11.0526</v>
      </c>
    </row>
    <row r="259" spans="1:6" x14ac:dyDescent="0.25">
      <c r="A259">
        <v>135</v>
      </c>
      <c r="B259">
        <v>178.63</v>
      </c>
      <c r="C259">
        <v>18800</v>
      </c>
      <c r="D259">
        <v>1.9</v>
      </c>
      <c r="E259">
        <v>21368.799999999999</v>
      </c>
      <c r="F259">
        <v>11.071999999999999</v>
      </c>
    </row>
    <row r="260" spans="1:6" x14ac:dyDescent="0.25">
      <c r="A260">
        <v>135</v>
      </c>
      <c r="B260">
        <v>178.63</v>
      </c>
      <c r="C260">
        <v>18800</v>
      </c>
      <c r="D260">
        <v>2.2000000000000002</v>
      </c>
      <c r="E260">
        <v>21020.5</v>
      </c>
      <c r="F260">
        <v>11.097099999999999</v>
      </c>
    </row>
    <row r="261" spans="1:6" x14ac:dyDescent="0.25">
      <c r="A261">
        <v>135</v>
      </c>
      <c r="B261">
        <v>178.63</v>
      </c>
      <c r="C261">
        <v>18800</v>
      </c>
      <c r="D261">
        <v>2.5</v>
      </c>
      <c r="E261">
        <v>21065.9</v>
      </c>
      <c r="F261">
        <v>11.124000000000001</v>
      </c>
    </row>
    <row r="262" spans="1:6" x14ac:dyDescent="0.25">
      <c r="A262">
        <v>135</v>
      </c>
      <c r="B262">
        <v>178.63</v>
      </c>
      <c r="C262">
        <v>18800</v>
      </c>
      <c r="D262">
        <v>2.8</v>
      </c>
      <c r="E262">
        <v>20798.7</v>
      </c>
      <c r="F262">
        <v>11.1516</v>
      </c>
    </row>
    <row r="263" spans="1:6" x14ac:dyDescent="0.25">
      <c r="A263">
        <v>135</v>
      </c>
      <c r="B263">
        <v>178.63</v>
      </c>
      <c r="C263">
        <v>18800</v>
      </c>
      <c r="D263">
        <v>3.1</v>
      </c>
      <c r="E263">
        <v>20589.400000000001</v>
      </c>
      <c r="F263">
        <v>11.178599999999999</v>
      </c>
    </row>
    <row r="264" spans="1:6" x14ac:dyDescent="0.25">
      <c r="A264">
        <v>135</v>
      </c>
      <c r="B264">
        <v>178.63</v>
      </c>
      <c r="C264">
        <v>18800</v>
      </c>
      <c r="D264">
        <v>3.4</v>
      </c>
      <c r="E264">
        <v>20617.900000000001</v>
      </c>
      <c r="F264">
        <v>11.203900000000001</v>
      </c>
    </row>
    <row r="265" spans="1:6" x14ac:dyDescent="0.25">
      <c r="A265">
        <v>135</v>
      </c>
      <c r="B265">
        <v>178.63</v>
      </c>
      <c r="C265">
        <v>18800</v>
      </c>
      <c r="D265">
        <v>3.7</v>
      </c>
      <c r="E265">
        <v>20446.900000000001</v>
      </c>
      <c r="F265">
        <v>11.227499999999999</v>
      </c>
    </row>
    <row r="266" spans="1:6" x14ac:dyDescent="0.25">
      <c r="A266">
        <v>135</v>
      </c>
      <c r="B266">
        <v>178.63</v>
      </c>
      <c r="C266">
        <v>18800</v>
      </c>
      <c r="D266">
        <v>4</v>
      </c>
      <c r="E266">
        <v>20304.400000000001</v>
      </c>
      <c r="F266">
        <v>11.249000000000001</v>
      </c>
    </row>
    <row r="267" spans="1:6" x14ac:dyDescent="0.25">
      <c r="A267">
        <v>135</v>
      </c>
      <c r="B267">
        <v>182.26</v>
      </c>
      <c r="C267">
        <v>1800</v>
      </c>
      <c r="D267">
        <v>1</v>
      </c>
      <c r="E267">
        <v>5758.29</v>
      </c>
      <c r="F267">
        <v>63.430100000000003</v>
      </c>
    </row>
    <row r="268" spans="1:6" x14ac:dyDescent="0.25">
      <c r="A268">
        <v>135</v>
      </c>
      <c r="B268">
        <v>182.26</v>
      </c>
      <c r="C268">
        <v>1800</v>
      </c>
      <c r="D268">
        <v>1.3</v>
      </c>
      <c r="E268">
        <v>5154.26</v>
      </c>
      <c r="F268">
        <v>77.960300000000004</v>
      </c>
    </row>
    <row r="269" spans="1:6" x14ac:dyDescent="0.25">
      <c r="A269">
        <v>135</v>
      </c>
      <c r="B269">
        <v>182.26</v>
      </c>
      <c r="C269">
        <v>1800</v>
      </c>
      <c r="D269">
        <v>1.6</v>
      </c>
      <c r="E269">
        <v>4747.3999999999996</v>
      </c>
      <c r="F269">
        <v>93.061899999999994</v>
      </c>
    </row>
    <row r="270" spans="1:6" x14ac:dyDescent="0.25">
      <c r="A270">
        <v>135</v>
      </c>
      <c r="B270">
        <v>182.26</v>
      </c>
      <c r="C270">
        <v>1800</v>
      </c>
      <c r="D270">
        <v>1.9</v>
      </c>
      <c r="E270">
        <v>4530.43</v>
      </c>
      <c r="F270">
        <v>100.928</v>
      </c>
    </row>
    <row r="271" spans="1:6" x14ac:dyDescent="0.25">
      <c r="A271">
        <v>135</v>
      </c>
      <c r="B271">
        <v>182.26</v>
      </c>
      <c r="C271">
        <v>1800</v>
      </c>
      <c r="D271">
        <v>2.2000000000000002</v>
      </c>
      <c r="E271">
        <v>4344.38</v>
      </c>
      <c r="F271">
        <v>103.873</v>
      </c>
    </row>
    <row r="272" spans="1:6" x14ac:dyDescent="0.25">
      <c r="A272">
        <v>135</v>
      </c>
      <c r="B272">
        <v>182.26</v>
      </c>
      <c r="C272">
        <v>1800</v>
      </c>
      <c r="D272">
        <v>2.5</v>
      </c>
      <c r="E272">
        <v>4248.22</v>
      </c>
      <c r="F272">
        <v>107.247</v>
      </c>
    </row>
    <row r="273" spans="1:6" x14ac:dyDescent="0.25">
      <c r="A273">
        <v>135</v>
      </c>
      <c r="B273">
        <v>182.26</v>
      </c>
      <c r="C273">
        <v>1800</v>
      </c>
      <c r="D273">
        <v>2.8</v>
      </c>
      <c r="E273">
        <v>4105.8900000000003</v>
      </c>
      <c r="F273">
        <v>110.479</v>
      </c>
    </row>
    <row r="274" spans="1:6" x14ac:dyDescent="0.25">
      <c r="A274">
        <v>135</v>
      </c>
      <c r="B274">
        <v>182.26</v>
      </c>
      <c r="C274">
        <v>1800</v>
      </c>
      <c r="D274">
        <v>3.1</v>
      </c>
      <c r="E274">
        <v>4034.25</v>
      </c>
      <c r="F274">
        <v>109.989</v>
      </c>
    </row>
    <row r="275" spans="1:6" x14ac:dyDescent="0.25">
      <c r="A275">
        <v>135</v>
      </c>
      <c r="B275">
        <v>182.26</v>
      </c>
      <c r="C275">
        <v>1800</v>
      </c>
      <c r="D275">
        <v>3.4</v>
      </c>
      <c r="E275">
        <v>3952.03</v>
      </c>
      <c r="F275">
        <v>111.621</v>
      </c>
    </row>
    <row r="276" spans="1:6" x14ac:dyDescent="0.25">
      <c r="A276">
        <v>135</v>
      </c>
      <c r="B276">
        <v>182.26</v>
      </c>
      <c r="C276">
        <v>1800</v>
      </c>
      <c r="D276">
        <v>3.7</v>
      </c>
      <c r="E276">
        <v>3906.76</v>
      </c>
      <c r="F276">
        <v>109.202</v>
      </c>
    </row>
    <row r="277" spans="1:6" x14ac:dyDescent="0.25">
      <c r="A277">
        <v>135</v>
      </c>
      <c r="B277">
        <v>182.26</v>
      </c>
      <c r="C277">
        <v>1800</v>
      </c>
      <c r="D277">
        <v>4</v>
      </c>
      <c r="E277">
        <v>3865.38</v>
      </c>
      <c r="F277">
        <v>109.44199999999999</v>
      </c>
    </row>
    <row r="278" spans="1:6" x14ac:dyDescent="0.25">
      <c r="A278">
        <v>135</v>
      </c>
      <c r="B278">
        <v>182.26</v>
      </c>
      <c r="C278">
        <v>3345.45</v>
      </c>
      <c r="D278">
        <v>1</v>
      </c>
      <c r="E278">
        <v>7031.49</v>
      </c>
      <c r="F278">
        <v>39.825299999999999</v>
      </c>
    </row>
    <row r="279" spans="1:6" x14ac:dyDescent="0.25">
      <c r="A279">
        <v>135</v>
      </c>
      <c r="B279">
        <v>182.26</v>
      </c>
      <c r="C279">
        <v>3345.45</v>
      </c>
      <c r="D279">
        <v>1.3</v>
      </c>
      <c r="E279">
        <v>6460.61</v>
      </c>
      <c r="F279">
        <v>50.488500000000002</v>
      </c>
    </row>
    <row r="280" spans="1:6" x14ac:dyDescent="0.25">
      <c r="A280">
        <v>135</v>
      </c>
      <c r="B280">
        <v>182.26</v>
      </c>
      <c r="C280">
        <v>3345.45</v>
      </c>
      <c r="D280">
        <v>1.6</v>
      </c>
      <c r="E280">
        <v>6141.76</v>
      </c>
      <c r="F280">
        <v>61.4345</v>
      </c>
    </row>
    <row r="281" spans="1:6" x14ac:dyDescent="0.25">
      <c r="A281">
        <v>135</v>
      </c>
      <c r="B281">
        <v>182.26</v>
      </c>
      <c r="C281">
        <v>3345.45</v>
      </c>
      <c r="D281">
        <v>1.9</v>
      </c>
      <c r="E281">
        <v>5900.93</v>
      </c>
      <c r="F281">
        <v>72.421599999999998</v>
      </c>
    </row>
    <row r="282" spans="1:6" x14ac:dyDescent="0.25">
      <c r="A282">
        <v>135</v>
      </c>
      <c r="B282">
        <v>182.26</v>
      </c>
      <c r="C282">
        <v>3345.45</v>
      </c>
      <c r="D282">
        <v>2.2000000000000002</v>
      </c>
      <c r="E282">
        <v>5691.77</v>
      </c>
      <c r="F282">
        <v>80.155000000000001</v>
      </c>
    </row>
    <row r="283" spans="1:6" x14ac:dyDescent="0.25">
      <c r="A283">
        <v>135</v>
      </c>
      <c r="B283">
        <v>182.26</v>
      </c>
      <c r="C283">
        <v>3345.45</v>
      </c>
      <c r="D283">
        <v>2.5</v>
      </c>
      <c r="E283">
        <v>5612.07</v>
      </c>
      <c r="F283">
        <v>80.688400000000001</v>
      </c>
    </row>
    <row r="284" spans="1:6" x14ac:dyDescent="0.25">
      <c r="A284">
        <v>135</v>
      </c>
      <c r="B284">
        <v>182.26</v>
      </c>
      <c r="C284">
        <v>3345.45</v>
      </c>
      <c r="D284">
        <v>2.8</v>
      </c>
      <c r="E284">
        <v>5490.01</v>
      </c>
      <c r="F284">
        <v>87.273399999999995</v>
      </c>
    </row>
    <row r="285" spans="1:6" x14ac:dyDescent="0.25">
      <c r="A285">
        <v>135</v>
      </c>
      <c r="B285">
        <v>182.26</v>
      </c>
      <c r="C285">
        <v>3345.45</v>
      </c>
      <c r="D285">
        <v>3.1</v>
      </c>
      <c r="E285">
        <v>5376.53</v>
      </c>
      <c r="F285">
        <v>90.727199999999996</v>
      </c>
    </row>
    <row r="286" spans="1:6" x14ac:dyDescent="0.25">
      <c r="A286">
        <v>135</v>
      </c>
      <c r="B286">
        <v>182.26</v>
      </c>
      <c r="C286">
        <v>3345.45</v>
      </c>
      <c r="D286">
        <v>3.4</v>
      </c>
      <c r="E286">
        <v>5317.29</v>
      </c>
      <c r="F286">
        <v>93.603300000000004</v>
      </c>
    </row>
    <row r="287" spans="1:6" x14ac:dyDescent="0.25">
      <c r="A287">
        <v>135</v>
      </c>
      <c r="B287">
        <v>182.26</v>
      </c>
      <c r="C287">
        <v>3345.45</v>
      </c>
      <c r="D287">
        <v>3.7</v>
      </c>
      <c r="E287">
        <v>5245.67</v>
      </c>
      <c r="F287">
        <v>95.302700000000002</v>
      </c>
    </row>
    <row r="288" spans="1:6" x14ac:dyDescent="0.25">
      <c r="A288">
        <v>135</v>
      </c>
      <c r="B288">
        <v>182.26</v>
      </c>
      <c r="C288">
        <v>3345.45</v>
      </c>
      <c r="D288">
        <v>4</v>
      </c>
      <c r="E288">
        <v>5187.21</v>
      </c>
      <c r="F288">
        <v>95.240600000000001</v>
      </c>
    </row>
    <row r="289" spans="1:6" x14ac:dyDescent="0.25">
      <c r="A289">
        <v>135</v>
      </c>
      <c r="B289">
        <v>182.26</v>
      </c>
      <c r="C289">
        <v>4890.8999999999996</v>
      </c>
      <c r="D289">
        <v>1</v>
      </c>
      <c r="E289">
        <v>8428.23</v>
      </c>
      <c r="F289">
        <v>22.860700000000001</v>
      </c>
    </row>
    <row r="290" spans="1:6" x14ac:dyDescent="0.25">
      <c r="A290">
        <v>135</v>
      </c>
      <c r="B290">
        <v>182.26</v>
      </c>
      <c r="C290">
        <v>4890.8999999999996</v>
      </c>
      <c r="D290">
        <v>1.3</v>
      </c>
      <c r="E290">
        <v>7915.73</v>
      </c>
      <c r="F290">
        <v>28.7224</v>
      </c>
    </row>
    <row r="291" spans="1:6" x14ac:dyDescent="0.25">
      <c r="A291">
        <v>135</v>
      </c>
      <c r="B291">
        <v>182.26</v>
      </c>
      <c r="C291">
        <v>4890.8999999999996</v>
      </c>
      <c r="D291">
        <v>1.6</v>
      </c>
      <c r="E291">
        <v>7449.17</v>
      </c>
      <c r="F291">
        <v>33.844900000000003</v>
      </c>
    </row>
    <row r="292" spans="1:6" x14ac:dyDescent="0.25">
      <c r="A292">
        <v>135</v>
      </c>
      <c r="B292">
        <v>182.26</v>
      </c>
      <c r="C292">
        <v>4890.8999999999996</v>
      </c>
      <c r="D292">
        <v>1.9</v>
      </c>
      <c r="E292">
        <v>7269.09</v>
      </c>
      <c r="F292">
        <v>42.4666</v>
      </c>
    </row>
    <row r="293" spans="1:6" x14ac:dyDescent="0.25">
      <c r="A293">
        <v>135</v>
      </c>
      <c r="B293">
        <v>182.26</v>
      </c>
      <c r="C293">
        <v>4890.8999999999996</v>
      </c>
      <c r="D293">
        <v>2.2000000000000002</v>
      </c>
      <c r="E293">
        <v>7074.48</v>
      </c>
      <c r="F293">
        <v>46.725299999999997</v>
      </c>
    </row>
    <row r="294" spans="1:6" x14ac:dyDescent="0.25">
      <c r="A294">
        <v>135</v>
      </c>
      <c r="B294">
        <v>182.26</v>
      </c>
      <c r="C294">
        <v>4890.8999999999996</v>
      </c>
      <c r="D294">
        <v>2.5</v>
      </c>
      <c r="E294">
        <v>6942.64</v>
      </c>
      <c r="F294">
        <v>52.265599999999999</v>
      </c>
    </row>
    <row r="295" spans="1:6" x14ac:dyDescent="0.25">
      <c r="A295">
        <v>135</v>
      </c>
      <c r="B295">
        <v>182.26</v>
      </c>
      <c r="C295">
        <v>4890.8999999999996</v>
      </c>
      <c r="D295">
        <v>2.8</v>
      </c>
      <c r="E295">
        <v>6865.28</v>
      </c>
      <c r="F295">
        <v>58.198999999999998</v>
      </c>
    </row>
    <row r="296" spans="1:6" x14ac:dyDescent="0.25">
      <c r="A296">
        <v>135</v>
      </c>
      <c r="B296">
        <v>182.26</v>
      </c>
      <c r="C296">
        <v>4890.8999999999996</v>
      </c>
      <c r="D296">
        <v>3.1</v>
      </c>
      <c r="E296">
        <v>6755.76</v>
      </c>
      <c r="F296">
        <v>59.643999999999998</v>
      </c>
    </row>
    <row r="297" spans="1:6" x14ac:dyDescent="0.25">
      <c r="A297">
        <v>135</v>
      </c>
      <c r="B297">
        <v>182.26</v>
      </c>
      <c r="C297">
        <v>4890.8999999999996</v>
      </c>
      <c r="D297">
        <v>3.4</v>
      </c>
      <c r="E297">
        <v>6652.76</v>
      </c>
      <c r="F297">
        <v>63.496600000000001</v>
      </c>
    </row>
    <row r="298" spans="1:6" x14ac:dyDescent="0.25">
      <c r="A298">
        <v>135</v>
      </c>
      <c r="B298">
        <v>182.26</v>
      </c>
      <c r="C298">
        <v>4890.8999999999996</v>
      </c>
      <c r="D298">
        <v>3.7</v>
      </c>
      <c r="E298">
        <v>6598.74</v>
      </c>
      <c r="F298">
        <v>64.116699999999994</v>
      </c>
    </row>
    <row r="299" spans="1:6" x14ac:dyDescent="0.25">
      <c r="A299">
        <v>135</v>
      </c>
      <c r="B299">
        <v>182.26</v>
      </c>
      <c r="C299">
        <v>4890.8999999999996</v>
      </c>
      <c r="D299">
        <v>4</v>
      </c>
      <c r="E299">
        <v>6578.18</v>
      </c>
      <c r="F299">
        <v>67.304199999999994</v>
      </c>
    </row>
    <row r="300" spans="1:6" x14ac:dyDescent="0.25">
      <c r="A300">
        <v>135</v>
      </c>
      <c r="B300">
        <v>182.26</v>
      </c>
      <c r="C300">
        <v>6436.35</v>
      </c>
      <c r="D300">
        <v>1</v>
      </c>
      <c r="E300">
        <v>10016.9</v>
      </c>
      <c r="F300">
        <v>9.5771800000000002</v>
      </c>
    </row>
    <row r="301" spans="1:6" x14ac:dyDescent="0.25">
      <c r="A301">
        <v>135</v>
      </c>
      <c r="B301">
        <v>182.26</v>
      </c>
      <c r="C301">
        <v>6436.35</v>
      </c>
      <c r="D301">
        <v>1.3</v>
      </c>
      <c r="E301">
        <v>9381.51</v>
      </c>
      <c r="F301">
        <v>11.1136</v>
      </c>
    </row>
    <row r="302" spans="1:6" x14ac:dyDescent="0.25">
      <c r="A302">
        <v>135</v>
      </c>
      <c r="B302">
        <v>182.26</v>
      </c>
      <c r="C302">
        <v>6436.35</v>
      </c>
      <c r="D302">
        <v>1.6</v>
      </c>
      <c r="E302">
        <v>8901.19</v>
      </c>
      <c r="F302">
        <v>14.817399999999999</v>
      </c>
    </row>
    <row r="303" spans="1:6" x14ac:dyDescent="0.25">
      <c r="A303">
        <v>135</v>
      </c>
      <c r="B303">
        <v>182.26</v>
      </c>
      <c r="C303">
        <v>6436.35</v>
      </c>
      <c r="D303">
        <v>1.9</v>
      </c>
      <c r="E303">
        <v>8597.2099999999991</v>
      </c>
      <c r="F303">
        <v>19.784600000000001</v>
      </c>
    </row>
    <row r="304" spans="1:6" x14ac:dyDescent="0.25">
      <c r="A304">
        <v>135</v>
      </c>
      <c r="B304">
        <v>182.26</v>
      </c>
      <c r="C304">
        <v>6436.35</v>
      </c>
      <c r="D304">
        <v>2.2000000000000002</v>
      </c>
      <c r="E304">
        <v>8468.36</v>
      </c>
      <c r="F304">
        <v>23.598400000000002</v>
      </c>
    </row>
    <row r="305" spans="1:6" x14ac:dyDescent="0.25">
      <c r="A305">
        <v>135</v>
      </c>
      <c r="B305">
        <v>182.26</v>
      </c>
      <c r="C305">
        <v>6436.35</v>
      </c>
      <c r="D305">
        <v>2.5</v>
      </c>
      <c r="E305">
        <v>8360.0400000000009</v>
      </c>
      <c r="F305">
        <v>26.395600000000002</v>
      </c>
    </row>
    <row r="306" spans="1:6" x14ac:dyDescent="0.25">
      <c r="A306">
        <v>135</v>
      </c>
      <c r="B306">
        <v>182.26</v>
      </c>
      <c r="C306">
        <v>6436.35</v>
      </c>
      <c r="D306">
        <v>2.8</v>
      </c>
      <c r="E306">
        <v>8208.5</v>
      </c>
      <c r="F306">
        <v>28.884499999999999</v>
      </c>
    </row>
    <row r="307" spans="1:6" x14ac:dyDescent="0.25">
      <c r="A307">
        <v>135</v>
      </c>
      <c r="B307">
        <v>182.26</v>
      </c>
      <c r="C307">
        <v>6436.35</v>
      </c>
      <c r="D307">
        <v>3.1</v>
      </c>
      <c r="E307">
        <v>8246.81</v>
      </c>
      <c r="F307">
        <v>30.6129</v>
      </c>
    </row>
    <row r="308" spans="1:6" x14ac:dyDescent="0.25">
      <c r="A308">
        <v>135</v>
      </c>
      <c r="B308">
        <v>182.26</v>
      </c>
      <c r="C308">
        <v>6436.35</v>
      </c>
      <c r="D308">
        <v>3.4</v>
      </c>
      <c r="E308">
        <v>8155.32</v>
      </c>
      <c r="F308">
        <v>32.581499999999998</v>
      </c>
    </row>
    <row r="309" spans="1:6" x14ac:dyDescent="0.25">
      <c r="A309">
        <v>135</v>
      </c>
      <c r="B309">
        <v>182.26</v>
      </c>
      <c r="C309">
        <v>6436.35</v>
      </c>
      <c r="D309">
        <v>3.7</v>
      </c>
      <c r="E309">
        <v>8106.38</v>
      </c>
      <c r="F309">
        <v>34.695</v>
      </c>
    </row>
    <row r="310" spans="1:6" x14ac:dyDescent="0.25">
      <c r="A310">
        <v>135</v>
      </c>
      <c r="B310">
        <v>182.26</v>
      </c>
      <c r="C310">
        <v>6436.35</v>
      </c>
      <c r="D310">
        <v>4</v>
      </c>
      <c r="E310">
        <v>7987.42</v>
      </c>
      <c r="F310">
        <v>35.787500000000001</v>
      </c>
    </row>
    <row r="311" spans="1:6" x14ac:dyDescent="0.25">
      <c r="A311">
        <v>135</v>
      </c>
      <c r="B311">
        <v>182.26</v>
      </c>
      <c r="C311">
        <v>7981.8</v>
      </c>
      <c r="D311">
        <v>1</v>
      </c>
      <c r="E311">
        <v>11910.7</v>
      </c>
      <c r="F311">
        <v>10.394399999999999</v>
      </c>
    </row>
    <row r="312" spans="1:6" x14ac:dyDescent="0.25">
      <c r="A312">
        <v>135</v>
      </c>
      <c r="B312">
        <v>182.26</v>
      </c>
      <c r="C312">
        <v>7981.8</v>
      </c>
      <c r="D312">
        <v>1.3</v>
      </c>
      <c r="E312">
        <v>11005.6</v>
      </c>
      <c r="F312">
        <v>10.417400000000001</v>
      </c>
    </row>
    <row r="313" spans="1:6" x14ac:dyDescent="0.25">
      <c r="A313">
        <v>135</v>
      </c>
      <c r="B313">
        <v>182.26</v>
      </c>
      <c r="C313">
        <v>7981.8</v>
      </c>
      <c r="D313">
        <v>1.6</v>
      </c>
      <c r="E313">
        <v>10482.700000000001</v>
      </c>
      <c r="F313">
        <v>10.3386</v>
      </c>
    </row>
    <row r="314" spans="1:6" x14ac:dyDescent="0.25">
      <c r="A314">
        <v>135</v>
      </c>
      <c r="B314">
        <v>182.26</v>
      </c>
      <c r="C314">
        <v>7981.8</v>
      </c>
      <c r="D314">
        <v>1.9</v>
      </c>
      <c r="E314">
        <v>10105.5</v>
      </c>
      <c r="F314">
        <v>9.9930800000000009</v>
      </c>
    </row>
    <row r="315" spans="1:6" x14ac:dyDescent="0.25">
      <c r="A315">
        <v>135</v>
      </c>
      <c r="B315">
        <v>182.26</v>
      </c>
      <c r="C315">
        <v>7981.8</v>
      </c>
      <c r="D315">
        <v>2.2000000000000002</v>
      </c>
      <c r="E315">
        <v>9893.83</v>
      </c>
      <c r="F315">
        <v>9.7000499999999992</v>
      </c>
    </row>
    <row r="316" spans="1:6" x14ac:dyDescent="0.25">
      <c r="A316">
        <v>135</v>
      </c>
      <c r="B316">
        <v>182.26</v>
      </c>
      <c r="C316">
        <v>7981.8</v>
      </c>
      <c r="D316">
        <v>2.5</v>
      </c>
      <c r="E316">
        <v>9861.92</v>
      </c>
      <c r="F316">
        <v>9.4641699999999993</v>
      </c>
    </row>
    <row r="317" spans="1:6" x14ac:dyDescent="0.25">
      <c r="A317">
        <v>135</v>
      </c>
      <c r="B317">
        <v>182.26</v>
      </c>
      <c r="C317">
        <v>7981.8</v>
      </c>
      <c r="D317">
        <v>2.8</v>
      </c>
      <c r="E317">
        <v>9686.02</v>
      </c>
      <c r="F317">
        <v>10.2468</v>
      </c>
    </row>
    <row r="318" spans="1:6" x14ac:dyDescent="0.25">
      <c r="A318">
        <v>135</v>
      </c>
      <c r="B318">
        <v>182.26</v>
      </c>
      <c r="C318">
        <v>7981.8</v>
      </c>
      <c r="D318">
        <v>3.1</v>
      </c>
      <c r="E318">
        <v>9537.34</v>
      </c>
      <c r="F318">
        <v>11.1584</v>
      </c>
    </row>
    <row r="319" spans="1:6" x14ac:dyDescent="0.25">
      <c r="A319">
        <v>135</v>
      </c>
      <c r="B319">
        <v>182.26</v>
      </c>
      <c r="C319">
        <v>7981.8</v>
      </c>
      <c r="D319">
        <v>3.4</v>
      </c>
      <c r="E319">
        <v>9409.67</v>
      </c>
      <c r="F319">
        <v>12.039300000000001</v>
      </c>
    </row>
    <row r="320" spans="1:6" x14ac:dyDescent="0.25">
      <c r="A320">
        <v>135</v>
      </c>
      <c r="B320">
        <v>182.26</v>
      </c>
      <c r="C320">
        <v>7981.8</v>
      </c>
      <c r="D320">
        <v>3.7</v>
      </c>
      <c r="E320">
        <v>9487.35</v>
      </c>
      <c r="F320">
        <v>12.9396</v>
      </c>
    </row>
    <row r="321" spans="1:6" x14ac:dyDescent="0.25">
      <c r="A321">
        <v>135</v>
      </c>
      <c r="B321">
        <v>182.26</v>
      </c>
      <c r="C321">
        <v>7981.8</v>
      </c>
      <c r="D321">
        <v>4</v>
      </c>
      <c r="E321">
        <v>9479.92</v>
      </c>
      <c r="F321">
        <v>13.5556</v>
      </c>
    </row>
    <row r="322" spans="1:6" x14ac:dyDescent="0.25">
      <c r="A322">
        <v>135</v>
      </c>
      <c r="B322">
        <v>182.26</v>
      </c>
      <c r="C322">
        <v>9527.25</v>
      </c>
      <c r="D322">
        <v>1</v>
      </c>
      <c r="E322">
        <v>13536</v>
      </c>
      <c r="F322">
        <v>10.9735</v>
      </c>
    </row>
    <row r="323" spans="1:6" x14ac:dyDescent="0.25">
      <c r="A323">
        <v>135</v>
      </c>
      <c r="B323">
        <v>182.26</v>
      </c>
      <c r="C323">
        <v>9527.25</v>
      </c>
      <c r="D323">
        <v>1.3</v>
      </c>
      <c r="E323">
        <v>12709.8</v>
      </c>
      <c r="F323">
        <v>10.639099999999999</v>
      </c>
    </row>
    <row r="324" spans="1:6" x14ac:dyDescent="0.25">
      <c r="A324">
        <v>135</v>
      </c>
      <c r="B324">
        <v>182.26</v>
      </c>
      <c r="C324">
        <v>9527.25</v>
      </c>
      <c r="D324">
        <v>1.6</v>
      </c>
      <c r="E324">
        <v>12517.6</v>
      </c>
      <c r="F324">
        <v>10.4512</v>
      </c>
    </row>
    <row r="325" spans="1:6" x14ac:dyDescent="0.25">
      <c r="A325">
        <v>135</v>
      </c>
      <c r="B325">
        <v>182.26</v>
      </c>
      <c r="C325">
        <v>9527.25</v>
      </c>
      <c r="D325">
        <v>1.9</v>
      </c>
      <c r="E325">
        <v>12095.3</v>
      </c>
      <c r="F325">
        <v>10.456300000000001</v>
      </c>
    </row>
    <row r="326" spans="1:6" x14ac:dyDescent="0.25">
      <c r="A326">
        <v>135</v>
      </c>
      <c r="B326">
        <v>182.26</v>
      </c>
      <c r="C326">
        <v>9527.25</v>
      </c>
      <c r="D326">
        <v>2.2000000000000002</v>
      </c>
      <c r="E326">
        <v>11569.5</v>
      </c>
      <c r="F326">
        <v>10.446899999999999</v>
      </c>
    </row>
    <row r="327" spans="1:6" x14ac:dyDescent="0.25">
      <c r="A327">
        <v>135</v>
      </c>
      <c r="B327">
        <v>182.26</v>
      </c>
      <c r="C327">
        <v>9527.25</v>
      </c>
      <c r="D327">
        <v>2.5</v>
      </c>
      <c r="E327">
        <v>11549.9</v>
      </c>
      <c r="F327">
        <v>10.430400000000001</v>
      </c>
    </row>
    <row r="328" spans="1:6" x14ac:dyDescent="0.25">
      <c r="A328">
        <v>135</v>
      </c>
      <c r="B328">
        <v>182.26</v>
      </c>
      <c r="C328">
        <v>9527.25</v>
      </c>
      <c r="D328">
        <v>2.8</v>
      </c>
      <c r="E328">
        <v>11349.3</v>
      </c>
      <c r="F328">
        <v>10.4077</v>
      </c>
    </row>
    <row r="329" spans="1:6" x14ac:dyDescent="0.25">
      <c r="A329">
        <v>135</v>
      </c>
      <c r="B329">
        <v>182.26</v>
      </c>
      <c r="C329">
        <v>9527.25</v>
      </c>
      <c r="D329">
        <v>3.1</v>
      </c>
      <c r="E329">
        <v>11157.2</v>
      </c>
      <c r="F329">
        <v>10.381</v>
      </c>
    </row>
    <row r="330" spans="1:6" x14ac:dyDescent="0.25">
      <c r="A330">
        <v>135</v>
      </c>
      <c r="B330">
        <v>182.26</v>
      </c>
      <c r="C330">
        <v>9527.25</v>
      </c>
      <c r="D330">
        <v>3.4</v>
      </c>
      <c r="E330">
        <v>11029.6</v>
      </c>
      <c r="F330">
        <v>10.3527</v>
      </c>
    </row>
    <row r="331" spans="1:6" x14ac:dyDescent="0.25">
      <c r="A331">
        <v>135</v>
      </c>
      <c r="B331">
        <v>182.26</v>
      </c>
      <c r="C331">
        <v>9527.25</v>
      </c>
      <c r="D331">
        <v>3.7</v>
      </c>
      <c r="E331">
        <v>10983.1</v>
      </c>
      <c r="F331">
        <v>10.3224</v>
      </c>
    </row>
    <row r="332" spans="1:6" x14ac:dyDescent="0.25">
      <c r="A332">
        <v>135</v>
      </c>
      <c r="B332">
        <v>182.26</v>
      </c>
      <c r="C332">
        <v>9527.25</v>
      </c>
      <c r="D332">
        <v>4</v>
      </c>
      <c r="E332">
        <v>10947.6</v>
      </c>
      <c r="F332">
        <v>10.2911</v>
      </c>
    </row>
    <row r="333" spans="1:6" x14ac:dyDescent="0.25">
      <c r="A333">
        <v>135</v>
      </c>
      <c r="B333">
        <v>182.26</v>
      </c>
      <c r="C333">
        <v>11072.7</v>
      </c>
      <c r="D333">
        <v>1</v>
      </c>
      <c r="E333">
        <v>15218.4</v>
      </c>
      <c r="F333">
        <v>11.0045</v>
      </c>
    </row>
    <row r="334" spans="1:6" x14ac:dyDescent="0.25">
      <c r="A334">
        <v>135</v>
      </c>
      <c r="B334">
        <v>182.26</v>
      </c>
      <c r="C334">
        <v>11072.7</v>
      </c>
      <c r="D334">
        <v>1.3</v>
      </c>
      <c r="E334">
        <v>14298.8</v>
      </c>
      <c r="F334">
        <v>11.046200000000001</v>
      </c>
    </row>
    <row r="335" spans="1:6" x14ac:dyDescent="0.25">
      <c r="A335">
        <v>135</v>
      </c>
      <c r="B335">
        <v>182.26</v>
      </c>
      <c r="C335">
        <v>11072.7</v>
      </c>
      <c r="D335">
        <v>1.6</v>
      </c>
      <c r="E335">
        <v>13735</v>
      </c>
      <c r="F335">
        <v>11.0526</v>
      </c>
    </row>
    <row r="336" spans="1:6" x14ac:dyDescent="0.25">
      <c r="A336">
        <v>135</v>
      </c>
      <c r="B336">
        <v>182.26</v>
      </c>
      <c r="C336">
        <v>11072.7</v>
      </c>
      <c r="D336">
        <v>1.9</v>
      </c>
      <c r="E336">
        <v>13560.9</v>
      </c>
      <c r="F336">
        <v>11.071999999999999</v>
      </c>
    </row>
    <row r="337" spans="1:6" x14ac:dyDescent="0.25">
      <c r="A337">
        <v>135</v>
      </c>
      <c r="B337">
        <v>182.26</v>
      </c>
      <c r="C337">
        <v>11072.7</v>
      </c>
      <c r="D337">
        <v>2.2000000000000002</v>
      </c>
      <c r="E337">
        <v>13310.4</v>
      </c>
      <c r="F337">
        <v>11.097099999999999</v>
      </c>
    </row>
    <row r="338" spans="1:6" x14ac:dyDescent="0.25">
      <c r="A338">
        <v>135</v>
      </c>
      <c r="B338">
        <v>182.26</v>
      </c>
      <c r="C338">
        <v>11072.7</v>
      </c>
      <c r="D338">
        <v>2.5</v>
      </c>
      <c r="E338">
        <v>13089.8</v>
      </c>
      <c r="F338">
        <v>11.124000000000001</v>
      </c>
    </row>
    <row r="339" spans="1:6" x14ac:dyDescent="0.25">
      <c r="A339">
        <v>135</v>
      </c>
      <c r="B339">
        <v>182.26</v>
      </c>
      <c r="C339">
        <v>11072.7</v>
      </c>
      <c r="D339">
        <v>2.8</v>
      </c>
      <c r="E339">
        <v>13066.8</v>
      </c>
      <c r="F339">
        <v>11.1516</v>
      </c>
    </row>
    <row r="340" spans="1:6" x14ac:dyDescent="0.25">
      <c r="A340">
        <v>135</v>
      </c>
      <c r="B340">
        <v>182.26</v>
      </c>
      <c r="C340">
        <v>11072.7</v>
      </c>
      <c r="D340">
        <v>3.1</v>
      </c>
      <c r="E340">
        <v>12818.2</v>
      </c>
      <c r="F340">
        <v>11.178599999999999</v>
      </c>
    </row>
    <row r="341" spans="1:6" x14ac:dyDescent="0.25">
      <c r="A341">
        <v>135</v>
      </c>
      <c r="B341">
        <v>182.26</v>
      </c>
      <c r="C341">
        <v>11072.7</v>
      </c>
      <c r="D341">
        <v>3.4</v>
      </c>
      <c r="E341">
        <v>12721.2</v>
      </c>
      <c r="F341">
        <v>11.203900000000001</v>
      </c>
    </row>
    <row r="342" spans="1:6" x14ac:dyDescent="0.25">
      <c r="A342">
        <v>135</v>
      </c>
      <c r="B342">
        <v>182.26</v>
      </c>
      <c r="C342">
        <v>11072.7</v>
      </c>
      <c r="D342">
        <v>3.7</v>
      </c>
      <c r="E342">
        <v>12622.6</v>
      </c>
      <c r="F342">
        <v>11.227499999999999</v>
      </c>
    </row>
    <row r="343" spans="1:6" x14ac:dyDescent="0.25">
      <c r="A343">
        <v>135</v>
      </c>
      <c r="B343">
        <v>182.26</v>
      </c>
      <c r="C343">
        <v>11072.7</v>
      </c>
      <c r="D343">
        <v>4</v>
      </c>
      <c r="E343">
        <v>12569.8</v>
      </c>
      <c r="F343">
        <v>11.249000000000001</v>
      </c>
    </row>
    <row r="344" spans="1:6" x14ac:dyDescent="0.25">
      <c r="A344">
        <v>135</v>
      </c>
      <c r="B344">
        <v>182.26</v>
      </c>
      <c r="C344">
        <v>12618.2</v>
      </c>
      <c r="D344">
        <v>1</v>
      </c>
      <c r="E344">
        <v>16394.599999999999</v>
      </c>
      <c r="F344">
        <v>11.0045</v>
      </c>
    </row>
    <row r="345" spans="1:6" x14ac:dyDescent="0.25">
      <c r="A345">
        <v>135</v>
      </c>
      <c r="B345">
        <v>182.26</v>
      </c>
      <c r="C345">
        <v>12618.2</v>
      </c>
      <c r="D345">
        <v>1.3</v>
      </c>
      <c r="E345">
        <v>15790.1</v>
      </c>
      <c r="F345">
        <v>11.046200000000001</v>
      </c>
    </row>
    <row r="346" spans="1:6" x14ac:dyDescent="0.25">
      <c r="A346">
        <v>135</v>
      </c>
      <c r="B346">
        <v>182.26</v>
      </c>
      <c r="C346">
        <v>12618.2</v>
      </c>
      <c r="D346">
        <v>1.6</v>
      </c>
      <c r="E346">
        <v>15293.1</v>
      </c>
      <c r="F346">
        <v>11.0526</v>
      </c>
    </row>
    <row r="347" spans="1:6" x14ac:dyDescent="0.25">
      <c r="A347">
        <v>135</v>
      </c>
      <c r="B347">
        <v>182.26</v>
      </c>
      <c r="C347">
        <v>12618.2</v>
      </c>
      <c r="D347">
        <v>1.9</v>
      </c>
      <c r="E347">
        <v>14939</v>
      </c>
      <c r="F347">
        <v>11.071999999999999</v>
      </c>
    </row>
    <row r="348" spans="1:6" x14ac:dyDescent="0.25">
      <c r="A348">
        <v>135</v>
      </c>
      <c r="B348">
        <v>182.26</v>
      </c>
      <c r="C348">
        <v>12618.2</v>
      </c>
      <c r="D348">
        <v>2.2000000000000002</v>
      </c>
      <c r="E348">
        <v>14926.5</v>
      </c>
      <c r="F348">
        <v>11.097099999999999</v>
      </c>
    </row>
    <row r="349" spans="1:6" x14ac:dyDescent="0.25">
      <c r="A349">
        <v>135</v>
      </c>
      <c r="B349">
        <v>182.26</v>
      </c>
      <c r="C349">
        <v>12618.2</v>
      </c>
      <c r="D349">
        <v>2.5</v>
      </c>
      <c r="E349">
        <v>14649.1</v>
      </c>
      <c r="F349">
        <v>11.124000000000001</v>
      </c>
    </row>
    <row r="350" spans="1:6" x14ac:dyDescent="0.25">
      <c r="A350">
        <v>135</v>
      </c>
      <c r="B350">
        <v>182.26</v>
      </c>
      <c r="C350">
        <v>12618.2</v>
      </c>
      <c r="D350">
        <v>2.8</v>
      </c>
      <c r="E350">
        <v>14428.2</v>
      </c>
      <c r="F350">
        <v>11.1516</v>
      </c>
    </row>
    <row r="351" spans="1:6" x14ac:dyDescent="0.25">
      <c r="A351">
        <v>135</v>
      </c>
      <c r="B351">
        <v>182.26</v>
      </c>
      <c r="C351">
        <v>12618.2</v>
      </c>
      <c r="D351">
        <v>3.1</v>
      </c>
      <c r="E351">
        <v>14366.6</v>
      </c>
      <c r="F351">
        <v>11.178599999999999</v>
      </c>
    </row>
    <row r="352" spans="1:6" x14ac:dyDescent="0.25">
      <c r="A352">
        <v>135</v>
      </c>
      <c r="B352">
        <v>182.26</v>
      </c>
      <c r="C352">
        <v>12618.2</v>
      </c>
      <c r="D352">
        <v>3.4</v>
      </c>
      <c r="E352">
        <v>14504.2</v>
      </c>
      <c r="F352">
        <v>11.203900000000001</v>
      </c>
    </row>
    <row r="353" spans="1:6" x14ac:dyDescent="0.25">
      <c r="A353">
        <v>135</v>
      </c>
      <c r="B353">
        <v>182.26</v>
      </c>
      <c r="C353">
        <v>12618.2</v>
      </c>
      <c r="D353">
        <v>3.7</v>
      </c>
      <c r="E353">
        <v>14232.3</v>
      </c>
      <c r="F353">
        <v>11.227499999999999</v>
      </c>
    </row>
    <row r="354" spans="1:6" x14ac:dyDescent="0.25">
      <c r="A354">
        <v>135</v>
      </c>
      <c r="B354">
        <v>182.26</v>
      </c>
      <c r="C354">
        <v>12618.2</v>
      </c>
      <c r="D354">
        <v>4</v>
      </c>
      <c r="E354">
        <v>14065.6</v>
      </c>
      <c r="F354">
        <v>11.249000000000001</v>
      </c>
    </row>
    <row r="355" spans="1:6" x14ac:dyDescent="0.25">
      <c r="A355">
        <v>135</v>
      </c>
      <c r="B355">
        <v>182.26</v>
      </c>
      <c r="C355">
        <v>14163.6</v>
      </c>
      <c r="D355">
        <v>1</v>
      </c>
      <c r="E355">
        <v>18154</v>
      </c>
      <c r="F355">
        <v>11.0045</v>
      </c>
    </row>
    <row r="356" spans="1:6" x14ac:dyDescent="0.25">
      <c r="A356">
        <v>135</v>
      </c>
      <c r="B356">
        <v>182.26</v>
      </c>
      <c r="C356">
        <v>14163.6</v>
      </c>
      <c r="D356">
        <v>1.3</v>
      </c>
      <c r="E356">
        <v>17209.099999999999</v>
      </c>
      <c r="F356">
        <v>11.046200000000001</v>
      </c>
    </row>
    <row r="357" spans="1:6" x14ac:dyDescent="0.25">
      <c r="A357">
        <v>135</v>
      </c>
      <c r="B357">
        <v>182.26</v>
      </c>
      <c r="C357">
        <v>14163.6</v>
      </c>
      <c r="D357">
        <v>1.6</v>
      </c>
      <c r="E357">
        <v>16785.599999999999</v>
      </c>
      <c r="F357">
        <v>11.0526</v>
      </c>
    </row>
    <row r="358" spans="1:6" x14ac:dyDescent="0.25">
      <c r="A358">
        <v>135</v>
      </c>
      <c r="B358">
        <v>182.26</v>
      </c>
      <c r="C358">
        <v>14163.6</v>
      </c>
      <c r="D358">
        <v>1.9</v>
      </c>
      <c r="E358">
        <v>16761.5</v>
      </c>
      <c r="F358">
        <v>11.071999999999999</v>
      </c>
    </row>
    <row r="359" spans="1:6" x14ac:dyDescent="0.25">
      <c r="A359">
        <v>135</v>
      </c>
      <c r="B359">
        <v>182.26</v>
      </c>
      <c r="C359">
        <v>14163.6</v>
      </c>
      <c r="D359">
        <v>2.2000000000000002</v>
      </c>
      <c r="E359">
        <v>16426.099999999999</v>
      </c>
      <c r="F359">
        <v>11.097099999999999</v>
      </c>
    </row>
    <row r="360" spans="1:6" x14ac:dyDescent="0.25">
      <c r="A360">
        <v>135</v>
      </c>
      <c r="B360">
        <v>182.26</v>
      </c>
      <c r="C360">
        <v>14163.6</v>
      </c>
      <c r="D360">
        <v>2.5</v>
      </c>
      <c r="E360">
        <v>16159.4</v>
      </c>
      <c r="F360">
        <v>11.124000000000001</v>
      </c>
    </row>
    <row r="361" spans="1:6" x14ac:dyDescent="0.25">
      <c r="A361">
        <v>135</v>
      </c>
      <c r="B361">
        <v>182.26</v>
      </c>
      <c r="C361">
        <v>14163.6</v>
      </c>
      <c r="D361">
        <v>2.8</v>
      </c>
      <c r="E361">
        <v>15939.6</v>
      </c>
      <c r="F361">
        <v>11.1516</v>
      </c>
    </row>
    <row r="362" spans="1:6" x14ac:dyDescent="0.25">
      <c r="A362">
        <v>135</v>
      </c>
      <c r="B362">
        <v>182.26</v>
      </c>
      <c r="C362">
        <v>14163.6</v>
      </c>
      <c r="D362">
        <v>3.1</v>
      </c>
      <c r="E362">
        <v>16018.9</v>
      </c>
      <c r="F362">
        <v>11.178599999999999</v>
      </c>
    </row>
    <row r="363" spans="1:6" x14ac:dyDescent="0.25">
      <c r="A363">
        <v>135</v>
      </c>
      <c r="B363">
        <v>182.26</v>
      </c>
      <c r="C363">
        <v>14163.6</v>
      </c>
      <c r="D363">
        <v>3.4</v>
      </c>
      <c r="E363">
        <v>15835.7</v>
      </c>
      <c r="F363">
        <v>11.203900000000001</v>
      </c>
    </row>
    <row r="364" spans="1:6" x14ac:dyDescent="0.25">
      <c r="A364">
        <v>135</v>
      </c>
      <c r="B364">
        <v>182.26</v>
      </c>
      <c r="C364">
        <v>14163.6</v>
      </c>
      <c r="D364">
        <v>3.7</v>
      </c>
      <c r="E364">
        <v>15660.7</v>
      </c>
      <c r="F364">
        <v>11.227499999999999</v>
      </c>
    </row>
    <row r="365" spans="1:6" x14ac:dyDescent="0.25">
      <c r="A365">
        <v>135</v>
      </c>
      <c r="B365">
        <v>182.26</v>
      </c>
      <c r="C365">
        <v>14163.6</v>
      </c>
      <c r="D365">
        <v>4</v>
      </c>
      <c r="E365">
        <v>15744.9</v>
      </c>
      <c r="F365">
        <v>11.249000000000001</v>
      </c>
    </row>
    <row r="366" spans="1:6" x14ac:dyDescent="0.25">
      <c r="A366">
        <v>135</v>
      </c>
      <c r="B366">
        <v>182.26</v>
      </c>
      <c r="C366">
        <v>15709.1</v>
      </c>
      <c r="D366">
        <v>1</v>
      </c>
      <c r="E366">
        <v>19766.599999999999</v>
      </c>
      <c r="F366">
        <v>11.0045</v>
      </c>
    </row>
    <row r="367" spans="1:6" x14ac:dyDescent="0.25">
      <c r="A367">
        <v>135</v>
      </c>
      <c r="B367">
        <v>182.26</v>
      </c>
      <c r="C367">
        <v>15709.1</v>
      </c>
      <c r="D367">
        <v>1.3</v>
      </c>
      <c r="E367">
        <v>19009.099999999999</v>
      </c>
      <c r="F367">
        <v>11.046200000000001</v>
      </c>
    </row>
    <row r="368" spans="1:6" x14ac:dyDescent="0.25">
      <c r="A368">
        <v>135</v>
      </c>
      <c r="B368">
        <v>182.26</v>
      </c>
      <c r="C368">
        <v>15709.1</v>
      </c>
      <c r="D368">
        <v>1.6</v>
      </c>
      <c r="E368">
        <v>18306</v>
      </c>
      <c r="F368">
        <v>11.0526</v>
      </c>
    </row>
    <row r="369" spans="1:6" x14ac:dyDescent="0.25">
      <c r="A369">
        <v>135</v>
      </c>
      <c r="B369">
        <v>182.26</v>
      </c>
      <c r="C369">
        <v>15709.1</v>
      </c>
      <c r="D369">
        <v>1.9</v>
      </c>
      <c r="E369">
        <v>18221</v>
      </c>
      <c r="F369">
        <v>11.071999999999999</v>
      </c>
    </row>
    <row r="370" spans="1:6" x14ac:dyDescent="0.25">
      <c r="A370">
        <v>135</v>
      </c>
      <c r="B370">
        <v>182.26</v>
      </c>
      <c r="C370">
        <v>15709.1</v>
      </c>
      <c r="D370">
        <v>2.2000000000000002</v>
      </c>
      <c r="E370">
        <v>17870.400000000001</v>
      </c>
      <c r="F370">
        <v>11.097099999999999</v>
      </c>
    </row>
    <row r="371" spans="1:6" x14ac:dyDescent="0.25">
      <c r="A371">
        <v>135</v>
      </c>
      <c r="B371">
        <v>182.26</v>
      </c>
      <c r="C371">
        <v>15709.1</v>
      </c>
      <c r="D371">
        <v>2.5</v>
      </c>
      <c r="E371">
        <v>17603</v>
      </c>
      <c r="F371">
        <v>11.124000000000001</v>
      </c>
    </row>
    <row r="372" spans="1:6" x14ac:dyDescent="0.25">
      <c r="A372">
        <v>135</v>
      </c>
      <c r="B372">
        <v>182.26</v>
      </c>
      <c r="C372">
        <v>15709.1</v>
      </c>
      <c r="D372">
        <v>2.8</v>
      </c>
      <c r="E372">
        <v>17502.7</v>
      </c>
      <c r="F372">
        <v>11.1516</v>
      </c>
    </row>
    <row r="373" spans="1:6" x14ac:dyDescent="0.25">
      <c r="A373">
        <v>135</v>
      </c>
      <c r="B373">
        <v>182.26</v>
      </c>
      <c r="C373">
        <v>15709.1</v>
      </c>
      <c r="D373">
        <v>3.1</v>
      </c>
      <c r="E373">
        <v>17505.3</v>
      </c>
      <c r="F373">
        <v>11.178599999999999</v>
      </c>
    </row>
    <row r="374" spans="1:6" x14ac:dyDescent="0.25">
      <c r="A374">
        <v>135</v>
      </c>
      <c r="B374">
        <v>182.26</v>
      </c>
      <c r="C374">
        <v>15709.1</v>
      </c>
      <c r="D374">
        <v>3.4</v>
      </c>
      <c r="E374">
        <v>17380.599999999999</v>
      </c>
      <c r="F374">
        <v>11.203900000000001</v>
      </c>
    </row>
    <row r="375" spans="1:6" x14ac:dyDescent="0.25">
      <c r="A375">
        <v>135</v>
      </c>
      <c r="B375">
        <v>182.26</v>
      </c>
      <c r="C375">
        <v>15709.1</v>
      </c>
      <c r="D375">
        <v>3.7</v>
      </c>
      <c r="E375">
        <v>17336.900000000001</v>
      </c>
      <c r="F375">
        <v>11.227499999999999</v>
      </c>
    </row>
    <row r="376" spans="1:6" x14ac:dyDescent="0.25">
      <c r="A376">
        <v>135</v>
      </c>
      <c r="B376">
        <v>182.26</v>
      </c>
      <c r="C376">
        <v>15709.1</v>
      </c>
      <c r="D376">
        <v>4</v>
      </c>
      <c r="E376">
        <v>17212.099999999999</v>
      </c>
      <c r="F376">
        <v>11.249000000000001</v>
      </c>
    </row>
    <row r="377" spans="1:6" x14ac:dyDescent="0.25">
      <c r="A377">
        <v>135</v>
      </c>
      <c r="B377">
        <v>182.26</v>
      </c>
      <c r="C377">
        <v>17254.5</v>
      </c>
      <c r="D377">
        <v>1</v>
      </c>
      <c r="E377">
        <v>21017.7</v>
      </c>
      <c r="F377">
        <v>11.0045</v>
      </c>
    </row>
    <row r="378" spans="1:6" x14ac:dyDescent="0.25">
      <c r="A378">
        <v>135</v>
      </c>
      <c r="B378">
        <v>182.26</v>
      </c>
      <c r="C378">
        <v>17254.5</v>
      </c>
      <c r="D378">
        <v>1.3</v>
      </c>
      <c r="E378">
        <v>20268</v>
      </c>
      <c r="F378">
        <v>11.046200000000001</v>
      </c>
    </row>
    <row r="379" spans="1:6" x14ac:dyDescent="0.25">
      <c r="A379">
        <v>135</v>
      </c>
      <c r="B379">
        <v>182.26</v>
      </c>
      <c r="C379">
        <v>17254.5</v>
      </c>
      <c r="D379">
        <v>1.6</v>
      </c>
      <c r="E379">
        <v>19901.599999999999</v>
      </c>
      <c r="F379">
        <v>11.0526</v>
      </c>
    </row>
    <row r="380" spans="1:6" x14ac:dyDescent="0.25">
      <c r="A380">
        <v>135</v>
      </c>
      <c r="B380">
        <v>182.26</v>
      </c>
      <c r="C380">
        <v>17254.5</v>
      </c>
      <c r="D380">
        <v>1.9</v>
      </c>
      <c r="E380">
        <v>19773.599999999999</v>
      </c>
      <c r="F380">
        <v>11.071999999999999</v>
      </c>
    </row>
    <row r="381" spans="1:6" x14ac:dyDescent="0.25">
      <c r="A381">
        <v>135</v>
      </c>
      <c r="B381">
        <v>182.26</v>
      </c>
      <c r="C381">
        <v>17254.5</v>
      </c>
      <c r="D381">
        <v>2.2000000000000002</v>
      </c>
      <c r="E381">
        <v>19433.3</v>
      </c>
      <c r="F381">
        <v>11.097099999999999</v>
      </c>
    </row>
    <row r="382" spans="1:6" x14ac:dyDescent="0.25">
      <c r="A382">
        <v>135</v>
      </c>
      <c r="B382">
        <v>182.26</v>
      </c>
      <c r="C382">
        <v>17254.5</v>
      </c>
      <c r="D382">
        <v>2.5</v>
      </c>
      <c r="E382">
        <v>19171.3</v>
      </c>
      <c r="F382">
        <v>11.124000000000001</v>
      </c>
    </row>
    <row r="383" spans="1:6" x14ac:dyDescent="0.25">
      <c r="A383">
        <v>135</v>
      </c>
      <c r="B383">
        <v>182.26</v>
      </c>
      <c r="C383">
        <v>17254.5</v>
      </c>
      <c r="D383">
        <v>2.8</v>
      </c>
      <c r="E383">
        <v>19201.599999999999</v>
      </c>
      <c r="F383">
        <v>11.1516</v>
      </c>
    </row>
    <row r="384" spans="1:6" x14ac:dyDescent="0.25">
      <c r="A384">
        <v>135</v>
      </c>
      <c r="B384">
        <v>182.26</v>
      </c>
      <c r="C384">
        <v>17254.5</v>
      </c>
      <c r="D384">
        <v>3.1</v>
      </c>
      <c r="E384">
        <v>18944.2</v>
      </c>
      <c r="F384">
        <v>11.178599999999999</v>
      </c>
    </row>
    <row r="385" spans="1:6" x14ac:dyDescent="0.25">
      <c r="A385">
        <v>135</v>
      </c>
      <c r="B385">
        <v>182.26</v>
      </c>
      <c r="C385">
        <v>17254.5</v>
      </c>
      <c r="D385">
        <v>3.4</v>
      </c>
      <c r="E385">
        <v>18932.8</v>
      </c>
      <c r="F385">
        <v>11.203900000000001</v>
      </c>
    </row>
    <row r="386" spans="1:6" x14ac:dyDescent="0.25">
      <c r="A386">
        <v>135</v>
      </c>
      <c r="B386">
        <v>182.26</v>
      </c>
      <c r="C386">
        <v>17254.5</v>
      </c>
      <c r="D386">
        <v>3.7</v>
      </c>
      <c r="E386">
        <v>18767.8</v>
      </c>
      <c r="F386">
        <v>11.227499999999999</v>
      </c>
    </row>
    <row r="387" spans="1:6" x14ac:dyDescent="0.25">
      <c r="A387">
        <v>135</v>
      </c>
      <c r="B387">
        <v>182.26</v>
      </c>
      <c r="C387">
        <v>17254.5</v>
      </c>
      <c r="D387">
        <v>4</v>
      </c>
      <c r="E387">
        <v>18856.099999999999</v>
      </c>
      <c r="F387">
        <v>11.249000000000001</v>
      </c>
    </row>
    <row r="388" spans="1:6" x14ac:dyDescent="0.25">
      <c r="A388">
        <v>135</v>
      </c>
      <c r="B388">
        <v>182.26</v>
      </c>
      <c r="C388">
        <v>18800</v>
      </c>
      <c r="D388">
        <v>1</v>
      </c>
      <c r="E388">
        <v>22774.5</v>
      </c>
      <c r="F388">
        <v>11.0045</v>
      </c>
    </row>
    <row r="389" spans="1:6" x14ac:dyDescent="0.25">
      <c r="A389">
        <v>135</v>
      </c>
      <c r="B389">
        <v>182.26</v>
      </c>
      <c r="C389">
        <v>18800</v>
      </c>
      <c r="D389">
        <v>1.3</v>
      </c>
      <c r="E389">
        <v>22007.5</v>
      </c>
      <c r="F389">
        <v>11.046200000000001</v>
      </c>
    </row>
    <row r="390" spans="1:6" x14ac:dyDescent="0.25">
      <c r="A390">
        <v>135</v>
      </c>
      <c r="B390">
        <v>182.26</v>
      </c>
      <c r="C390">
        <v>18800</v>
      </c>
      <c r="D390">
        <v>1.6</v>
      </c>
      <c r="E390">
        <v>21741</v>
      </c>
      <c r="F390">
        <v>11.0526</v>
      </c>
    </row>
    <row r="391" spans="1:6" x14ac:dyDescent="0.25">
      <c r="A391">
        <v>135</v>
      </c>
      <c r="B391">
        <v>182.26</v>
      </c>
      <c r="C391">
        <v>18800</v>
      </c>
      <c r="D391">
        <v>1.9</v>
      </c>
      <c r="E391">
        <v>21278.9</v>
      </c>
      <c r="F391">
        <v>11.071999999999999</v>
      </c>
    </row>
    <row r="392" spans="1:6" x14ac:dyDescent="0.25">
      <c r="A392">
        <v>135</v>
      </c>
      <c r="B392">
        <v>182.26</v>
      </c>
      <c r="C392">
        <v>18800</v>
      </c>
      <c r="D392">
        <v>2.2000000000000002</v>
      </c>
      <c r="E392">
        <v>20959.2</v>
      </c>
      <c r="F392">
        <v>11.097099999999999</v>
      </c>
    </row>
    <row r="393" spans="1:6" x14ac:dyDescent="0.25">
      <c r="A393">
        <v>135</v>
      </c>
      <c r="B393">
        <v>182.26</v>
      </c>
      <c r="C393">
        <v>18800</v>
      </c>
      <c r="D393">
        <v>2.5</v>
      </c>
      <c r="E393">
        <v>20690.3</v>
      </c>
      <c r="F393">
        <v>11.124000000000001</v>
      </c>
    </row>
    <row r="394" spans="1:6" x14ac:dyDescent="0.25">
      <c r="A394">
        <v>135</v>
      </c>
      <c r="B394">
        <v>182.26</v>
      </c>
      <c r="C394">
        <v>18800</v>
      </c>
      <c r="D394">
        <v>2.8</v>
      </c>
      <c r="E394">
        <v>20710.8</v>
      </c>
      <c r="F394">
        <v>11.1516</v>
      </c>
    </row>
    <row r="395" spans="1:6" x14ac:dyDescent="0.25">
      <c r="A395">
        <v>135</v>
      </c>
      <c r="B395">
        <v>182.26</v>
      </c>
      <c r="C395">
        <v>18800</v>
      </c>
      <c r="D395">
        <v>3.1</v>
      </c>
      <c r="E395">
        <v>20506.900000000001</v>
      </c>
      <c r="F395">
        <v>11.178599999999999</v>
      </c>
    </row>
    <row r="396" spans="1:6" x14ac:dyDescent="0.25">
      <c r="A396">
        <v>135</v>
      </c>
      <c r="B396">
        <v>182.26</v>
      </c>
      <c r="C396">
        <v>18800</v>
      </c>
      <c r="D396">
        <v>3.4</v>
      </c>
      <c r="E396">
        <v>20579</v>
      </c>
      <c r="F396">
        <v>11.203900000000001</v>
      </c>
    </row>
    <row r="397" spans="1:6" x14ac:dyDescent="0.25">
      <c r="A397">
        <v>135</v>
      </c>
      <c r="B397">
        <v>182.26</v>
      </c>
      <c r="C397">
        <v>18800</v>
      </c>
      <c r="D397">
        <v>3.7</v>
      </c>
      <c r="E397">
        <v>20420.5</v>
      </c>
      <c r="F397">
        <v>11.227499999999999</v>
      </c>
    </row>
    <row r="398" spans="1:6" x14ac:dyDescent="0.25">
      <c r="A398">
        <v>135</v>
      </c>
      <c r="B398">
        <v>182.26</v>
      </c>
      <c r="C398">
        <v>18800</v>
      </c>
      <c r="D398">
        <v>4</v>
      </c>
      <c r="E398">
        <v>20285.7</v>
      </c>
      <c r="F398">
        <v>11.249000000000001</v>
      </c>
    </row>
    <row r="399" spans="1:6" x14ac:dyDescent="0.25">
      <c r="A399">
        <v>135</v>
      </c>
      <c r="B399">
        <v>185.89</v>
      </c>
      <c r="C399">
        <v>1800</v>
      </c>
      <c r="D399">
        <v>1</v>
      </c>
      <c r="E399">
        <v>5758.29</v>
      </c>
      <c r="F399">
        <v>63.430100000000003</v>
      </c>
    </row>
    <row r="400" spans="1:6" x14ac:dyDescent="0.25">
      <c r="A400">
        <v>135</v>
      </c>
      <c r="B400">
        <v>185.89</v>
      </c>
      <c r="C400">
        <v>1800</v>
      </c>
      <c r="D400">
        <v>1.3</v>
      </c>
      <c r="E400">
        <v>5078.34</v>
      </c>
      <c r="F400">
        <v>77.202100000000002</v>
      </c>
    </row>
    <row r="401" spans="1:6" x14ac:dyDescent="0.25">
      <c r="A401">
        <v>135</v>
      </c>
      <c r="B401">
        <v>185.89</v>
      </c>
      <c r="C401">
        <v>1800</v>
      </c>
      <c r="D401">
        <v>1.6</v>
      </c>
      <c r="E401">
        <v>4698.3999999999996</v>
      </c>
      <c r="F401">
        <v>90.643699999999995</v>
      </c>
    </row>
    <row r="402" spans="1:6" x14ac:dyDescent="0.25">
      <c r="A402">
        <v>135</v>
      </c>
      <c r="B402">
        <v>185.89</v>
      </c>
      <c r="C402">
        <v>1800</v>
      </c>
      <c r="D402">
        <v>1.9</v>
      </c>
      <c r="E402">
        <v>4471.46</v>
      </c>
      <c r="F402">
        <v>98.231899999999996</v>
      </c>
    </row>
    <row r="403" spans="1:6" x14ac:dyDescent="0.25">
      <c r="A403">
        <v>135</v>
      </c>
      <c r="B403">
        <v>185.89</v>
      </c>
      <c r="C403">
        <v>1800</v>
      </c>
      <c r="D403">
        <v>2.2000000000000002</v>
      </c>
      <c r="E403">
        <v>4254.8</v>
      </c>
      <c r="F403">
        <v>106.98</v>
      </c>
    </row>
    <row r="404" spans="1:6" x14ac:dyDescent="0.25">
      <c r="A404">
        <v>135</v>
      </c>
      <c r="B404">
        <v>185.89</v>
      </c>
      <c r="C404">
        <v>1800</v>
      </c>
      <c r="D404">
        <v>2.5</v>
      </c>
      <c r="E404">
        <v>4113.91</v>
      </c>
      <c r="F404">
        <v>105.54900000000001</v>
      </c>
    </row>
    <row r="405" spans="1:6" x14ac:dyDescent="0.25">
      <c r="A405">
        <v>135</v>
      </c>
      <c r="B405">
        <v>185.89</v>
      </c>
      <c r="C405">
        <v>1800</v>
      </c>
      <c r="D405">
        <v>2.8</v>
      </c>
      <c r="E405">
        <v>3972.36</v>
      </c>
      <c r="F405">
        <v>111.863</v>
      </c>
    </row>
    <row r="406" spans="1:6" x14ac:dyDescent="0.25">
      <c r="A406">
        <v>135</v>
      </c>
      <c r="B406">
        <v>185.89</v>
      </c>
      <c r="C406">
        <v>1800</v>
      </c>
      <c r="D406">
        <v>3.1</v>
      </c>
      <c r="E406">
        <v>3910.39</v>
      </c>
      <c r="F406">
        <v>110.28</v>
      </c>
    </row>
    <row r="407" spans="1:6" x14ac:dyDescent="0.25">
      <c r="A407">
        <v>135</v>
      </c>
      <c r="B407">
        <v>185.89</v>
      </c>
      <c r="C407">
        <v>1800</v>
      </c>
      <c r="D407">
        <v>3.4</v>
      </c>
      <c r="E407">
        <v>3855.16</v>
      </c>
      <c r="F407">
        <v>112.072</v>
      </c>
    </row>
    <row r="408" spans="1:6" x14ac:dyDescent="0.25">
      <c r="A408">
        <v>135</v>
      </c>
      <c r="B408">
        <v>185.89</v>
      </c>
      <c r="C408">
        <v>1800</v>
      </c>
      <c r="D408">
        <v>3.7</v>
      </c>
      <c r="E408">
        <v>3790.95</v>
      </c>
      <c r="F408">
        <v>115.60299999999999</v>
      </c>
    </row>
    <row r="409" spans="1:6" x14ac:dyDescent="0.25">
      <c r="A409">
        <v>135</v>
      </c>
      <c r="B409">
        <v>185.89</v>
      </c>
      <c r="C409">
        <v>1800</v>
      </c>
      <c r="D409">
        <v>4</v>
      </c>
      <c r="E409">
        <v>3739.84</v>
      </c>
      <c r="F409">
        <v>115.758</v>
      </c>
    </row>
    <row r="410" spans="1:6" x14ac:dyDescent="0.25">
      <c r="A410">
        <v>135</v>
      </c>
      <c r="B410">
        <v>185.89</v>
      </c>
      <c r="C410">
        <v>3345.45</v>
      </c>
      <c r="D410">
        <v>1</v>
      </c>
      <c r="E410">
        <v>7033.95</v>
      </c>
      <c r="F410">
        <v>39.825299999999999</v>
      </c>
    </row>
    <row r="411" spans="1:6" x14ac:dyDescent="0.25">
      <c r="A411">
        <v>135</v>
      </c>
      <c r="B411">
        <v>185.89</v>
      </c>
      <c r="C411">
        <v>3345.45</v>
      </c>
      <c r="D411">
        <v>1.3</v>
      </c>
      <c r="E411">
        <v>6470.29</v>
      </c>
      <c r="F411">
        <v>50.488500000000002</v>
      </c>
    </row>
    <row r="412" spans="1:6" x14ac:dyDescent="0.25">
      <c r="A412">
        <v>135</v>
      </c>
      <c r="B412">
        <v>185.89</v>
      </c>
      <c r="C412">
        <v>3345.45</v>
      </c>
      <c r="D412">
        <v>1.6</v>
      </c>
      <c r="E412">
        <v>6066.58</v>
      </c>
      <c r="F412">
        <v>59.515700000000002</v>
      </c>
    </row>
    <row r="413" spans="1:6" x14ac:dyDescent="0.25">
      <c r="A413">
        <v>135</v>
      </c>
      <c r="B413">
        <v>185.89</v>
      </c>
      <c r="C413">
        <v>3345.45</v>
      </c>
      <c r="D413">
        <v>1.9</v>
      </c>
      <c r="E413">
        <v>5824.47</v>
      </c>
      <c r="F413">
        <v>69.6935</v>
      </c>
    </row>
    <row r="414" spans="1:6" x14ac:dyDescent="0.25">
      <c r="A414">
        <v>135</v>
      </c>
      <c r="B414">
        <v>185.89</v>
      </c>
      <c r="C414">
        <v>3345.45</v>
      </c>
      <c r="D414">
        <v>2.2000000000000002</v>
      </c>
      <c r="E414">
        <v>5629.06</v>
      </c>
      <c r="F414">
        <v>79.366799999999998</v>
      </c>
    </row>
    <row r="415" spans="1:6" x14ac:dyDescent="0.25">
      <c r="A415">
        <v>135</v>
      </c>
      <c r="B415">
        <v>185.89</v>
      </c>
      <c r="C415">
        <v>3345.45</v>
      </c>
      <c r="D415">
        <v>2.5</v>
      </c>
      <c r="E415">
        <v>5472.51</v>
      </c>
      <c r="F415">
        <v>81.394900000000007</v>
      </c>
    </row>
    <row r="416" spans="1:6" x14ac:dyDescent="0.25">
      <c r="A416">
        <v>135</v>
      </c>
      <c r="B416">
        <v>185.89</v>
      </c>
      <c r="C416">
        <v>3345.45</v>
      </c>
      <c r="D416">
        <v>2.8</v>
      </c>
      <c r="E416">
        <v>5387.72</v>
      </c>
      <c r="F416">
        <v>85.98</v>
      </c>
    </row>
    <row r="417" spans="1:6" x14ac:dyDescent="0.25">
      <c r="A417">
        <v>135</v>
      </c>
      <c r="B417">
        <v>185.89</v>
      </c>
      <c r="C417">
        <v>3345.45</v>
      </c>
      <c r="D417">
        <v>3.1</v>
      </c>
      <c r="E417">
        <v>5311.89</v>
      </c>
      <c r="F417">
        <v>89.593000000000004</v>
      </c>
    </row>
    <row r="418" spans="1:6" x14ac:dyDescent="0.25">
      <c r="A418">
        <v>135</v>
      </c>
      <c r="B418">
        <v>185.89</v>
      </c>
      <c r="C418">
        <v>3345.45</v>
      </c>
      <c r="D418">
        <v>3.4</v>
      </c>
      <c r="E418">
        <v>5180.34</v>
      </c>
      <c r="F418">
        <v>92.765100000000004</v>
      </c>
    </row>
    <row r="419" spans="1:6" x14ac:dyDescent="0.25">
      <c r="A419">
        <v>135</v>
      </c>
      <c r="B419">
        <v>185.89</v>
      </c>
      <c r="C419">
        <v>3345.45</v>
      </c>
      <c r="D419">
        <v>3.7</v>
      </c>
      <c r="E419">
        <v>5119.04</v>
      </c>
      <c r="F419">
        <v>96.436499999999995</v>
      </c>
    </row>
    <row r="420" spans="1:6" x14ac:dyDescent="0.25">
      <c r="A420">
        <v>135</v>
      </c>
      <c r="B420">
        <v>185.89</v>
      </c>
      <c r="C420">
        <v>3345.45</v>
      </c>
      <c r="D420">
        <v>4</v>
      </c>
      <c r="E420">
        <v>5095.9799999999996</v>
      </c>
      <c r="F420">
        <v>98.692400000000006</v>
      </c>
    </row>
    <row r="421" spans="1:6" x14ac:dyDescent="0.25">
      <c r="A421">
        <v>135</v>
      </c>
      <c r="B421">
        <v>185.89</v>
      </c>
      <c r="C421">
        <v>4890.8999999999996</v>
      </c>
      <c r="D421">
        <v>1</v>
      </c>
      <c r="E421">
        <v>8428.23</v>
      </c>
      <c r="F421">
        <v>22.860700000000001</v>
      </c>
    </row>
    <row r="422" spans="1:6" x14ac:dyDescent="0.25">
      <c r="A422">
        <v>135</v>
      </c>
      <c r="B422">
        <v>185.89</v>
      </c>
      <c r="C422">
        <v>4890.8999999999996</v>
      </c>
      <c r="D422">
        <v>1.3</v>
      </c>
      <c r="E422">
        <v>7915.73</v>
      </c>
      <c r="F422">
        <v>28.7224</v>
      </c>
    </row>
    <row r="423" spans="1:6" x14ac:dyDescent="0.25">
      <c r="A423">
        <v>135</v>
      </c>
      <c r="B423">
        <v>185.89</v>
      </c>
      <c r="C423">
        <v>4890.8999999999996</v>
      </c>
      <c r="D423">
        <v>1.6</v>
      </c>
      <c r="E423">
        <v>7449.17</v>
      </c>
      <c r="F423">
        <v>32.956200000000003</v>
      </c>
    </row>
    <row r="424" spans="1:6" x14ac:dyDescent="0.25">
      <c r="A424">
        <v>135</v>
      </c>
      <c r="B424">
        <v>185.89</v>
      </c>
      <c r="C424">
        <v>4890.8999999999996</v>
      </c>
      <c r="D424">
        <v>1.9</v>
      </c>
      <c r="E424">
        <v>7269.09</v>
      </c>
      <c r="F424">
        <v>40.160499999999999</v>
      </c>
    </row>
    <row r="425" spans="1:6" x14ac:dyDescent="0.25">
      <c r="A425">
        <v>135</v>
      </c>
      <c r="B425">
        <v>185.89</v>
      </c>
      <c r="C425">
        <v>4890.8999999999996</v>
      </c>
      <c r="D425">
        <v>2.2000000000000002</v>
      </c>
      <c r="E425">
        <v>7060.21</v>
      </c>
      <c r="F425">
        <v>44.537500000000001</v>
      </c>
    </row>
    <row r="426" spans="1:6" x14ac:dyDescent="0.25">
      <c r="A426">
        <v>135</v>
      </c>
      <c r="B426">
        <v>185.89</v>
      </c>
      <c r="C426">
        <v>4890.8999999999996</v>
      </c>
      <c r="D426">
        <v>2.5</v>
      </c>
      <c r="E426">
        <v>6927.8</v>
      </c>
      <c r="F426">
        <v>50.979100000000003</v>
      </c>
    </row>
    <row r="427" spans="1:6" x14ac:dyDescent="0.25">
      <c r="A427">
        <v>135</v>
      </c>
      <c r="B427">
        <v>185.89</v>
      </c>
      <c r="C427">
        <v>4890.8999999999996</v>
      </c>
      <c r="D427">
        <v>2.8</v>
      </c>
      <c r="E427">
        <v>6767.38</v>
      </c>
      <c r="F427">
        <v>57.307099999999998</v>
      </c>
    </row>
    <row r="428" spans="1:6" x14ac:dyDescent="0.25">
      <c r="A428">
        <v>135</v>
      </c>
      <c r="B428">
        <v>185.89</v>
      </c>
      <c r="C428">
        <v>4890.8999999999996</v>
      </c>
      <c r="D428">
        <v>3.1</v>
      </c>
      <c r="E428">
        <v>6662.75</v>
      </c>
      <c r="F428">
        <v>59.665999999999997</v>
      </c>
    </row>
    <row r="429" spans="1:6" x14ac:dyDescent="0.25">
      <c r="A429">
        <v>135</v>
      </c>
      <c r="B429">
        <v>185.89</v>
      </c>
      <c r="C429">
        <v>4890.8999999999996</v>
      </c>
      <c r="D429">
        <v>3.4</v>
      </c>
      <c r="E429">
        <v>6590.55</v>
      </c>
      <c r="F429">
        <v>63.944299999999998</v>
      </c>
    </row>
    <row r="430" spans="1:6" x14ac:dyDescent="0.25">
      <c r="A430">
        <v>135</v>
      </c>
      <c r="B430">
        <v>185.89</v>
      </c>
      <c r="C430">
        <v>4890.8999999999996</v>
      </c>
      <c r="D430">
        <v>3.7</v>
      </c>
      <c r="E430">
        <v>6508.61</v>
      </c>
      <c r="F430">
        <v>67.197100000000006</v>
      </c>
    </row>
    <row r="431" spans="1:6" x14ac:dyDescent="0.25">
      <c r="A431">
        <v>135</v>
      </c>
      <c r="B431">
        <v>185.89</v>
      </c>
      <c r="C431">
        <v>4890.8999999999996</v>
      </c>
      <c r="D431">
        <v>4</v>
      </c>
      <c r="E431">
        <v>6516.12</v>
      </c>
      <c r="F431">
        <v>68.478399999999993</v>
      </c>
    </row>
    <row r="432" spans="1:6" x14ac:dyDescent="0.25">
      <c r="A432">
        <v>135</v>
      </c>
      <c r="B432">
        <v>185.89</v>
      </c>
      <c r="C432">
        <v>6436.35</v>
      </c>
      <c r="D432">
        <v>1</v>
      </c>
      <c r="E432">
        <v>10016.9</v>
      </c>
      <c r="F432">
        <v>9.5771800000000002</v>
      </c>
    </row>
    <row r="433" spans="1:6" x14ac:dyDescent="0.25">
      <c r="A433">
        <v>135</v>
      </c>
      <c r="B433">
        <v>185.89</v>
      </c>
      <c r="C433">
        <v>6436.35</v>
      </c>
      <c r="D433">
        <v>1.3</v>
      </c>
      <c r="E433">
        <v>9381.51</v>
      </c>
      <c r="F433">
        <v>11.1136</v>
      </c>
    </row>
    <row r="434" spans="1:6" x14ac:dyDescent="0.25">
      <c r="A434">
        <v>135</v>
      </c>
      <c r="B434">
        <v>185.89</v>
      </c>
      <c r="C434">
        <v>6436.35</v>
      </c>
      <c r="D434">
        <v>1.6</v>
      </c>
      <c r="E434">
        <v>8901.19</v>
      </c>
      <c r="F434">
        <v>13.2204</v>
      </c>
    </row>
    <row r="435" spans="1:6" x14ac:dyDescent="0.25">
      <c r="A435">
        <v>135</v>
      </c>
      <c r="B435">
        <v>185.89</v>
      </c>
      <c r="C435">
        <v>6436.35</v>
      </c>
      <c r="D435">
        <v>1.9</v>
      </c>
      <c r="E435">
        <v>8830.83</v>
      </c>
      <c r="F435">
        <v>18.4451</v>
      </c>
    </row>
    <row r="436" spans="1:6" x14ac:dyDescent="0.25">
      <c r="A436">
        <v>135</v>
      </c>
      <c r="B436">
        <v>185.89</v>
      </c>
      <c r="C436">
        <v>6436.35</v>
      </c>
      <c r="D436">
        <v>2.2000000000000002</v>
      </c>
      <c r="E436">
        <v>8587.2800000000007</v>
      </c>
      <c r="F436">
        <v>22.744299999999999</v>
      </c>
    </row>
    <row r="437" spans="1:6" x14ac:dyDescent="0.25">
      <c r="A437">
        <v>135</v>
      </c>
      <c r="B437">
        <v>185.89</v>
      </c>
      <c r="C437">
        <v>6436.35</v>
      </c>
      <c r="D437">
        <v>2.5</v>
      </c>
      <c r="E437">
        <v>8337.44</v>
      </c>
      <c r="F437">
        <v>24.136099999999999</v>
      </c>
    </row>
    <row r="438" spans="1:6" x14ac:dyDescent="0.25">
      <c r="A438">
        <v>135</v>
      </c>
      <c r="B438">
        <v>185.89</v>
      </c>
      <c r="C438">
        <v>6436.35</v>
      </c>
      <c r="D438">
        <v>2.8</v>
      </c>
      <c r="E438">
        <v>8208.5</v>
      </c>
      <c r="F438">
        <v>27.825199999999999</v>
      </c>
    </row>
    <row r="439" spans="1:6" x14ac:dyDescent="0.25">
      <c r="A439">
        <v>135</v>
      </c>
      <c r="B439">
        <v>185.89</v>
      </c>
      <c r="C439">
        <v>6436.35</v>
      </c>
      <c r="D439">
        <v>3.1</v>
      </c>
      <c r="E439">
        <v>8181.57</v>
      </c>
      <c r="F439">
        <v>29.358799999999999</v>
      </c>
    </row>
    <row r="440" spans="1:6" x14ac:dyDescent="0.25">
      <c r="A440">
        <v>135</v>
      </c>
      <c r="B440">
        <v>185.89</v>
      </c>
      <c r="C440">
        <v>6436.35</v>
      </c>
      <c r="D440">
        <v>3.4</v>
      </c>
      <c r="E440">
        <v>8074.14</v>
      </c>
      <c r="F440">
        <v>31.5306</v>
      </c>
    </row>
    <row r="441" spans="1:6" x14ac:dyDescent="0.25">
      <c r="A441">
        <v>135</v>
      </c>
      <c r="B441">
        <v>185.89</v>
      </c>
      <c r="C441">
        <v>6436.35</v>
      </c>
      <c r="D441">
        <v>3.7</v>
      </c>
      <c r="E441">
        <v>7922.06</v>
      </c>
      <c r="F441">
        <v>34.376399999999997</v>
      </c>
    </row>
    <row r="442" spans="1:6" x14ac:dyDescent="0.25">
      <c r="A442">
        <v>135</v>
      </c>
      <c r="B442">
        <v>185.89</v>
      </c>
      <c r="C442">
        <v>6436.35</v>
      </c>
      <c r="D442">
        <v>4</v>
      </c>
      <c r="E442">
        <v>7953.51</v>
      </c>
      <c r="F442">
        <v>36.265000000000001</v>
      </c>
    </row>
    <row r="443" spans="1:6" x14ac:dyDescent="0.25">
      <c r="A443">
        <v>135</v>
      </c>
      <c r="B443">
        <v>185.89</v>
      </c>
      <c r="C443">
        <v>7981.8</v>
      </c>
      <c r="D443">
        <v>1</v>
      </c>
      <c r="E443">
        <v>11734.1</v>
      </c>
      <c r="F443">
        <v>10.394399999999999</v>
      </c>
    </row>
    <row r="444" spans="1:6" x14ac:dyDescent="0.25">
      <c r="A444">
        <v>135</v>
      </c>
      <c r="B444">
        <v>185.89</v>
      </c>
      <c r="C444">
        <v>7981.8</v>
      </c>
      <c r="D444">
        <v>1.3</v>
      </c>
      <c r="E444">
        <v>10862.1</v>
      </c>
      <c r="F444">
        <v>10.417400000000001</v>
      </c>
    </row>
    <row r="445" spans="1:6" x14ac:dyDescent="0.25">
      <c r="A445">
        <v>135</v>
      </c>
      <c r="B445">
        <v>185.89</v>
      </c>
      <c r="C445">
        <v>7981.8</v>
      </c>
      <c r="D445">
        <v>1.6</v>
      </c>
      <c r="E445">
        <v>10369.4</v>
      </c>
      <c r="F445">
        <v>10.3386</v>
      </c>
    </row>
    <row r="446" spans="1:6" x14ac:dyDescent="0.25">
      <c r="A446">
        <v>135</v>
      </c>
      <c r="B446">
        <v>185.89</v>
      </c>
      <c r="C446">
        <v>7981.8</v>
      </c>
      <c r="D446">
        <v>1.9</v>
      </c>
      <c r="E446">
        <v>10047.200000000001</v>
      </c>
      <c r="F446">
        <v>9.9930800000000009</v>
      </c>
    </row>
    <row r="447" spans="1:6" x14ac:dyDescent="0.25">
      <c r="A447">
        <v>135</v>
      </c>
      <c r="B447">
        <v>185.89</v>
      </c>
      <c r="C447">
        <v>7981.8</v>
      </c>
      <c r="D447">
        <v>2.2000000000000002</v>
      </c>
      <c r="E447">
        <v>9878.25</v>
      </c>
      <c r="F447">
        <v>9.7000499999999992</v>
      </c>
    </row>
    <row r="448" spans="1:6" x14ac:dyDescent="0.25">
      <c r="A448">
        <v>135</v>
      </c>
      <c r="B448">
        <v>185.89</v>
      </c>
      <c r="C448">
        <v>7981.8</v>
      </c>
      <c r="D448">
        <v>2.5</v>
      </c>
      <c r="E448">
        <v>9803.56</v>
      </c>
      <c r="F448">
        <v>9.4641699999999993</v>
      </c>
    </row>
    <row r="449" spans="1:6" x14ac:dyDescent="0.25">
      <c r="A449">
        <v>135</v>
      </c>
      <c r="B449">
        <v>185.89</v>
      </c>
      <c r="C449">
        <v>7981.8</v>
      </c>
      <c r="D449">
        <v>2.8</v>
      </c>
      <c r="E449">
        <v>9633</v>
      </c>
      <c r="F449">
        <v>9.7444199999999999</v>
      </c>
    </row>
    <row r="450" spans="1:6" x14ac:dyDescent="0.25">
      <c r="A450">
        <v>135</v>
      </c>
      <c r="B450">
        <v>185.89</v>
      </c>
      <c r="C450">
        <v>7981.8</v>
      </c>
      <c r="D450">
        <v>3.1</v>
      </c>
      <c r="E450">
        <v>9491.6200000000008</v>
      </c>
      <c r="F450">
        <v>11.0985</v>
      </c>
    </row>
    <row r="451" spans="1:6" x14ac:dyDescent="0.25">
      <c r="A451">
        <v>135</v>
      </c>
      <c r="B451">
        <v>185.89</v>
      </c>
      <c r="C451">
        <v>7981.8</v>
      </c>
      <c r="D451">
        <v>3.4</v>
      </c>
      <c r="E451">
        <v>9537.6</v>
      </c>
      <c r="F451">
        <v>12.2499</v>
      </c>
    </row>
    <row r="452" spans="1:6" x14ac:dyDescent="0.25">
      <c r="A452">
        <v>135</v>
      </c>
      <c r="B452">
        <v>185.89</v>
      </c>
      <c r="C452">
        <v>7981.8</v>
      </c>
      <c r="D452">
        <v>3.7</v>
      </c>
      <c r="E452">
        <v>9419.18</v>
      </c>
      <c r="F452">
        <v>13.0932</v>
      </c>
    </row>
    <row r="453" spans="1:6" x14ac:dyDescent="0.25">
      <c r="A453">
        <v>135</v>
      </c>
      <c r="B453">
        <v>185.89</v>
      </c>
      <c r="C453">
        <v>7981.8</v>
      </c>
      <c r="D453">
        <v>4</v>
      </c>
      <c r="E453">
        <v>9312.44</v>
      </c>
      <c r="F453">
        <v>13.7056</v>
      </c>
    </row>
    <row r="454" spans="1:6" x14ac:dyDescent="0.25">
      <c r="A454">
        <v>135</v>
      </c>
      <c r="B454">
        <v>185.89</v>
      </c>
      <c r="C454">
        <v>9527.25</v>
      </c>
      <c r="D454">
        <v>1</v>
      </c>
      <c r="E454">
        <v>13337.8</v>
      </c>
      <c r="F454">
        <v>10.9735</v>
      </c>
    </row>
    <row r="455" spans="1:6" x14ac:dyDescent="0.25">
      <c r="A455">
        <v>135</v>
      </c>
      <c r="B455">
        <v>185.89</v>
      </c>
      <c r="C455">
        <v>9527.25</v>
      </c>
      <c r="D455">
        <v>1.3</v>
      </c>
      <c r="E455">
        <v>12730.8</v>
      </c>
      <c r="F455">
        <v>10.639099999999999</v>
      </c>
    </row>
    <row r="456" spans="1:6" x14ac:dyDescent="0.25">
      <c r="A456">
        <v>135</v>
      </c>
      <c r="B456">
        <v>185.89</v>
      </c>
      <c r="C456">
        <v>9527.25</v>
      </c>
      <c r="D456">
        <v>1.6</v>
      </c>
      <c r="E456">
        <v>12166.7</v>
      </c>
      <c r="F456">
        <v>10.4512</v>
      </c>
    </row>
    <row r="457" spans="1:6" x14ac:dyDescent="0.25">
      <c r="A457">
        <v>135</v>
      </c>
      <c r="B457">
        <v>185.89</v>
      </c>
      <c r="C457">
        <v>9527.25</v>
      </c>
      <c r="D457">
        <v>1.9</v>
      </c>
      <c r="E457">
        <v>11901.9</v>
      </c>
      <c r="F457">
        <v>10.456300000000001</v>
      </c>
    </row>
    <row r="458" spans="1:6" x14ac:dyDescent="0.25">
      <c r="A458">
        <v>135</v>
      </c>
      <c r="B458">
        <v>185.89</v>
      </c>
      <c r="C458">
        <v>9527.25</v>
      </c>
      <c r="D458">
        <v>2.2000000000000002</v>
      </c>
      <c r="E458">
        <v>11583.9</v>
      </c>
      <c r="F458">
        <v>10.446899999999999</v>
      </c>
    </row>
    <row r="459" spans="1:6" x14ac:dyDescent="0.25">
      <c r="A459">
        <v>135</v>
      </c>
      <c r="B459">
        <v>185.89</v>
      </c>
      <c r="C459">
        <v>9527.25</v>
      </c>
      <c r="D459">
        <v>2.5</v>
      </c>
      <c r="E459">
        <v>11502</v>
      </c>
      <c r="F459">
        <v>10.430400000000001</v>
      </c>
    </row>
    <row r="460" spans="1:6" x14ac:dyDescent="0.25">
      <c r="A460">
        <v>135</v>
      </c>
      <c r="B460">
        <v>185.89</v>
      </c>
      <c r="C460">
        <v>9527.25</v>
      </c>
      <c r="D460">
        <v>2.8</v>
      </c>
      <c r="E460">
        <v>11311.3</v>
      </c>
      <c r="F460">
        <v>10.4077</v>
      </c>
    </row>
    <row r="461" spans="1:6" x14ac:dyDescent="0.25">
      <c r="A461">
        <v>135</v>
      </c>
      <c r="B461">
        <v>185.89</v>
      </c>
      <c r="C461">
        <v>9527.25</v>
      </c>
      <c r="D461">
        <v>3.1</v>
      </c>
      <c r="E461">
        <v>11139.5</v>
      </c>
      <c r="F461">
        <v>10.381</v>
      </c>
    </row>
    <row r="462" spans="1:6" x14ac:dyDescent="0.25">
      <c r="A462">
        <v>135</v>
      </c>
      <c r="B462">
        <v>185.89</v>
      </c>
      <c r="C462">
        <v>9527.25</v>
      </c>
      <c r="D462">
        <v>3.4</v>
      </c>
      <c r="E462">
        <v>11186.5</v>
      </c>
      <c r="F462">
        <v>10.3527</v>
      </c>
    </row>
    <row r="463" spans="1:6" x14ac:dyDescent="0.25">
      <c r="A463">
        <v>135</v>
      </c>
      <c r="B463">
        <v>185.89</v>
      </c>
      <c r="C463">
        <v>9527.25</v>
      </c>
      <c r="D463">
        <v>3.7</v>
      </c>
      <c r="E463">
        <v>10983.1</v>
      </c>
      <c r="F463">
        <v>10.3224</v>
      </c>
    </row>
    <row r="464" spans="1:6" x14ac:dyDescent="0.25">
      <c r="A464">
        <v>135</v>
      </c>
      <c r="B464">
        <v>185.89</v>
      </c>
      <c r="C464">
        <v>9527.25</v>
      </c>
      <c r="D464">
        <v>4</v>
      </c>
      <c r="E464">
        <v>10929.8</v>
      </c>
      <c r="F464">
        <v>10.2911</v>
      </c>
    </row>
    <row r="465" spans="1:6" x14ac:dyDescent="0.25">
      <c r="A465">
        <v>135</v>
      </c>
      <c r="B465">
        <v>185.89</v>
      </c>
      <c r="C465">
        <v>11072.7</v>
      </c>
      <c r="D465">
        <v>1</v>
      </c>
      <c r="E465">
        <v>14914.8</v>
      </c>
      <c r="F465">
        <v>11.0045</v>
      </c>
    </row>
    <row r="466" spans="1:6" x14ac:dyDescent="0.25">
      <c r="A466">
        <v>135</v>
      </c>
      <c r="B466">
        <v>185.89</v>
      </c>
      <c r="C466">
        <v>11072.7</v>
      </c>
      <c r="D466">
        <v>1.3</v>
      </c>
      <c r="E466">
        <v>14109.3</v>
      </c>
      <c r="F466">
        <v>11.046200000000001</v>
      </c>
    </row>
    <row r="467" spans="1:6" x14ac:dyDescent="0.25">
      <c r="A467">
        <v>135</v>
      </c>
      <c r="B467">
        <v>185.89</v>
      </c>
      <c r="C467">
        <v>11072.7</v>
      </c>
      <c r="D467">
        <v>1.6</v>
      </c>
      <c r="E467">
        <v>13735</v>
      </c>
      <c r="F467">
        <v>11.0526</v>
      </c>
    </row>
    <row r="468" spans="1:6" x14ac:dyDescent="0.25">
      <c r="A468">
        <v>135</v>
      </c>
      <c r="B468">
        <v>185.89</v>
      </c>
      <c r="C468">
        <v>11072.7</v>
      </c>
      <c r="D468">
        <v>1.9</v>
      </c>
      <c r="E468">
        <v>13560.9</v>
      </c>
      <c r="F468">
        <v>11.071999999999999</v>
      </c>
    </row>
    <row r="469" spans="1:6" x14ac:dyDescent="0.25">
      <c r="A469">
        <v>135</v>
      </c>
      <c r="B469">
        <v>185.89</v>
      </c>
      <c r="C469">
        <v>11072.7</v>
      </c>
      <c r="D469">
        <v>2.2000000000000002</v>
      </c>
      <c r="E469">
        <v>13310.4</v>
      </c>
      <c r="F469">
        <v>11.097099999999999</v>
      </c>
    </row>
    <row r="470" spans="1:6" x14ac:dyDescent="0.25">
      <c r="A470">
        <v>135</v>
      </c>
      <c r="B470">
        <v>185.89</v>
      </c>
      <c r="C470">
        <v>11072.7</v>
      </c>
      <c r="D470">
        <v>2.5</v>
      </c>
      <c r="E470">
        <v>13089.8</v>
      </c>
      <c r="F470">
        <v>11.124000000000001</v>
      </c>
    </row>
    <row r="471" spans="1:6" x14ac:dyDescent="0.25">
      <c r="A471">
        <v>135</v>
      </c>
      <c r="B471">
        <v>185.89</v>
      </c>
      <c r="C471">
        <v>11072.7</v>
      </c>
      <c r="D471">
        <v>2.8</v>
      </c>
      <c r="E471">
        <v>12810.8</v>
      </c>
      <c r="F471">
        <v>11.1516</v>
      </c>
    </row>
    <row r="472" spans="1:6" x14ac:dyDescent="0.25">
      <c r="A472">
        <v>135</v>
      </c>
      <c r="B472">
        <v>185.89</v>
      </c>
      <c r="C472">
        <v>11072.7</v>
      </c>
      <c r="D472">
        <v>3.1</v>
      </c>
      <c r="E472">
        <v>12818.2</v>
      </c>
      <c r="F472">
        <v>11.178599999999999</v>
      </c>
    </row>
    <row r="473" spans="1:6" x14ac:dyDescent="0.25">
      <c r="A473">
        <v>135</v>
      </c>
      <c r="B473">
        <v>185.89</v>
      </c>
      <c r="C473">
        <v>11072.7</v>
      </c>
      <c r="D473">
        <v>3.4</v>
      </c>
      <c r="E473">
        <v>12721.2</v>
      </c>
      <c r="F473">
        <v>11.203900000000001</v>
      </c>
    </row>
    <row r="474" spans="1:6" x14ac:dyDescent="0.25">
      <c r="A474">
        <v>135</v>
      </c>
      <c r="B474">
        <v>185.89</v>
      </c>
      <c r="C474">
        <v>11072.7</v>
      </c>
      <c r="D474">
        <v>3.7</v>
      </c>
      <c r="E474">
        <v>12622.6</v>
      </c>
      <c r="F474">
        <v>11.227499999999999</v>
      </c>
    </row>
    <row r="475" spans="1:6" x14ac:dyDescent="0.25">
      <c r="A475">
        <v>135</v>
      </c>
      <c r="B475">
        <v>185.89</v>
      </c>
      <c r="C475">
        <v>11072.7</v>
      </c>
      <c r="D475">
        <v>4</v>
      </c>
      <c r="E475">
        <v>12569.8</v>
      </c>
      <c r="F475">
        <v>11.249000000000001</v>
      </c>
    </row>
    <row r="476" spans="1:6" x14ac:dyDescent="0.25">
      <c r="A476">
        <v>135</v>
      </c>
      <c r="B476">
        <v>185.89</v>
      </c>
      <c r="C476">
        <v>12618.2</v>
      </c>
      <c r="D476">
        <v>1</v>
      </c>
      <c r="E476">
        <v>16610</v>
      </c>
      <c r="F476">
        <v>11.0045</v>
      </c>
    </row>
    <row r="477" spans="1:6" x14ac:dyDescent="0.25">
      <c r="A477">
        <v>135</v>
      </c>
      <c r="B477">
        <v>185.89</v>
      </c>
      <c r="C477">
        <v>12618.2</v>
      </c>
      <c r="D477">
        <v>1.3</v>
      </c>
      <c r="E477">
        <v>15802.5</v>
      </c>
      <c r="F477">
        <v>11.046200000000001</v>
      </c>
    </row>
    <row r="478" spans="1:6" x14ac:dyDescent="0.25">
      <c r="A478">
        <v>135</v>
      </c>
      <c r="B478">
        <v>185.89</v>
      </c>
      <c r="C478">
        <v>12618.2</v>
      </c>
      <c r="D478">
        <v>1.6</v>
      </c>
      <c r="E478">
        <v>15293.1</v>
      </c>
      <c r="F478">
        <v>11.0526</v>
      </c>
    </row>
    <row r="479" spans="1:6" x14ac:dyDescent="0.25">
      <c r="A479">
        <v>135</v>
      </c>
      <c r="B479">
        <v>185.89</v>
      </c>
      <c r="C479">
        <v>12618.2</v>
      </c>
      <c r="D479">
        <v>1.9</v>
      </c>
      <c r="E479">
        <v>14951.4</v>
      </c>
      <c r="F479">
        <v>11.071999999999999</v>
      </c>
    </row>
    <row r="480" spans="1:6" x14ac:dyDescent="0.25">
      <c r="A480">
        <v>135</v>
      </c>
      <c r="B480">
        <v>185.89</v>
      </c>
      <c r="C480">
        <v>12618.2</v>
      </c>
      <c r="D480">
        <v>2.2000000000000002</v>
      </c>
      <c r="E480">
        <v>14672.4</v>
      </c>
      <c r="F480">
        <v>11.097099999999999</v>
      </c>
    </row>
    <row r="481" spans="1:6" x14ac:dyDescent="0.25">
      <c r="A481">
        <v>135</v>
      </c>
      <c r="B481">
        <v>185.89</v>
      </c>
      <c r="C481">
        <v>12618.2</v>
      </c>
      <c r="D481">
        <v>2.5</v>
      </c>
      <c r="E481">
        <v>14718.6</v>
      </c>
      <c r="F481">
        <v>11.124000000000001</v>
      </c>
    </row>
    <row r="482" spans="1:6" x14ac:dyDescent="0.25">
      <c r="A482">
        <v>135</v>
      </c>
      <c r="B482">
        <v>185.89</v>
      </c>
      <c r="C482">
        <v>12618.2</v>
      </c>
      <c r="D482">
        <v>2.8</v>
      </c>
      <c r="E482">
        <v>14433.9</v>
      </c>
      <c r="F482">
        <v>11.1516</v>
      </c>
    </row>
    <row r="483" spans="1:6" x14ac:dyDescent="0.25">
      <c r="A483">
        <v>135</v>
      </c>
      <c r="B483">
        <v>185.89</v>
      </c>
      <c r="C483">
        <v>12618.2</v>
      </c>
      <c r="D483">
        <v>3.1</v>
      </c>
      <c r="E483">
        <v>14256.1</v>
      </c>
      <c r="F483">
        <v>11.178599999999999</v>
      </c>
    </row>
    <row r="484" spans="1:6" x14ac:dyDescent="0.25">
      <c r="A484">
        <v>135</v>
      </c>
      <c r="B484">
        <v>185.89</v>
      </c>
      <c r="C484">
        <v>12618.2</v>
      </c>
      <c r="D484">
        <v>3.4</v>
      </c>
      <c r="E484">
        <v>14176.8</v>
      </c>
      <c r="F484">
        <v>11.203900000000001</v>
      </c>
    </row>
    <row r="485" spans="1:6" x14ac:dyDescent="0.25">
      <c r="A485">
        <v>135</v>
      </c>
      <c r="B485">
        <v>185.89</v>
      </c>
      <c r="C485">
        <v>12618.2</v>
      </c>
      <c r="D485">
        <v>3.7</v>
      </c>
      <c r="E485">
        <v>14264.5</v>
      </c>
      <c r="F485">
        <v>11.227499999999999</v>
      </c>
    </row>
    <row r="486" spans="1:6" x14ac:dyDescent="0.25">
      <c r="A486">
        <v>135</v>
      </c>
      <c r="B486">
        <v>185.89</v>
      </c>
      <c r="C486">
        <v>12618.2</v>
      </c>
      <c r="D486">
        <v>4</v>
      </c>
      <c r="E486">
        <v>14129.8</v>
      </c>
      <c r="F486">
        <v>11.249000000000001</v>
      </c>
    </row>
    <row r="487" spans="1:6" x14ac:dyDescent="0.25">
      <c r="A487">
        <v>135</v>
      </c>
      <c r="B487">
        <v>185.89</v>
      </c>
      <c r="C487">
        <v>14163.6</v>
      </c>
      <c r="D487">
        <v>1</v>
      </c>
      <c r="E487">
        <v>18226.900000000001</v>
      </c>
      <c r="F487">
        <v>11.0045</v>
      </c>
    </row>
    <row r="488" spans="1:6" x14ac:dyDescent="0.25">
      <c r="A488">
        <v>135</v>
      </c>
      <c r="B488">
        <v>185.89</v>
      </c>
      <c r="C488">
        <v>14163.6</v>
      </c>
      <c r="D488">
        <v>1.3</v>
      </c>
      <c r="E488">
        <v>17169.599999999999</v>
      </c>
      <c r="F488">
        <v>11.046200000000001</v>
      </c>
    </row>
    <row r="489" spans="1:6" x14ac:dyDescent="0.25">
      <c r="A489">
        <v>135</v>
      </c>
      <c r="B489">
        <v>185.89</v>
      </c>
      <c r="C489">
        <v>14163.6</v>
      </c>
      <c r="D489">
        <v>1.6</v>
      </c>
      <c r="E489">
        <v>16829</v>
      </c>
      <c r="F489">
        <v>11.0526</v>
      </c>
    </row>
    <row r="490" spans="1:6" x14ac:dyDescent="0.25">
      <c r="A490">
        <v>135</v>
      </c>
      <c r="B490">
        <v>185.89</v>
      </c>
      <c r="C490">
        <v>14163.6</v>
      </c>
      <c r="D490">
        <v>1.9</v>
      </c>
      <c r="E490">
        <v>16765.7</v>
      </c>
      <c r="F490">
        <v>11.071999999999999</v>
      </c>
    </row>
    <row r="491" spans="1:6" x14ac:dyDescent="0.25">
      <c r="A491">
        <v>135</v>
      </c>
      <c r="B491">
        <v>185.89</v>
      </c>
      <c r="C491">
        <v>14163.6</v>
      </c>
      <c r="D491">
        <v>2.2000000000000002</v>
      </c>
      <c r="E491">
        <v>16429.7</v>
      </c>
      <c r="F491">
        <v>11.097099999999999</v>
      </c>
    </row>
    <row r="492" spans="1:6" x14ac:dyDescent="0.25">
      <c r="A492">
        <v>135</v>
      </c>
      <c r="B492">
        <v>185.89</v>
      </c>
      <c r="C492">
        <v>14163.6</v>
      </c>
      <c r="D492">
        <v>2.5</v>
      </c>
      <c r="E492">
        <v>16162.5</v>
      </c>
      <c r="F492">
        <v>11.124000000000001</v>
      </c>
    </row>
    <row r="493" spans="1:6" x14ac:dyDescent="0.25">
      <c r="A493">
        <v>135</v>
      </c>
      <c r="B493">
        <v>185.89</v>
      </c>
      <c r="C493">
        <v>14163.6</v>
      </c>
      <c r="D493">
        <v>2.8</v>
      </c>
      <c r="E493">
        <v>15942.4</v>
      </c>
      <c r="F493">
        <v>11.1516</v>
      </c>
    </row>
    <row r="494" spans="1:6" x14ac:dyDescent="0.25">
      <c r="A494">
        <v>135</v>
      </c>
      <c r="B494">
        <v>185.89</v>
      </c>
      <c r="C494">
        <v>14163.6</v>
      </c>
      <c r="D494">
        <v>3.1</v>
      </c>
      <c r="E494">
        <v>16021.3</v>
      </c>
      <c r="F494">
        <v>11.178599999999999</v>
      </c>
    </row>
    <row r="495" spans="1:6" x14ac:dyDescent="0.25">
      <c r="A495">
        <v>135</v>
      </c>
      <c r="B495">
        <v>185.89</v>
      </c>
      <c r="C495">
        <v>14163.6</v>
      </c>
      <c r="D495">
        <v>3.4</v>
      </c>
      <c r="E495">
        <v>15837.9</v>
      </c>
      <c r="F495">
        <v>11.203900000000001</v>
      </c>
    </row>
    <row r="496" spans="1:6" x14ac:dyDescent="0.25">
      <c r="A496">
        <v>135</v>
      </c>
      <c r="B496">
        <v>185.89</v>
      </c>
      <c r="C496">
        <v>14163.6</v>
      </c>
      <c r="D496">
        <v>3.7</v>
      </c>
      <c r="E496">
        <v>15663</v>
      </c>
      <c r="F496">
        <v>11.227499999999999</v>
      </c>
    </row>
    <row r="497" spans="1:6" x14ac:dyDescent="0.25">
      <c r="A497">
        <v>135</v>
      </c>
      <c r="B497">
        <v>185.89</v>
      </c>
      <c r="C497">
        <v>14163.6</v>
      </c>
      <c r="D497">
        <v>4</v>
      </c>
      <c r="E497">
        <v>15546</v>
      </c>
      <c r="F497">
        <v>11.249000000000001</v>
      </c>
    </row>
    <row r="498" spans="1:6" x14ac:dyDescent="0.25">
      <c r="A498">
        <v>135</v>
      </c>
      <c r="B498">
        <v>185.89</v>
      </c>
      <c r="C498">
        <v>15709.1</v>
      </c>
      <c r="D498">
        <v>1</v>
      </c>
      <c r="E498">
        <v>19584.900000000001</v>
      </c>
      <c r="F498">
        <v>11.0045</v>
      </c>
    </row>
    <row r="499" spans="1:6" x14ac:dyDescent="0.25">
      <c r="A499">
        <v>135</v>
      </c>
      <c r="B499">
        <v>185.89</v>
      </c>
      <c r="C499">
        <v>15709.1</v>
      </c>
      <c r="D499">
        <v>1.3</v>
      </c>
      <c r="E499">
        <v>19009.099999999999</v>
      </c>
      <c r="F499">
        <v>11.046200000000001</v>
      </c>
    </row>
    <row r="500" spans="1:6" x14ac:dyDescent="0.25">
      <c r="A500">
        <v>135</v>
      </c>
      <c r="B500">
        <v>185.89</v>
      </c>
      <c r="C500">
        <v>15709.1</v>
      </c>
      <c r="D500">
        <v>1.6</v>
      </c>
      <c r="E500">
        <v>18329.599999999999</v>
      </c>
      <c r="F500">
        <v>11.0526</v>
      </c>
    </row>
    <row r="501" spans="1:6" x14ac:dyDescent="0.25">
      <c r="A501">
        <v>135</v>
      </c>
      <c r="B501">
        <v>185.89</v>
      </c>
      <c r="C501">
        <v>15709.1</v>
      </c>
      <c r="D501">
        <v>1.9</v>
      </c>
      <c r="E501">
        <v>17986.8</v>
      </c>
      <c r="F501">
        <v>11.071999999999999</v>
      </c>
    </row>
    <row r="502" spans="1:6" x14ac:dyDescent="0.25">
      <c r="A502">
        <v>135</v>
      </c>
      <c r="B502">
        <v>185.89</v>
      </c>
      <c r="C502">
        <v>15709.1</v>
      </c>
      <c r="D502">
        <v>2.2000000000000002</v>
      </c>
      <c r="E502">
        <v>17965.599999999999</v>
      </c>
      <c r="F502">
        <v>11.097099999999999</v>
      </c>
    </row>
    <row r="503" spans="1:6" x14ac:dyDescent="0.25">
      <c r="A503">
        <v>135</v>
      </c>
      <c r="B503">
        <v>185.89</v>
      </c>
      <c r="C503">
        <v>15709.1</v>
      </c>
      <c r="D503">
        <v>2.5</v>
      </c>
      <c r="E503">
        <v>17681.599999999999</v>
      </c>
      <c r="F503">
        <v>11.124000000000001</v>
      </c>
    </row>
    <row r="504" spans="1:6" x14ac:dyDescent="0.25">
      <c r="A504">
        <v>135</v>
      </c>
      <c r="B504">
        <v>185.89</v>
      </c>
      <c r="C504">
        <v>15709.1</v>
      </c>
      <c r="D504">
        <v>2.8</v>
      </c>
      <c r="E504">
        <v>17456.599999999999</v>
      </c>
      <c r="F504">
        <v>11.1516</v>
      </c>
    </row>
    <row r="505" spans="1:6" x14ac:dyDescent="0.25">
      <c r="A505">
        <v>135</v>
      </c>
      <c r="B505">
        <v>185.89</v>
      </c>
      <c r="C505">
        <v>15709.1</v>
      </c>
      <c r="D505">
        <v>3.1</v>
      </c>
      <c r="E505">
        <v>17540.8</v>
      </c>
      <c r="F505">
        <v>11.178599999999999</v>
      </c>
    </row>
    <row r="506" spans="1:6" x14ac:dyDescent="0.25">
      <c r="A506">
        <v>135</v>
      </c>
      <c r="B506">
        <v>185.89</v>
      </c>
      <c r="C506">
        <v>15709.1</v>
      </c>
      <c r="D506">
        <v>3.4</v>
      </c>
      <c r="E506">
        <v>17375.7</v>
      </c>
      <c r="F506">
        <v>11.203900000000001</v>
      </c>
    </row>
    <row r="507" spans="1:6" x14ac:dyDescent="0.25">
      <c r="A507">
        <v>135</v>
      </c>
      <c r="B507">
        <v>185.89</v>
      </c>
      <c r="C507">
        <v>15709.1</v>
      </c>
      <c r="D507">
        <v>3.7</v>
      </c>
      <c r="E507">
        <v>17254.8</v>
      </c>
      <c r="F507">
        <v>11.227499999999999</v>
      </c>
    </row>
    <row r="508" spans="1:6" x14ac:dyDescent="0.25">
      <c r="A508">
        <v>135</v>
      </c>
      <c r="B508">
        <v>185.89</v>
      </c>
      <c r="C508">
        <v>15709.1</v>
      </c>
      <c r="D508">
        <v>4</v>
      </c>
      <c r="E508">
        <v>17216.8</v>
      </c>
      <c r="F508">
        <v>11.249000000000001</v>
      </c>
    </row>
    <row r="509" spans="1:6" x14ac:dyDescent="0.25">
      <c r="A509">
        <v>135</v>
      </c>
      <c r="B509">
        <v>185.89</v>
      </c>
      <c r="C509">
        <v>17254.5</v>
      </c>
      <c r="D509">
        <v>1</v>
      </c>
      <c r="E509">
        <v>20955.5</v>
      </c>
      <c r="F509">
        <v>11.0045</v>
      </c>
    </row>
    <row r="510" spans="1:6" x14ac:dyDescent="0.25">
      <c r="A510">
        <v>135</v>
      </c>
      <c r="B510">
        <v>185.89</v>
      </c>
      <c r="C510">
        <v>17254.5</v>
      </c>
      <c r="D510">
        <v>1.3</v>
      </c>
      <c r="E510">
        <v>20407</v>
      </c>
      <c r="F510">
        <v>11.046200000000001</v>
      </c>
    </row>
    <row r="511" spans="1:6" x14ac:dyDescent="0.25">
      <c r="A511">
        <v>135</v>
      </c>
      <c r="B511">
        <v>185.89</v>
      </c>
      <c r="C511">
        <v>17254.5</v>
      </c>
      <c r="D511">
        <v>1.6</v>
      </c>
      <c r="E511">
        <v>19909</v>
      </c>
      <c r="F511">
        <v>11.0526</v>
      </c>
    </row>
    <row r="512" spans="1:6" x14ac:dyDescent="0.25">
      <c r="A512">
        <v>135</v>
      </c>
      <c r="B512">
        <v>185.89</v>
      </c>
      <c r="C512">
        <v>17254.5</v>
      </c>
      <c r="D512">
        <v>1.9</v>
      </c>
      <c r="E512">
        <v>19778.8</v>
      </c>
      <c r="F512">
        <v>11.071999999999999</v>
      </c>
    </row>
    <row r="513" spans="1:6" x14ac:dyDescent="0.25">
      <c r="A513">
        <v>135</v>
      </c>
      <c r="B513">
        <v>185.89</v>
      </c>
      <c r="C513">
        <v>17254.5</v>
      </c>
      <c r="D513">
        <v>2.2000000000000002</v>
      </c>
      <c r="E513">
        <v>19439.099999999999</v>
      </c>
      <c r="F513">
        <v>11.097099999999999</v>
      </c>
    </row>
    <row r="514" spans="1:6" x14ac:dyDescent="0.25">
      <c r="A514">
        <v>135</v>
      </c>
      <c r="B514">
        <v>185.89</v>
      </c>
      <c r="C514">
        <v>17254.5</v>
      </c>
      <c r="D514">
        <v>2.5</v>
      </c>
      <c r="E514">
        <v>19178.599999999999</v>
      </c>
      <c r="F514">
        <v>11.124000000000001</v>
      </c>
    </row>
    <row r="515" spans="1:6" x14ac:dyDescent="0.25">
      <c r="A515">
        <v>135</v>
      </c>
      <c r="B515">
        <v>185.89</v>
      </c>
      <c r="C515">
        <v>17254.5</v>
      </c>
      <c r="D515">
        <v>2.8</v>
      </c>
      <c r="E515">
        <v>18973.400000000001</v>
      </c>
      <c r="F515">
        <v>11.1516</v>
      </c>
    </row>
    <row r="516" spans="1:6" x14ac:dyDescent="0.25">
      <c r="A516">
        <v>135</v>
      </c>
      <c r="B516">
        <v>185.89</v>
      </c>
      <c r="C516">
        <v>17254.5</v>
      </c>
      <c r="D516">
        <v>3.1</v>
      </c>
      <c r="E516">
        <v>18881.2</v>
      </c>
      <c r="F516">
        <v>11.178599999999999</v>
      </c>
    </row>
    <row r="517" spans="1:6" x14ac:dyDescent="0.25">
      <c r="A517">
        <v>135</v>
      </c>
      <c r="B517">
        <v>185.89</v>
      </c>
      <c r="C517">
        <v>17254.5</v>
      </c>
      <c r="D517">
        <v>3.4</v>
      </c>
      <c r="E517">
        <v>18919.099999999999</v>
      </c>
      <c r="F517">
        <v>11.203900000000001</v>
      </c>
    </row>
    <row r="518" spans="1:6" x14ac:dyDescent="0.25">
      <c r="A518">
        <v>135</v>
      </c>
      <c r="B518">
        <v>185.89</v>
      </c>
      <c r="C518">
        <v>17254.5</v>
      </c>
      <c r="D518">
        <v>3.7</v>
      </c>
      <c r="E518">
        <v>18807.599999999999</v>
      </c>
      <c r="F518">
        <v>11.227499999999999</v>
      </c>
    </row>
    <row r="519" spans="1:6" x14ac:dyDescent="0.25">
      <c r="A519">
        <v>135</v>
      </c>
      <c r="B519">
        <v>185.89</v>
      </c>
      <c r="C519">
        <v>17254.5</v>
      </c>
      <c r="D519">
        <v>4</v>
      </c>
      <c r="E519">
        <v>18692.900000000001</v>
      </c>
      <c r="F519">
        <v>11.249000000000001</v>
      </c>
    </row>
    <row r="520" spans="1:6" x14ac:dyDescent="0.25">
      <c r="A520">
        <v>135</v>
      </c>
      <c r="B520">
        <v>185.89</v>
      </c>
      <c r="C520">
        <v>18800</v>
      </c>
      <c r="D520">
        <v>1</v>
      </c>
      <c r="E520">
        <v>22766.6</v>
      </c>
      <c r="F520">
        <v>11.0045</v>
      </c>
    </row>
    <row r="521" spans="1:6" x14ac:dyDescent="0.25">
      <c r="A521">
        <v>135</v>
      </c>
      <c r="B521">
        <v>185.89</v>
      </c>
      <c r="C521">
        <v>18800</v>
      </c>
      <c r="D521">
        <v>1.3</v>
      </c>
      <c r="E521">
        <v>21811</v>
      </c>
      <c r="F521">
        <v>11.046200000000001</v>
      </c>
    </row>
    <row r="522" spans="1:6" x14ac:dyDescent="0.25">
      <c r="A522">
        <v>135</v>
      </c>
      <c r="B522">
        <v>185.89</v>
      </c>
      <c r="C522">
        <v>18800</v>
      </c>
      <c r="D522">
        <v>1.6</v>
      </c>
      <c r="E522">
        <v>21430.7</v>
      </c>
      <c r="F522">
        <v>11.0526</v>
      </c>
    </row>
    <row r="523" spans="1:6" x14ac:dyDescent="0.25">
      <c r="A523">
        <v>135</v>
      </c>
      <c r="B523">
        <v>185.89</v>
      </c>
      <c r="C523">
        <v>18800</v>
      </c>
      <c r="D523">
        <v>1.9</v>
      </c>
      <c r="E523">
        <v>21294.6</v>
      </c>
      <c r="F523">
        <v>11.071999999999999</v>
      </c>
    </row>
    <row r="524" spans="1:6" x14ac:dyDescent="0.25">
      <c r="A524">
        <v>135</v>
      </c>
      <c r="B524">
        <v>185.89</v>
      </c>
      <c r="C524">
        <v>18800</v>
      </c>
      <c r="D524">
        <v>2.2000000000000002</v>
      </c>
      <c r="E524">
        <v>20944.7</v>
      </c>
      <c r="F524">
        <v>11.097099999999999</v>
      </c>
    </row>
    <row r="525" spans="1:6" x14ac:dyDescent="0.25">
      <c r="A525">
        <v>135</v>
      </c>
      <c r="B525">
        <v>185.89</v>
      </c>
      <c r="C525">
        <v>18800</v>
      </c>
      <c r="D525">
        <v>2.5</v>
      </c>
      <c r="E525">
        <v>20783.099999999999</v>
      </c>
      <c r="F525">
        <v>11.124000000000001</v>
      </c>
    </row>
    <row r="526" spans="1:6" x14ac:dyDescent="0.25">
      <c r="A526">
        <v>135</v>
      </c>
      <c r="B526">
        <v>185.89</v>
      </c>
      <c r="C526">
        <v>18800</v>
      </c>
      <c r="D526">
        <v>2.8</v>
      </c>
      <c r="E526">
        <v>20546.099999999999</v>
      </c>
      <c r="F526">
        <v>11.1516</v>
      </c>
    </row>
    <row r="527" spans="1:6" x14ac:dyDescent="0.25">
      <c r="A527">
        <v>135</v>
      </c>
      <c r="B527">
        <v>185.89</v>
      </c>
      <c r="C527">
        <v>18800</v>
      </c>
      <c r="D527">
        <v>3.1</v>
      </c>
      <c r="E527">
        <v>20396.7</v>
      </c>
      <c r="F527">
        <v>11.178599999999999</v>
      </c>
    </row>
    <row r="528" spans="1:6" x14ac:dyDescent="0.25">
      <c r="A528">
        <v>135</v>
      </c>
      <c r="B528">
        <v>185.89</v>
      </c>
      <c r="C528">
        <v>18800</v>
      </c>
      <c r="D528">
        <v>3.4</v>
      </c>
      <c r="E528">
        <v>20360</v>
      </c>
      <c r="F528">
        <v>11.203900000000001</v>
      </c>
    </row>
    <row r="529" spans="1:6" x14ac:dyDescent="0.25">
      <c r="A529">
        <v>135</v>
      </c>
      <c r="B529">
        <v>185.89</v>
      </c>
      <c r="C529">
        <v>18800</v>
      </c>
      <c r="D529">
        <v>3.7</v>
      </c>
      <c r="E529">
        <v>20419.3</v>
      </c>
      <c r="F529">
        <v>11.227499999999999</v>
      </c>
    </row>
    <row r="530" spans="1:6" x14ac:dyDescent="0.25">
      <c r="A530">
        <v>135</v>
      </c>
      <c r="B530">
        <v>185.89</v>
      </c>
      <c r="C530">
        <v>18800</v>
      </c>
      <c r="D530">
        <v>4</v>
      </c>
      <c r="E530">
        <v>20286.900000000001</v>
      </c>
      <c r="F530">
        <v>11.249000000000001</v>
      </c>
    </row>
    <row r="531" spans="1:6" x14ac:dyDescent="0.25">
      <c r="A531">
        <v>135</v>
      </c>
      <c r="B531">
        <v>189.52</v>
      </c>
      <c r="C531">
        <v>1800</v>
      </c>
      <c r="D531">
        <v>1</v>
      </c>
      <c r="E531">
        <v>5758.29</v>
      </c>
      <c r="F531">
        <v>63.430100000000003</v>
      </c>
    </row>
    <row r="532" spans="1:6" x14ac:dyDescent="0.25">
      <c r="A532">
        <v>135</v>
      </c>
      <c r="B532">
        <v>189.52</v>
      </c>
      <c r="C532">
        <v>1800</v>
      </c>
      <c r="D532">
        <v>1.3</v>
      </c>
      <c r="E532">
        <v>5081.7299999999996</v>
      </c>
      <c r="F532">
        <v>77.202100000000002</v>
      </c>
    </row>
    <row r="533" spans="1:6" x14ac:dyDescent="0.25">
      <c r="A533">
        <v>135</v>
      </c>
      <c r="B533">
        <v>189.52</v>
      </c>
      <c r="C533">
        <v>1800</v>
      </c>
      <c r="D533">
        <v>1.6</v>
      </c>
      <c r="E533">
        <v>4653.03</v>
      </c>
      <c r="F533">
        <v>88.6524</v>
      </c>
    </row>
    <row r="534" spans="1:6" x14ac:dyDescent="0.25">
      <c r="A534">
        <v>135</v>
      </c>
      <c r="B534">
        <v>189.52</v>
      </c>
      <c r="C534">
        <v>1800</v>
      </c>
      <c r="D534">
        <v>1.9</v>
      </c>
      <c r="E534">
        <v>4388.46</v>
      </c>
      <c r="F534">
        <v>95.927700000000002</v>
      </c>
    </row>
    <row r="535" spans="1:6" x14ac:dyDescent="0.25">
      <c r="A535">
        <v>135</v>
      </c>
      <c r="B535">
        <v>189.52</v>
      </c>
      <c r="C535">
        <v>1800</v>
      </c>
      <c r="D535">
        <v>2.2000000000000002</v>
      </c>
      <c r="E535">
        <v>4189.67</v>
      </c>
      <c r="F535">
        <v>102.08499999999999</v>
      </c>
    </row>
    <row r="536" spans="1:6" x14ac:dyDescent="0.25">
      <c r="A536">
        <v>135</v>
      </c>
      <c r="B536">
        <v>189.52</v>
      </c>
      <c r="C536">
        <v>1800</v>
      </c>
      <c r="D536">
        <v>2.5</v>
      </c>
      <c r="E536">
        <v>4025.12</v>
      </c>
      <c r="F536">
        <v>107.90300000000001</v>
      </c>
    </row>
    <row r="537" spans="1:6" x14ac:dyDescent="0.25">
      <c r="A537">
        <v>135</v>
      </c>
      <c r="B537">
        <v>189.52</v>
      </c>
      <c r="C537">
        <v>1800</v>
      </c>
      <c r="D537">
        <v>2.8</v>
      </c>
      <c r="E537">
        <v>3902.71</v>
      </c>
      <c r="F537">
        <v>113.35899999999999</v>
      </c>
    </row>
    <row r="538" spans="1:6" x14ac:dyDescent="0.25">
      <c r="A538">
        <v>135</v>
      </c>
      <c r="B538">
        <v>189.52</v>
      </c>
      <c r="C538">
        <v>1800</v>
      </c>
      <c r="D538">
        <v>3.1</v>
      </c>
      <c r="E538">
        <v>3805.8</v>
      </c>
      <c r="F538">
        <v>112.352</v>
      </c>
    </row>
    <row r="539" spans="1:6" x14ac:dyDescent="0.25">
      <c r="A539">
        <v>135</v>
      </c>
      <c r="B539">
        <v>189.52</v>
      </c>
      <c r="C539">
        <v>1800</v>
      </c>
      <c r="D539">
        <v>3.4</v>
      </c>
      <c r="E539">
        <v>3717.25</v>
      </c>
      <c r="F539">
        <v>116.88200000000001</v>
      </c>
    </row>
    <row r="540" spans="1:6" x14ac:dyDescent="0.25">
      <c r="A540">
        <v>135</v>
      </c>
      <c r="B540">
        <v>189.52</v>
      </c>
      <c r="C540">
        <v>1800</v>
      </c>
      <c r="D540">
        <v>3.7</v>
      </c>
      <c r="E540">
        <v>3673.63</v>
      </c>
      <c r="F540">
        <v>119.021</v>
      </c>
    </row>
    <row r="541" spans="1:6" x14ac:dyDescent="0.25">
      <c r="A541">
        <v>135</v>
      </c>
      <c r="B541">
        <v>189.52</v>
      </c>
      <c r="C541">
        <v>1800</v>
      </c>
      <c r="D541">
        <v>4</v>
      </c>
      <c r="E541">
        <v>3619.42</v>
      </c>
      <c r="F541">
        <v>118.807</v>
      </c>
    </row>
    <row r="542" spans="1:6" x14ac:dyDescent="0.25">
      <c r="A542">
        <v>135</v>
      </c>
      <c r="B542">
        <v>189.52</v>
      </c>
      <c r="C542">
        <v>3345.45</v>
      </c>
      <c r="D542">
        <v>1</v>
      </c>
      <c r="E542">
        <v>7033.95</v>
      </c>
      <c r="F542">
        <v>39.825299999999999</v>
      </c>
    </row>
    <row r="543" spans="1:6" x14ac:dyDescent="0.25">
      <c r="A543">
        <v>135</v>
      </c>
      <c r="B543">
        <v>189.52</v>
      </c>
      <c r="C543">
        <v>3345.45</v>
      </c>
      <c r="D543">
        <v>1.3</v>
      </c>
      <c r="E543">
        <v>6449.67</v>
      </c>
      <c r="F543">
        <v>50.488500000000002</v>
      </c>
    </row>
    <row r="544" spans="1:6" x14ac:dyDescent="0.25">
      <c r="A544">
        <v>135</v>
      </c>
      <c r="B544">
        <v>189.52</v>
      </c>
      <c r="C544">
        <v>3345.45</v>
      </c>
      <c r="D544">
        <v>1.6</v>
      </c>
      <c r="E544">
        <v>6103.31</v>
      </c>
      <c r="F544">
        <v>59.515700000000002</v>
      </c>
    </row>
    <row r="545" spans="1:6" x14ac:dyDescent="0.25">
      <c r="A545">
        <v>135</v>
      </c>
      <c r="B545">
        <v>189.52</v>
      </c>
      <c r="C545">
        <v>3345.45</v>
      </c>
      <c r="D545">
        <v>1.9</v>
      </c>
      <c r="E545">
        <v>5761.3</v>
      </c>
      <c r="F545">
        <v>67.434100000000001</v>
      </c>
    </row>
    <row r="546" spans="1:6" x14ac:dyDescent="0.25">
      <c r="A546">
        <v>135</v>
      </c>
      <c r="B546">
        <v>189.52</v>
      </c>
      <c r="C546">
        <v>3345.45</v>
      </c>
      <c r="D546">
        <v>2.2000000000000002</v>
      </c>
      <c r="E546">
        <v>5579.65</v>
      </c>
      <c r="F546">
        <v>76.884600000000006</v>
      </c>
    </row>
    <row r="547" spans="1:6" x14ac:dyDescent="0.25">
      <c r="A547">
        <v>135</v>
      </c>
      <c r="B547">
        <v>189.52</v>
      </c>
      <c r="C547">
        <v>3345.45</v>
      </c>
      <c r="D547">
        <v>2.5</v>
      </c>
      <c r="E547">
        <v>5400.75</v>
      </c>
      <c r="F547">
        <v>81.319400000000002</v>
      </c>
    </row>
    <row r="548" spans="1:6" x14ac:dyDescent="0.25">
      <c r="A548">
        <v>135</v>
      </c>
      <c r="B548">
        <v>189.52</v>
      </c>
      <c r="C548">
        <v>3345.45</v>
      </c>
      <c r="D548">
        <v>2.8</v>
      </c>
      <c r="E548">
        <v>5287.9</v>
      </c>
      <c r="F548">
        <v>87.459599999999995</v>
      </c>
    </row>
    <row r="549" spans="1:6" x14ac:dyDescent="0.25">
      <c r="A549">
        <v>135</v>
      </c>
      <c r="B549">
        <v>189.52</v>
      </c>
      <c r="C549">
        <v>3345.45</v>
      </c>
      <c r="D549">
        <v>3.1</v>
      </c>
      <c r="E549">
        <v>5208.66</v>
      </c>
      <c r="F549">
        <v>92.8904</v>
      </c>
    </row>
    <row r="550" spans="1:6" x14ac:dyDescent="0.25">
      <c r="A550">
        <v>135</v>
      </c>
      <c r="B550">
        <v>189.52</v>
      </c>
      <c r="C550">
        <v>3345.45</v>
      </c>
      <c r="D550">
        <v>3.4</v>
      </c>
      <c r="E550">
        <v>5132.3599999999997</v>
      </c>
      <c r="F550">
        <v>92.200699999999998</v>
      </c>
    </row>
    <row r="551" spans="1:6" x14ac:dyDescent="0.25">
      <c r="A551">
        <v>135</v>
      </c>
      <c r="B551">
        <v>189.52</v>
      </c>
      <c r="C551">
        <v>3345.45</v>
      </c>
      <c r="D551">
        <v>3.7</v>
      </c>
      <c r="E551">
        <v>5042.9799999999996</v>
      </c>
      <c r="F551">
        <v>97.785499999999999</v>
      </c>
    </row>
    <row r="552" spans="1:6" x14ac:dyDescent="0.25">
      <c r="A552">
        <v>135</v>
      </c>
      <c r="B552">
        <v>189.52</v>
      </c>
      <c r="C552">
        <v>3345.45</v>
      </c>
      <c r="D552">
        <v>4</v>
      </c>
      <c r="E552">
        <v>5039.67</v>
      </c>
      <c r="F552">
        <v>96.358400000000003</v>
      </c>
    </row>
    <row r="553" spans="1:6" x14ac:dyDescent="0.25">
      <c r="A553">
        <v>135</v>
      </c>
      <c r="B553">
        <v>189.52</v>
      </c>
      <c r="C553">
        <v>4890.8999999999996</v>
      </c>
      <c r="D553">
        <v>1</v>
      </c>
      <c r="E553">
        <v>8428.23</v>
      </c>
      <c r="F553">
        <v>22.860700000000001</v>
      </c>
    </row>
    <row r="554" spans="1:6" x14ac:dyDescent="0.25">
      <c r="A554">
        <v>135</v>
      </c>
      <c r="B554">
        <v>189.52</v>
      </c>
      <c r="C554">
        <v>4890.8999999999996</v>
      </c>
      <c r="D554">
        <v>1.3</v>
      </c>
      <c r="E554">
        <v>7915.73</v>
      </c>
      <c r="F554">
        <v>28.7224</v>
      </c>
    </row>
    <row r="555" spans="1:6" x14ac:dyDescent="0.25">
      <c r="A555">
        <v>135</v>
      </c>
      <c r="B555">
        <v>189.52</v>
      </c>
      <c r="C555">
        <v>4890.8999999999996</v>
      </c>
      <c r="D555">
        <v>1.6</v>
      </c>
      <c r="E555">
        <v>7449.17</v>
      </c>
      <c r="F555">
        <v>32.956200000000003</v>
      </c>
    </row>
    <row r="556" spans="1:6" x14ac:dyDescent="0.25">
      <c r="A556">
        <v>135</v>
      </c>
      <c r="B556">
        <v>189.52</v>
      </c>
      <c r="C556">
        <v>4890.8999999999996</v>
      </c>
      <c r="D556">
        <v>1.9</v>
      </c>
      <c r="E556">
        <v>7269.09</v>
      </c>
      <c r="F556">
        <v>37.492899999999999</v>
      </c>
    </row>
    <row r="557" spans="1:6" x14ac:dyDescent="0.25">
      <c r="A557">
        <v>135</v>
      </c>
      <c r="B557">
        <v>189.52</v>
      </c>
      <c r="C557">
        <v>4890.8999999999996</v>
      </c>
      <c r="D557">
        <v>2.2000000000000002</v>
      </c>
      <c r="E557">
        <v>7060.21</v>
      </c>
      <c r="F557">
        <v>41.5946</v>
      </c>
    </row>
    <row r="558" spans="1:6" x14ac:dyDescent="0.25">
      <c r="A558">
        <v>135</v>
      </c>
      <c r="B558">
        <v>189.52</v>
      </c>
      <c r="C558">
        <v>4890.8999999999996</v>
      </c>
      <c r="D558">
        <v>2.5</v>
      </c>
      <c r="E558">
        <v>6834.11</v>
      </c>
      <c r="F558">
        <v>48.951999999999998</v>
      </c>
    </row>
    <row r="559" spans="1:6" x14ac:dyDescent="0.25">
      <c r="A559">
        <v>135</v>
      </c>
      <c r="B559">
        <v>189.52</v>
      </c>
      <c r="C559">
        <v>4890.8999999999996</v>
      </c>
      <c r="D559">
        <v>2.8</v>
      </c>
      <c r="E559">
        <v>6757.69</v>
      </c>
      <c r="F559">
        <v>55.331000000000003</v>
      </c>
    </row>
    <row r="560" spans="1:6" x14ac:dyDescent="0.25">
      <c r="A560">
        <v>135</v>
      </c>
      <c r="B560">
        <v>189.52</v>
      </c>
      <c r="C560">
        <v>4890.8999999999996</v>
      </c>
      <c r="D560">
        <v>3.1</v>
      </c>
      <c r="E560">
        <v>6626.59</v>
      </c>
      <c r="F560">
        <v>58.680999999999997</v>
      </c>
    </row>
    <row r="561" spans="1:6" x14ac:dyDescent="0.25">
      <c r="A561">
        <v>135</v>
      </c>
      <c r="B561">
        <v>189.52</v>
      </c>
      <c r="C561">
        <v>4890.8999999999996</v>
      </c>
      <c r="D561">
        <v>3.4</v>
      </c>
      <c r="E561">
        <v>6567.33</v>
      </c>
      <c r="F561">
        <v>62.825600000000001</v>
      </c>
    </row>
    <row r="562" spans="1:6" x14ac:dyDescent="0.25">
      <c r="A562">
        <v>135</v>
      </c>
      <c r="B562">
        <v>189.52</v>
      </c>
      <c r="C562">
        <v>4890.8999999999996</v>
      </c>
      <c r="D562">
        <v>3.7</v>
      </c>
      <c r="E562">
        <v>6496.43</v>
      </c>
      <c r="F562">
        <v>65.539100000000005</v>
      </c>
    </row>
    <row r="563" spans="1:6" x14ac:dyDescent="0.25">
      <c r="A563">
        <v>135</v>
      </c>
      <c r="B563">
        <v>189.52</v>
      </c>
      <c r="C563">
        <v>4890.8999999999996</v>
      </c>
      <c r="D563">
        <v>4</v>
      </c>
      <c r="E563">
        <v>6423.16</v>
      </c>
      <c r="F563">
        <v>68.331500000000005</v>
      </c>
    </row>
    <row r="564" spans="1:6" x14ac:dyDescent="0.25">
      <c r="A564">
        <v>135</v>
      </c>
      <c r="B564">
        <v>189.52</v>
      </c>
      <c r="C564">
        <v>6436.35</v>
      </c>
      <c r="D564">
        <v>1</v>
      </c>
      <c r="E564">
        <v>10016.9</v>
      </c>
      <c r="F564">
        <v>9.5771800000000002</v>
      </c>
    </row>
    <row r="565" spans="1:6" x14ac:dyDescent="0.25">
      <c r="A565">
        <v>135</v>
      </c>
      <c r="B565">
        <v>189.52</v>
      </c>
      <c r="C565">
        <v>6436.35</v>
      </c>
      <c r="D565">
        <v>1.3</v>
      </c>
      <c r="E565">
        <v>9381.51</v>
      </c>
      <c r="F565">
        <v>11.1136</v>
      </c>
    </row>
    <row r="566" spans="1:6" x14ac:dyDescent="0.25">
      <c r="A566">
        <v>135</v>
      </c>
      <c r="B566">
        <v>189.52</v>
      </c>
      <c r="C566">
        <v>6436.35</v>
      </c>
      <c r="D566">
        <v>1.6</v>
      </c>
      <c r="E566">
        <v>8901.19</v>
      </c>
      <c r="F566">
        <v>13.2204</v>
      </c>
    </row>
    <row r="567" spans="1:6" x14ac:dyDescent="0.25">
      <c r="A567">
        <v>135</v>
      </c>
      <c r="B567">
        <v>189.52</v>
      </c>
      <c r="C567">
        <v>6436.35</v>
      </c>
      <c r="D567">
        <v>1.9</v>
      </c>
      <c r="E567">
        <v>8829.65</v>
      </c>
      <c r="F567">
        <v>16.534500000000001</v>
      </c>
    </row>
    <row r="568" spans="1:6" x14ac:dyDescent="0.25">
      <c r="A568">
        <v>135</v>
      </c>
      <c r="B568">
        <v>189.52</v>
      </c>
      <c r="C568">
        <v>6436.35</v>
      </c>
      <c r="D568">
        <v>2.2000000000000002</v>
      </c>
      <c r="E568">
        <v>8572.2000000000007</v>
      </c>
      <c r="F568">
        <v>21.055099999999999</v>
      </c>
    </row>
    <row r="569" spans="1:6" x14ac:dyDescent="0.25">
      <c r="A569">
        <v>135</v>
      </c>
      <c r="B569">
        <v>189.52</v>
      </c>
      <c r="C569">
        <v>6436.35</v>
      </c>
      <c r="D569">
        <v>2.5</v>
      </c>
      <c r="E569">
        <v>8337.44</v>
      </c>
      <c r="F569">
        <v>22.381900000000002</v>
      </c>
    </row>
    <row r="570" spans="1:6" x14ac:dyDescent="0.25">
      <c r="A570">
        <v>135</v>
      </c>
      <c r="B570">
        <v>189.52</v>
      </c>
      <c r="C570">
        <v>6436.35</v>
      </c>
      <c r="D570">
        <v>2.8</v>
      </c>
      <c r="E570">
        <v>8189.58</v>
      </c>
      <c r="F570">
        <v>25.340900000000001</v>
      </c>
    </row>
    <row r="571" spans="1:6" x14ac:dyDescent="0.25">
      <c r="A571">
        <v>135</v>
      </c>
      <c r="B571">
        <v>189.52</v>
      </c>
      <c r="C571">
        <v>6436.35</v>
      </c>
      <c r="D571">
        <v>3.1</v>
      </c>
      <c r="E571">
        <v>8152.73</v>
      </c>
      <c r="F571">
        <v>28.535900000000002</v>
      </c>
    </row>
    <row r="572" spans="1:6" x14ac:dyDescent="0.25">
      <c r="A572">
        <v>135</v>
      </c>
      <c r="B572">
        <v>189.52</v>
      </c>
      <c r="C572">
        <v>6436.35</v>
      </c>
      <c r="D572">
        <v>3.4</v>
      </c>
      <c r="E572">
        <v>8048.4</v>
      </c>
      <c r="F572">
        <v>31.004200000000001</v>
      </c>
    </row>
    <row r="573" spans="1:6" x14ac:dyDescent="0.25">
      <c r="A573">
        <v>135</v>
      </c>
      <c r="B573">
        <v>189.52</v>
      </c>
      <c r="C573">
        <v>6436.35</v>
      </c>
      <c r="D573">
        <v>3.7</v>
      </c>
      <c r="E573">
        <v>7899</v>
      </c>
      <c r="F573">
        <v>33.201300000000003</v>
      </c>
    </row>
    <row r="574" spans="1:6" x14ac:dyDescent="0.25">
      <c r="A574">
        <v>135</v>
      </c>
      <c r="B574">
        <v>189.52</v>
      </c>
      <c r="C574">
        <v>6436.35</v>
      </c>
      <c r="D574">
        <v>4</v>
      </c>
      <c r="E574">
        <v>7881.09</v>
      </c>
      <c r="F574">
        <v>35.500100000000003</v>
      </c>
    </row>
    <row r="575" spans="1:6" x14ac:dyDescent="0.25">
      <c r="A575">
        <v>135</v>
      </c>
      <c r="B575">
        <v>189.52</v>
      </c>
      <c r="C575">
        <v>7981.8</v>
      </c>
      <c r="D575">
        <v>1</v>
      </c>
      <c r="E575">
        <v>11734.1</v>
      </c>
      <c r="F575">
        <v>10.394399999999999</v>
      </c>
    </row>
    <row r="576" spans="1:6" x14ac:dyDescent="0.25">
      <c r="A576">
        <v>135</v>
      </c>
      <c r="B576">
        <v>189.52</v>
      </c>
      <c r="C576">
        <v>7981.8</v>
      </c>
      <c r="D576">
        <v>1.3</v>
      </c>
      <c r="E576">
        <v>10862.1</v>
      </c>
      <c r="F576">
        <v>10.417400000000001</v>
      </c>
    </row>
    <row r="577" spans="1:6" x14ac:dyDescent="0.25">
      <c r="A577">
        <v>135</v>
      </c>
      <c r="B577">
        <v>189.52</v>
      </c>
      <c r="C577">
        <v>7981.8</v>
      </c>
      <c r="D577">
        <v>1.6</v>
      </c>
      <c r="E577">
        <v>10360.799999999999</v>
      </c>
      <c r="F577">
        <v>10.3386</v>
      </c>
    </row>
    <row r="578" spans="1:6" x14ac:dyDescent="0.25">
      <c r="A578">
        <v>135</v>
      </c>
      <c r="B578">
        <v>189.52</v>
      </c>
      <c r="C578">
        <v>7981.8</v>
      </c>
      <c r="D578">
        <v>1.9</v>
      </c>
      <c r="E578">
        <v>10061</v>
      </c>
      <c r="F578">
        <v>9.9930800000000009</v>
      </c>
    </row>
    <row r="579" spans="1:6" x14ac:dyDescent="0.25">
      <c r="A579">
        <v>135</v>
      </c>
      <c r="B579">
        <v>189.52</v>
      </c>
      <c r="C579">
        <v>7981.8</v>
      </c>
      <c r="D579">
        <v>2.2000000000000002</v>
      </c>
      <c r="E579">
        <v>9840.34</v>
      </c>
      <c r="F579">
        <v>9.7000499999999992</v>
      </c>
    </row>
    <row r="580" spans="1:6" x14ac:dyDescent="0.25">
      <c r="A580">
        <v>135</v>
      </c>
      <c r="B580">
        <v>189.52</v>
      </c>
      <c r="C580">
        <v>7981.8</v>
      </c>
      <c r="D580">
        <v>2.5</v>
      </c>
      <c r="E580">
        <v>9690.56</v>
      </c>
      <c r="F580">
        <v>9.4641699999999993</v>
      </c>
    </row>
    <row r="581" spans="1:6" x14ac:dyDescent="0.25">
      <c r="A581">
        <v>135</v>
      </c>
      <c r="B581">
        <v>189.52</v>
      </c>
      <c r="C581">
        <v>7981.8</v>
      </c>
      <c r="D581">
        <v>2.8</v>
      </c>
      <c r="E581">
        <v>9626.7999999999993</v>
      </c>
      <c r="F581">
        <v>9.609</v>
      </c>
    </row>
    <row r="582" spans="1:6" x14ac:dyDescent="0.25">
      <c r="A582">
        <v>135</v>
      </c>
      <c r="B582">
        <v>189.52</v>
      </c>
      <c r="C582">
        <v>7981.8</v>
      </c>
      <c r="D582">
        <v>3.1</v>
      </c>
      <c r="E582">
        <v>9478.2099999999991</v>
      </c>
      <c r="F582">
        <v>10.828900000000001</v>
      </c>
    </row>
    <row r="583" spans="1:6" x14ac:dyDescent="0.25">
      <c r="A583">
        <v>135</v>
      </c>
      <c r="B583">
        <v>189.52</v>
      </c>
      <c r="C583">
        <v>7981.8</v>
      </c>
      <c r="D583">
        <v>3.4</v>
      </c>
      <c r="E583">
        <v>9511.59</v>
      </c>
      <c r="F583">
        <v>11.730700000000001</v>
      </c>
    </row>
    <row r="584" spans="1:6" x14ac:dyDescent="0.25">
      <c r="A584">
        <v>135</v>
      </c>
      <c r="B584">
        <v>189.52</v>
      </c>
      <c r="C584">
        <v>7981.8</v>
      </c>
      <c r="D584">
        <v>3.7</v>
      </c>
      <c r="E584">
        <v>9390.75</v>
      </c>
      <c r="F584">
        <v>12.698600000000001</v>
      </c>
    </row>
    <row r="585" spans="1:6" x14ac:dyDescent="0.25">
      <c r="A585">
        <v>135</v>
      </c>
      <c r="B585">
        <v>189.52</v>
      </c>
      <c r="C585">
        <v>7981.8</v>
      </c>
      <c r="D585">
        <v>4</v>
      </c>
      <c r="E585">
        <v>9284.57</v>
      </c>
      <c r="F585">
        <v>13.9436</v>
      </c>
    </row>
    <row r="586" spans="1:6" x14ac:dyDescent="0.25">
      <c r="A586">
        <v>135</v>
      </c>
      <c r="B586">
        <v>189.52</v>
      </c>
      <c r="C586">
        <v>9527.25</v>
      </c>
      <c r="D586">
        <v>1</v>
      </c>
      <c r="E586">
        <v>13319.4</v>
      </c>
      <c r="F586">
        <v>10.9735</v>
      </c>
    </row>
    <row r="587" spans="1:6" x14ac:dyDescent="0.25">
      <c r="A587">
        <v>135</v>
      </c>
      <c r="B587">
        <v>189.52</v>
      </c>
      <c r="C587">
        <v>9527.25</v>
      </c>
      <c r="D587">
        <v>1.3</v>
      </c>
      <c r="E587">
        <v>12541.6</v>
      </c>
      <c r="F587">
        <v>10.639099999999999</v>
      </c>
    </row>
    <row r="588" spans="1:6" x14ac:dyDescent="0.25">
      <c r="A588">
        <v>135</v>
      </c>
      <c r="B588">
        <v>189.52</v>
      </c>
      <c r="C588">
        <v>9527.25</v>
      </c>
      <c r="D588">
        <v>1.6</v>
      </c>
      <c r="E588">
        <v>12104.4</v>
      </c>
      <c r="F588">
        <v>10.4512</v>
      </c>
    </row>
    <row r="589" spans="1:6" x14ac:dyDescent="0.25">
      <c r="A589">
        <v>135</v>
      </c>
      <c r="B589">
        <v>189.52</v>
      </c>
      <c r="C589">
        <v>9527.25</v>
      </c>
      <c r="D589">
        <v>1.9</v>
      </c>
      <c r="E589">
        <v>11897.7</v>
      </c>
      <c r="F589">
        <v>10.456300000000001</v>
      </c>
    </row>
    <row r="590" spans="1:6" x14ac:dyDescent="0.25">
      <c r="A590">
        <v>135</v>
      </c>
      <c r="B590">
        <v>189.52</v>
      </c>
      <c r="C590">
        <v>9527.25</v>
      </c>
      <c r="D590">
        <v>2.2000000000000002</v>
      </c>
      <c r="E590">
        <v>11583.9</v>
      </c>
      <c r="F590">
        <v>10.446899999999999</v>
      </c>
    </row>
    <row r="591" spans="1:6" x14ac:dyDescent="0.25">
      <c r="A591">
        <v>135</v>
      </c>
      <c r="B591">
        <v>189.52</v>
      </c>
      <c r="C591">
        <v>9527.25</v>
      </c>
      <c r="D591">
        <v>2.5</v>
      </c>
      <c r="E591">
        <v>11307.6</v>
      </c>
      <c r="F591">
        <v>10.430400000000001</v>
      </c>
    </row>
    <row r="592" spans="1:6" x14ac:dyDescent="0.25">
      <c r="A592">
        <v>135</v>
      </c>
      <c r="B592">
        <v>189.52</v>
      </c>
      <c r="C592">
        <v>9527.25</v>
      </c>
      <c r="D592">
        <v>2.8</v>
      </c>
      <c r="E592">
        <v>11311.3</v>
      </c>
      <c r="F592">
        <v>10.4077</v>
      </c>
    </row>
    <row r="593" spans="1:6" x14ac:dyDescent="0.25">
      <c r="A593">
        <v>135</v>
      </c>
      <c r="B593">
        <v>189.52</v>
      </c>
      <c r="C593">
        <v>9527.25</v>
      </c>
      <c r="D593">
        <v>3.1</v>
      </c>
      <c r="E593">
        <v>11139.5</v>
      </c>
      <c r="F593">
        <v>10.381</v>
      </c>
    </row>
    <row r="594" spans="1:6" x14ac:dyDescent="0.25">
      <c r="A594">
        <v>135</v>
      </c>
      <c r="B594">
        <v>189.52</v>
      </c>
      <c r="C594">
        <v>9527.25</v>
      </c>
      <c r="D594">
        <v>3.4</v>
      </c>
      <c r="E594">
        <v>10995</v>
      </c>
      <c r="F594">
        <v>10.3527</v>
      </c>
    </row>
    <row r="595" spans="1:6" x14ac:dyDescent="0.25">
      <c r="A595">
        <v>135</v>
      </c>
      <c r="B595">
        <v>189.52</v>
      </c>
      <c r="C595">
        <v>9527.25</v>
      </c>
      <c r="D595">
        <v>3.7</v>
      </c>
      <c r="E595">
        <v>10958.9</v>
      </c>
      <c r="F595">
        <v>10.3224</v>
      </c>
    </row>
    <row r="596" spans="1:6" x14ac:dyDescent="0.25">
      <c r="A596">
        <v>135</v>
      </c>
      <c r="B596">
        <v>189.52</v>
      </c>
      <c r="C596">
        <v>9527.25</v>
      </c>
      <c r="D596">
        <v>4</v>
      </c>
      <c r="E596">
        <v>10929.8</v>
      </c>
      <c r="F596">
        <v>10.2911</v>
      </c>
    </row>
    <row r="597" spans="1:6" x14ac:dyDescent="0.25">
      <c r="A597">
        <v>135</v>
      </c>
      <c r="B597">
        <v>189.52</v>
      </c>
      <c r="C597">
        <v>11072.7</v>
      </c>
      <c r="D597">
        <v>1</v>
      </c>
      <c r="E597">
        <v>14906.4</v>
      </c>
      <c r="F597">
        <v>11.0045</v>
      </c>
    </row>
    <row r="598" spans="1:6" x14ac:dyDescent="0.25">
      <c r="A598">
        <v>135</v>
      </c>
      <c r="B598">
        <v>189.52</v>
      </c>
      <c r="C598">
        <v>11072.7</v>
      </c>
      <c r="D598">
        <v>1.3</v>
      </c>
      <c r="E598">
        <v>14134.7</v>
      </c>
      <c r="F598">
        <v>11.046200000000001</v>
      </c>
    </row>
    <row r="599" spans="1:6" x14ac:dyDescent="0.25">
      <c r="A599">
        <v>135</v>
      </c>
      <c r="B599">
        <v>189.52</v>
      </c>
      <c r="C599">
        <v>11072.7</v>
      </c>
      <c r="D599">
        <v>1.6</v>
      </c>
      <c r="E599">
        <v>13838</v>
      </c>
      <c r="F599">
        <v>11.0526</v>
      </c>
    </row>
    <row r="600" spans="1:6" x14ac:dyDescent="0.25">
      <c r="A600">
        <v>135</v>
      </c>
      <c r="B600">
        <v>189.52</v>
      </c>
      <c r="C600">
        <v>11072.7</v>
      </c>
      <c r="D600">
        <v>1.9</v>
      </c>
      <c r="E600">
        <v>13383</v>
      </c>
      <c r="F600">
        <v>11.071999999999999</v>
      </c>
    </row>
    <row r="601" spans="1:6" x14ac:dyDescent="0.25">
      <c r="A601">
        <v>135</v>
      </c>
      <c r="B601">
        <v>189.52</v>
      </c>
      <c r="C601">
        <v>11072.7</v>
      </c>
      <c r="D601">
        <v>2.2000000000000002</v>
      </c>
      <c r="E601">
        <v>13094.4</v>
      </c>
      <c r="F601">
        <v>11.097099999999999</v>
      </c>
    </row>
    <row r="602" spans="1:6" x14ac:dyDescent="0.25">
      <c r="A602">
        <v>135</v>
      </c>
      <c r="B602">
        <v>189.52</v>
      </c>
      <c r="C602">
        <v>11072.7</v>
      </c>
      <c r="D602">
        <v>2.5</v>
      </c>
      <c r="E602">
        <v>12922.6</v>
      </c>
      <c r="F602">
        <v>11.124000000000001</v>
      </c>
    </row>
    <row r="603" spans="1:6" x14ac:dyDescent="0.25">
      <c r="A603">
        <v>135</v>
      </c>
      <c r="B603">
        <v>189.52</v>
      </c>
      <c r="C603">
        <v>11072.7</v>
      </c>
      <c r="D603">
        <v>2.8</v>
      </c>
      <c r="E603">
        <v>12758.4</v>
      </c>
      <c r="F603">
        <v>11.1516</v>
      </c>
    </row>
    <row r="604" spans="1:6" x14ac:dyDescent="0.25">
      <c r="A604">
        <v>135</v>
      </c>
      <c r="B604">
        <v>189.52</v>
      </c>
      <c r="C604">
        <v>11072.7</v>
      </c>
      <c r="D604">
        <v>3.1</v>
      </c>
      <c r="E604">
        <v>12818.2</v>
      </c>
      <c r="F604">
        <v>11.178599999999999</v>
      </c>
    </row>
    <row r="605" spans="1:6" x14ac:dyDescent="0.25">
      <c r="A605">
        <v>135</v>
      </c>
      <c r="B605">
        <v>189.52</v>
      </c>
      <c r="C605">
        <v>11072.7</v>
      </c>
      <c r="D605">
        <v>3.4</v>
      </c>
      <c r="E605">
        <v>12721.2</v>
      </c>
      <c r="F605">
        <v>11.203900000000001</v>
      </c>
    </row>
    <row r="606" spans="1:6" x14ac:dyDescent="0.25">
      <c r="A606">
        <v>135</v>
      </c>
      <c r="B606">
        <v>189.52</v>
      </c>
      <c r="C606">
        <v>11072.7</v>
      </c>
      <c r="D606">
        <v>3.7</v>
      </c>
      <c r="E606">
        <v>12563.1</v>
      </c>
      <c r="F606">
        <v>11.227499999999999</v>
      </c>
    </row>
    <row r="607" spans="1:6" x14ac:dyDescent="0.25">
      <c r="A607">
        <v>135</v>
      </c>
      <c r="B607">
        <v>189.52</v>
      </c>
      <c r="C607">
        <v>11072.7</v>
      </c>
      <c r="D607">
        <v>4</v>
      </c>
      <c r="E607">
        <v>12569.8</v>
      </c>
      <c r="F607">
        <v>11.249000000000001</v>
      </c>
    </row>
    <row r="608" spans="1:6" x14ac:dyDescent="0.25">
      <c r="A608">
        <v>135</v>
      </c>
      <c r="B608">
        <v>189.52</v>
      </c>
      <c r="C608">
        <v>12618.2</v>
      </c>
      <c r="D608">
        <v>1</v>
      </c>
      <c r="E608">
        <v>16610</v>
      </c>
      <c r="F608">
        <v>11.0045</v>
      </c>
    </row>
    <row r="609" spans="1:6" x14ac:dyDescent="0.25">
      <c r="A609">
        <v>135</v>
      </c>
      <c r="B609">
        <v>189.52</v>
      </c>
      <c r="C609">
        <v>12618.2</v>
      </c>
      <c r="D609">
        <v>1.3</v>
      </c>
      <c r="E609">
        <v>15885.7</v>
      </c>
      <c r="F609">
        <v>11.046200000000001</v>
      </c>
    </row>
    <row r="610" spans="1:6" x14ac:dyDescent="0.25">
      <c r="A610">
        <v>135</v>
      </c>
      <c r="B610">
        <v>189.52</v>
      </c>
      <c r="C610">
        <v>12618.2</v>
      </c>
      <c r="D610">
        <v>1.6</v>
      </c>
      <c r="E610">
        <v>15222.9</v>
      </c>
      <c r="F610">
        <v>11.0526</v>
      </c>
    </row>
    <row r="611" spans="1:6" x14ac:dyDescent="0.25">
      <c r="A611">
        <v>135</v>
      </c>
      <c r="B611">
        <v>189.52</v>
      </c>
      <c r="C611">
        <v>12618.2</v>
      </c>
      <c r="D611">
        <v>1.9</v>
      </c>
      <c r="E611">
        <v>14946.5</v>
      </c>
      <c r="F611">
        <v>11.071999999999999</v>
      </c>
    </row>
    <row r="612" spans="1:6" x14ac:dyDescent="0.25">
      <c r="A612">
        <v>135</v>
      </c>
      <c r="B612">
        <v>189.52</v>
      </c>
      <c r="C612">
        <v>12618.2</v>
      </c>
      <c r="D612">
        <v>2.2000000000000002</v>
      </c>
      <c r="E612">
        <v>14636.3</v>
      </c>
      <c r="F612">
        <v>11.097099999999999</v>
      </c>
    </row>
    <row r="613" spans="1:6" x14ac:dyDescent="0.25">
      <c r="A613">
        <v>135</v>
      </c>
      <c r="B613">
        <v>189.52</v>
      </c>
      <c r="C613">
        <v>12618.2</v>
      </c>
      <c r="D613">
        <v>2.5</v>
      </c>
      <c r="E613">
        <v>14503.2</v>
      </c>
      <c r="F613">
        <v>11.124000000000001</v>
      </c>
    </row>
    <row r="614" spans="1:6" x14ac:dyDescent="0.25">
      <c r="A614">
        <v>135</v>
      </c>
      <c r="B614">
        <v>189.52</v>
      </c>
      <c r="C614">
        <v>12618.2</v>
      </c>
      <c r="D614">
        <v>2.8</v>
      </c>
      <c r="E614">
        <v>14449.8</v>
      </c>
      <c r="F614">
        <v>11.1516</v>
      </c>
    </row>
    <row r="615" spans="1:6" x14ac:dyDescent="0.25">
      <c r="A615">
        <v>135</v>
      </c>
      <c r="B615">
        <v>189.52</v>
      </c>
      <c r="C615">
        <v>12618.2</v>
      </c>
      <c r="D615">
        <v>3.1</v>
      </c>
      <c r="E615">
        <v>14271.8</v>
      </c>
      <c r="F615">
        <v>11.178599999999999</v>
      </c>
    </row>
    <row r="616" spans="1:6" x14ac:dyDescent="0.25">
      <c r="A616">
        <v>135</v>
      </c>
      <c r="B616">
        <v>189.52</v>
      </c>
      <c r="C616">
        <v>12618.2</v>
      </c>
      <c r="D616">
        <v>3.4</v>
      </c>
      <c r="E616">
        <v>14118.6</v>
      </c>
      <c r="F616">
        <v>11.203900000000001</v>
      </c>
    </row>
    <row r="617" spans="1:6" x14ac:dyDescent="0.25">
      <c r="A617">
        <v>135</v>
      </c>
      <c r="B617">
        <v>189.52</v>
      </c>
      <c r="C617">
        <v>12618.2</v>
      </c>
      <c r="D617">
        <v>3.7</v>
      </c>
      <c r="E617">
        <v>14207.7</v>
      </c>
      <c r="F617">
        <v>11.227499999999999</v>
      </c>
    </row>
    <row r="618" spans="1:6" x14ac:dyDescent="0.25">
      <c r="A618">
        <v>135</v>
      </c>
      <c r="B618">
        <v>189.52</v>
      </c>
      <c r="C618">
        <v>12618.2</v>
      </c>
      <c r="D618">
        <v>4</v>
      </c>
      <c r="E618">
        <v>14053.6</v>
      </c>
      <c r="F618">
        <v>11.249000000000001</v>
      </c>
    </row>
    <row r="619" spans="1:6" x14ac:dyDescent="0.25">
      <c r="A619">
        <v>135</v>
      </c>
      <c r="B619">
        <v>189.52</v>
      </c>
      <c r="C619">
        <v>14163.6</v>
      </c>
      <c r="D619">
        <v>1</v>
      </c>
      <c r="E619">
        <v>18226.900000000001</v>
      </c>
      <c r="F619">
        <v>11.0045</v>
      </c>
    </row>
    <row r="620" spans="1:6" x14ac:dyDescent="0.25">
      <c r="A620">
        <v>135</v>
      </c>
      <c r="B620">
        <v>189.52</v>
      </c>
      <c r="C620">
        <v>14163.6</v>
      </c>
      <c r="D620">
        <v>1.3</v>
      </c>
      <c r="E620">
        <v>17466.8</v>
      </c>
      <c r="F620">
        <v>11.046200000000001</v>
      </c>
    </row>
    <row r="621" spans="1:6" x14ac:dyDescent="0.25">
      <c r="A621">
        <v>135</v>
      </c>
      <c r="B621">
        <v>189.52</v>
      </c>
      <c r="C621">
        <v>14163.6</v>
      </c>
      <c r="D621">
        <v>1.6</v>
      </c>
      <c r="E621">
        <v>16884.099999999999</v>
      </c>
      <c r="F621">
        <v>11.0526</v>
      </c>
    </row>
    <row r="622" spans="1:6" x14ac:dyDescent="0.25">
      <c r="A622">
        <v>135</v>
      </c>
      <c r="B622">
        <v>189.52</v>
      </c>
      <c r="C622">
        <v>14163.6</v>
      </c>
      <c r="D622">
        <v>1.9</v>
      </c>
      <c r="E622">
        <v>16516</v>
      </c>
      <c r="F622">
        <v>11.071999999999999</v>
      </c>
    </row>
    <row r="623" spans="1:6" x14ac:dyDescent="0.25">
      <c r="A623">
        <v>135</v>
      </c>
      <c r="B623">
        <v>189.52</v>
      </c>
      <c r="C623">
        <v>14163.6</v>
      </c>
      <c r="D623">
        <v>2.2000000000000002</v>
      </c>
      <c r="E623">
        <v>16227.8</v>
      </c>
      <c r="F623">
        <v>11.097099999999999</v>
      </c>
    </row>
    <row r="624" spans="1:6" x14ac:dyDescent="0.25">
      <c r="A624">
        <v>135</v>
      </c>
      <c r="B624">
        <v>189.52</v>
      </c>
      <c r="C624">
        <v>14163.6</v>
      </c>
      <c r="D624">
        <v>2.5</v>
      </c>
      <c r="E624">
        <v>15992.9</v>
      </c>
      <c r="F624">
        <v>11.124000000000001</v>
      </c>
    </row>
    <row r="625" spans="1:6" x14ac:dyDescent="0.25">
      <c r="A625">
        <v>135</v>
      </c>
      <c r="B625">
        <v>189.52</v>
      </c>
      <c r="C625">
        <v>14163.6</v>
      </c>
      <c r="D625">
        <v>2.8</v>
      </c>
      <c r="E625">
        <v>15971</v>
      </c>
      <c r="F625">
        <v>11.1516</v>
      </c>
    </row>
    <row r="626" spans="1:6" x14ac:dyDescent="0.25">
      <c r="A626">
        <v>135</v>
      </c>
      <c r="B626">
        <v>189.52</v>
      </c>
      <c r="C626">
        <v>14163.6</v>
      </c>
      <c r="D626">
        <v>3.1</v>
      </c>
      <c r="E626">
        <v>15776.6</v>
      </c>
      <c r="F626">
        <v>11.178599999999999</v>
      </c>
    </row>
    <row r="627" spans="1:6" x14ac:dyDescent="0.25">
      <c r="A627">
        <v>135</v>
      </c>
      <c r="B627">
        <v>189.52</v>
      </c>
      <c r="C627">
        <v>14163.6</v>
      </c>
      <c r="D627">
        <v>3.4</v>
      </c>
      <c r="E627">
        <v>15753.8</v>
      </c>
      <c r="F627">
        <v>11.203900000000001</v>
      </c>
    </row>
    <row r="628" spans="1:6" x14ac:dyDescent="0.25">
      <c r="A628">
        <v>135</v>
      </c>
      <c r="B628">
        <v>189.52</v>
      </c>
      <c r="C628">
        <v>14163.6</v>
      </c>
      <c r="D628">
        <v>3.7</v>
      </c>
      <c r="E628">
        <v>15665.2</v>
      </c>
      <c r="F628">
        <v>11.227499999999999</v>
      </c>
    </row>
    <row r="629" spans="1:6" x14ac:dyDescent="0.25">
      <c r="A629">
        <v>135</v>
      </c>
      <c r="B629">
        <v>189.52</v>
      </c>
      <c r="C629">
        <v>14163.6</v>
      </c>
      <c r="D629">
        <v>4</v>
      </c>
      <c r="E629">
        <v>15550.1</v>
      </c>
      <c r="F629">
        <v>11.249000000000001</v>
      </c>
    </row>
    <row r="630" spans="1:6" x14ac:dyDescent="0.25">
      <c r="A630">
        <v>135</v>
      </c>
      <c r="B630">
        <v>189.52</v>
      </c>
      <c r="C630">
        <v>15709.1</v>
      </c>
      <c r="D630">
        <v>1</v>
      </c>
      <c r="E630">
        <v>19549.599999999999</v>
      </c>
      <c r="F630">
        <v>11.0045</v>
      </c>
    </row>
    <row r="631" spans="1:6" x14ac:dyDescent="0.25">
      <c r="A631">
        <v>135</v>
      </c>
      <c r="B631">
        <v>189.52</v>
      </c>
      <c r="C631">
        <v>15709.1</v>
      </c>
      <c r="D631">
        <v>1.3</v>
      </c>
      <c r="E631">
        <v>18863</v>
      </c>
      <c r="F631">
        <v>11.046200000000001</v>
      </c>
    </row>
    <row r="632" spans="1:6" x14ac:dyDescent="0.25">
      <c r="A632">
        <v>135</v>
      </c>
      <c r="B632">
        <v>189.52</v>
      </c>
      <c r="C632">
        <v>15709.1</v>
      </c>
      <c r="D632">
        <v>1.6</v>
      </c>
      <c r="E632">
        <v>18389.900000000001</v>
      </c>
      <c r="F632">
        <v>11.0526</v>
      </c>
    </row>
    <row r="633" spans="1:6" x14ac:dyDescent="0.25">
      <c r="A633">
        <v>135</v>
      </c>
      <c r="B633">
        <v>189.52</v>
      </c>
      <c r="C633">
        <v>15709.1</v>
      </c>
      <c r="D633">
        <v>1.9</v>
      </c>
      <c r="E633">
        <v>17993.2</v>
      </c>
      <c r="F633">
        <v>11.071999999999999</v>
      </c>
    </row>
    <row r="634" spans="1:6" x14ac:dyDescent="0.25">
      <c r="A634">
        <v>135</v>
      </c>
      <c r="B634">
        <v>189.52</v>
      </c>
      <c r="C634">
        <v>15709.1</v>
      </c>
      <c r="D634">
        <v>2.2000000000000002</v>
      </c>
      <c r="E634">
        <v>17750.5</v>
      </c>
      <c r="F634">
        <v>11.097099999999999</v>
      </c>
    </row>
    <row r="635" spans="1:6" x14ac:dyDescent="0.25">
      <c r="A635">
        <v>135</v>
      </c>
      <c r="B635">
        <v>189.52</v>
      </c>
      <c r="C635">
        <v>15709.1</v>
      </c>
      <c r="D635">
        <v>2.5</v>
      </c>
      <c r="E635">
        <v>17603.900000000001</v>
      </c>
      <c r="F635">
        <v>11.124000000000001</v>
      </c>
    </row>
    <row r="636" spans="1:6" x14ac:dyDescent="0.25">
      <c r="A636">
        <v>135</v>
      </c>
      <c r="B636">
        <v>189.52</v>
      </c>
      <c r="C636">
        <v>15709.1</v>
      </c>
      <c r="D636">
        <v>2.8</v>
      </c>
      <c r="E636">
        <v>17537.2</v>
      </c>
      <c r="F636">
        <v>11.1516</v>
      </c>
    </row>
    <row r="637" spans="1:6" x14ac:dyDescent="0.25">
      <c r="A637">
        <v>135</v>
      </c>
      <c r="B637">
        <v>189.52</v>
      </c>
      <c r="C637">
        <v>15709.1</v>
      </c>
      <c r="D637">
        <v>3.1</v>
      </c>
      <c r="E637">
        <v>17348.099999999999</v>
      </c>
      <c r="F637">
        <v>11.178599999999999</v>
      </c>
    </row>
    <row r="638" spans="1:6" x14ac:dyDescent="0.25">
      <c r="A638">
        <v>135</v>
      </c>
      <c r="B638">
        <v>189.52</v>
      </c>
      <c r="C638">
        <v>15709.1</v>
      </c>
      <c r="D638">
        <v>3.4</v>
      </c>
      <c r="E638">
        <v>17221.3</v>
      </c>
      <c r="F638">
        <v>11.203900000000001</v>
      </c>
    </row>
    <row r="639" spans="1:6" x14ac:dyDescent="0.25">
      <c r="A639">
        <v>135</v>
      </c>
      <c r="B639">
        <v>189.52</v>
      </c>
      <c r="C639">
        <v>15709.1</v>
      </c>
      <c r="D639">
        <v>3.7</v>
      </c>
      <c r="E639">
        <v>17208.099999999999</v>
      </c>
      <c r="F639">
        <v>11.227499999999999</v>
      </c>
    </row>
    <row r="640" spans="1:6" x14ac:dyDescent="0.25">
      <c r="A640">
        <v>135</v>
      </c>
      <c r="B640">
        <v>189.52</v>
      </c>
      <c r="C640">
        <v>15709.1</v>
      </c>
      <c r="D640">
        <v>4</v>
      </c>
      <c r="E640">
        <v>17036.7</v>
      </c>
      <c r="F640">
        <v>11.249000000000001</v>
      </c>
    </row>
    <row r="641" spans="1:6" x14ac:dyDescent="0.25">
      <c r="A641">
        <v>135</v>
      </c>
      <c r="B641">
        <v>189.52</v>
      </c>
      <c r="C641">
        <v>17254.5</v>
      </c>
      <c r="D641">
        <v>1</v>
      </c>
      <c r="E641">
        <v>21217.1</v>
      </c>
      <c r="F641">
        <v>11.0045</v>
      </c>
    </row>
    <row r="642" spans="1:6" x14ac:dyDescent="0.25">
      <c r="A642">
        <v>135</v>
      </c>
      <c r="B642">
        <v>189.52</v>
      </c>
      <c r="C642">
        <v>17254.5</v>
      </c>
      <c r="D642">
        <v>1.3</v>
      </c>
      <c r="E642">
        <v>20386.099999999999</v>
      </c>
      <c r="F642">
        <v>11.046200000000001</v>
      </c>
    </row>
    <row r="643" spans="1:6" x14ac:dyDescent="0.25">
      <c r="A643">
        <v>135</v>
      </c>
      <c r="B643">
        <v>189.52</v>
      </c>
      <c r="C643">
        <v>17254.5</v>
      </c>
      <c r="D643">
        <v>1.6</v>
      </c>
      <c r="E643">
        <v>19843.599999999999</v>
      </c>
      <c r="F643">
        <v>11.0526</v>
      </c>
    </row>
    <row r="644" spans="1:6" x14ac:dyDescent="0.25">
      <c r="A644">
        <v>135</v>
      </c>
      <c r="B644">
        <v>189.52</v>
      </c>
      <c r="C644">
        <v>17254.5</v>
      </c>
      <c r="D644">
        <v>1.9</v>
      </c>
      <c r="E644">
        <v>19619.5</v>
      </c>
      <c r="F644">
        <v>11.071999999999999</v>
      </c>
    </row>
    <row r="645" spans="1:6" x14ac:dyDescent="0.25">
      <c r="A645">
        <v>135</v>
      </c>
      <c r="B645">
        <v>189.52</v>
      </c>
      <c r="C645">
        <v>17254.5</v>
      </c>
      <c r="D645">
        <v>2.2000000000000002</v>
      </c>
      <c r="E645">
        <v>19444.900000000001</v>
      </c>
      <c r="F645">
        <v>11.097099999999999</v>
      </c>
    </row>
    <row r="646" spans="1:6" x14ac:dyDescent="0.25">
      <c r="A646">
        <v>135</v>
      </c>
      <c r="B646">
        <v>189.52</v>
      </c>
      <c r="C646">
        <v>17254.5</v>
      </c>
      <c r="D646">
        <v>2.5</v>
      </c>
      <c r="E646">
        <v>19186.099999999999</v>
      </c>
      <c r="F646">
        <v>11.124000000000001</v>
      </c>
    </row>
    <row r="647" spans="1:6" x14ac:dyDescent="0.25">
      <c r="A647">
        <v>135</v>
      </c>
      <c r="B647">
        <v>189.52</v>
      </c>
      <c r="C647">
        <v>17254.5</v>
      </c>
      <c r="D647">
        <v>2.8</v>
      </c>
      <c r="E647">
        <v>19101.8</v>
      </c>
      <c r="F647">
        <v>11.1516</v>
      </c>
    </row>
    <row r="648" spans="1:6" x14ac:dyDescent="0.25">
      <c r="A648">
        <v>135</v>
      </c>
      <c r="B648">
        <v>189.52</v>
      </c>
      <c r="C648">
        <v>17254.5</v>
      </c>
      <c r="D648">
        <v>3.1</v>
      </c>
      <c r="E648">
        <v>18914.2</v>
      </c>
      <c r="F648">
        <v>11.178599999999999</v>
      </c>
    </row>
    <row r="649" spans="1:6" x14ac:dyDescent="0.25">
      <c r="A649">
        <v>135</v>
      </c>
      <c r="B649">
        <v>189.52</v>
      </c>
      <c r="C649">
        <v>17254.5</v>
      </c>
      <c r="D649">
        <v>3.4</v>
      </c>
      <c r="E649">
        <v>18755.3</v>
      </c>
      <c r="F649">
        <v>11.203900000000001</v>
      </c>
    </row>
    <row r="650" spans="1:6" x14ac:dyDescent="0.25">
      <c r="A650">
        <v>135</v>
      </c>
      <c r="B650">
        <v>189.52</v>
      </c>
      <c r="C650">
        <v>17254.5</v>
      </c>
      <c r="D650">
        <v>3.7</v>
      </c>
      <c r="E650">
        <v>18796.5</v>
      </c>
      <c r="F650">
        <v>11.227499999999999</v>
      </c>
    </row>
    <row r="651" spans="1:6" x14ac:dyDescent="0.25">
      <c r="A651">
        <v>135</v>
      </c>
      <c r="B651">
        <v>189.52</v>
      </c>
      <c r="C651">
        <v>17254.5</v>
      </c>
      <c r="D651">
        <v>4</v>
      </c>
      <c r="E651">
        <v>18783.8</v>
      </c>
      <c r="F651">
        <v>11.249000000000001</v>
      </c>
    </row>
    <row r="652" spans="1:6" x14ac:dyDescent="0.25">
      <c r="A652">
        <v>135</v>
      </c>
      <c r="B652">
        <v>189.52</v>
      </c>
      <c r="C652">
        <v>18800</v>
      </c>
      <c r="D652">
        <v>1</v>
      </c>
      <c r="E652">
        <v>22766.6</v>
      </c>
      <c r="F652">
        <v>11.0045</v>
      </c>
    </row>
    <row r="653" spans="1:6" x14ac:dyDescent="0.25">
      <c r="A653">
        <v>135</v>
      </c>
      <c r="B653">
        <v>189.52</v>
      </c>
      <c r="C653">
        <v>18800</v>
      </c>
      <c r="D653">
        <v>1.3</v>
      </c>
      <c r="E653">
        <v>21839.5</v>
      </c>
      <c r="F653">
        <v>11.046200000000001</v>
      </c>
    </row>
    <row r="654" spans="1:6" x14ac:dyDescent="0.25">
      <c r="A654">
        <v>135</v>
      </c>
      <c r="B654">
        <v>189.52</v>
      </c>
      <c r="C654">
        <v>18800</v>
      </c>
      <c r="D654">
        <v>1.6</v>
      </c>
      <c r="E654">
        <v>21496.9</v>
      </c>
      <c r="F654">
        <v>11.0526</v>
      </c>
    </row>
    <row r="655" spans="1:6" x14ac:dyDescent="0.25">
      <c r="A655">
        <v>135</v>
      </c>
      <c r="B655">
        <v>189.52</v>
      </c>
      <c r="C655">
        <v>18800</v>
      </c>
      <c r="D655">
        <v>1.9</v>
      </c>
      <c r="E655">
        <v>21153.599999999999</v>
      </c>
      <c r="F655">
        <v>11.071999999999999</v>
      </c>
    </row>
    <row r="656" spans="1:6" x14ac:dyDescent="0.25">
      <c r="A656">
        <v>135</v>
      </c>
      <c r="B656">
        <v>189.52</v>
      </c>
      <c r="C656">
        <v>18800</v>
      </c>
      <c r="D656">
        <v>2.2000000000000002</v>
      </c>
      <c r="E656">
        <v>20818.2</v>
      </c>
      <c r="F656">
        <v>11.097099999999999</v>
      </c>
    </row>
    <row r="657" spans="1:6" x14ac:dyDescent="0.25">
      <c r="A657">
        <v>135</v>
      </c>
      <c r="B657">
        <v>189.52</v>
      </c>
      <c r="C657">
        <v>18800</v>
      </c>
      <c r="D657">
        <v>2.5</v>
      </c>
      <c r="E657">
        <v>20734.2</v>
      </c>
      <c r="F657">
        <v>11.124000000000001</v>
      </c>
    </row>
    <row r="658" spans="1:6" x14ac:dyDescent="0.25">
      <c r="A658">
        <v>135</v>
      </c>
      <c r="B658">
        <v>189.52</v>
      </c>
      <c r="C658">
        <v>18800</v>
      </c>
      <c r="D658">
        <v>2.8</v>
      </c>
      <c r="E658">
        <v>20505.5</v>
      </c>
      <c r="F658">
        <v>11.1516</v>
      </c>
    </row>
    <row r="659" spans="1:6" x14ac:dyDescent="0.25">
      <c r="A659">
        <v>135</v>
      </c>
      <c r="B659">
        <v>189.52</v>
      </c>
      <c r="C659">
        <v>18800</v>
      </c>
      <c r="D659">
        <v>3.1</v>
      </c>
      <c r="E659">
        <v>20583.3</v>
      </c>
      <c r="F659">
        <v>11.178599999999999</v>
      </c>
    </row>
    <row r="660" spans="1:6" x14ac:dyDescent="0.25">
      <c r="A660">
        <v>135</v>
      </c>
      <c r="B660">
        <v>189.52</v>
      </c>
      <c r="C660">
        <v>18800</v>
      </c>
      <c r="D660">
        <v>3.4</v>
      </c>
      <c r="E660">
        <v>20368.7</v>
      </c>
      <c r="F660">
        <v>11.203900000000001</v>
      </c>
    </row>
    <row r="661" spans="1:6" x14ac:dyDescent="0.25">
      <c r="A661">
        <v>135</v>
      </c>
      <c r="B661">
        <v>189.52</v>
      </c>
      <c r="C661">
        <v>18800</v>
      </c>
      <c r="D661">
        <v>3.7</v>
      </c>
      <c r="E661">
        <v>20214.900000000001</v>
      </c>
      <c r="F661">
        <v>11.227499999999999</v>
      </c>
    </row>
    <row r="662" spans="1:6" x14ac:dyDescent="0.25">
      <c r="A662">
        <v>135</v>
      </c>
      <c r="B662">
        <v>189.52</v>
      </c>
      <c r="C662">
        <v>18800</v>
      </c>
      <c r="D662">
        <v>4</v>
      </c>
      <c r="E662">
        <v>20281.900000000001</v>
      </c>
      <c r="F662">
        <v>11.249000000000001</v>
      </c>
    </row>
    <row r="663" spans="1:6" x14ac:dyDescent="0.25">
      <c r="A663">
        <v>135</v>
      </c>
      <c r="B663">
        <v>193.15</v>
      </c>
      <c r="C663">
        <v>1800</v>
      </c>
      <c r="D663">
        <v>1</v>
      </c>
      <c r="E663">
        <v>5758.29</v>
      </c>
      <c r="F663">
        <v>63.430100000000003</v>
      </c>
    </row>
    <row r="664" spans="1:6" x14ac:dyDescent="0.25">
      <c r="A664">
        <v>135</v>
      </c>
      <c r="B664">
        <v>193.15</v>
      </c>
      <c r="C664">
        <v>1800</v>
      </c>
      <c r="D664">
        <v>1.3</v>
      </c>
      <c r="E664">
        <v>5081.7299999999996</v>
      </c>
      <c r="F664">
        <v>77.202100000000002</v>
      </c>
    </row>
    <row r="665" spans="1:6" x14ac:dyDescent="0.25">
      <c r="A665">
        <v>135</v>
      </c>
      <c r="B665">
        <v>193.15</v>
      </c>
      <c r="C665">
        <v>1800</v>
      </c>
      <c r="D665">
        <v>1.6</v>
      </c>
      <c r="E665">
        <v>4659.0200000000004</v>
      </c>
      <c r="F665">
        <v>88.6524</v>
      </c>
    </row>
    <row r="666" spans="1:6" x14ac:dyDescent="0.25">
      <c r="A666">
        <v>135</v>
      </c>
      <c r="B666">
        <v>193.15</v>
      </c>
      <c r="C666">
        <v>1800</v>
      </c>
      <c r="D666">
        <v>1.9</v>
      </c>
      <c r="E666">
        <v>4337.87</v>
      </c>
      <c r="F666">
        <v>93.207499999999996</v>
      </c>
    </row>
    <row r="667" spans="1:6" x14ac:dyDescent="0.25">
      <c r="A667">
        <v>135</v>
      </c>
      <c r="B667">
        <v>193.15</v>
      </c>
      <c r="C667">
        <v>1800</v>
      </c>
      <c r="D667">
        <v>2.2000000000000002</v>
      </c>
      <c r="E667">
        <v>4133.8599999999997</v>
      </c>
      <c r="F667">
        <v>101.602</v>
      </c>
    </row>
    <row r="668" spans="1:6" x14ac:dyDescent="0.25">
      <c r="A668">
        <v>135</v>
      </c>
      <c r="B668">
        <v>193.15</v>
      </c>
      <c r="C668">
        <v>1800</v>
      </c>
      <c r="D668">
        <v>2.5</v>
      </c>
      <c r="E668">
        <v>3969.94</v>
      </c>
      <c r="F668">
        <v>106.426</v>
      </c>
    </row>
    <row r="669" spans="1:6" x14ac:dyDescent="0.25">
      <c r="A669">
        <v>135</v>
      </c>
      <c r="B669">
        <v>193.15</v>
      </c>
      <c r="C669">
        <v>1800</v>
      </c>
      <c r="D669">
        <v>2.8</v>
      </c>
      <c r="E669">
        <v>3839.5</v>
      </c>
      <c r="F669">
        <v>113.907</v>
      </c>
    </row>
    <row r="670" spans="1:6" x14ac:dyDescent="0.25">
      <c r="A670">
        <v>135</v>
      </c>
      <c r="B670">
        <v>193.15</v>
      </c>
      <c r="C670">
        <v>1800</v>
      </c>
      <c r="D670">
        <v>3.1</v>
      </c>
      <c r="E670">
        <v>3721.01</v>
      </c>
      <c r="F670">
        <v>113.58799999999999</v>
      </c>
    </row>
    <row r="671" spans="1:6" x14ac:dyDescent="0.25">
      <c r="A671">
        <v>135</v>
      </c>
      <c r="B671">
        <v>193.15</v>
      </c>
      <c r="C671">
        <v>1800</v>
      </c>
      <c r="D671">
        <v>3.4</v>
      </c>
      <c r="E671">
        <v>3641.77</v>
      </c>
      <c r="F671">
        <v>118.818</v>
      </c>
    </row>
    <row r="672" spans="1:6" x14ac:dyDescent="0.25">
      <c r="A672">
        <v>135</v>
      </c>
      <c r="B672">
        <v>193.15</v>
      </c>
      <c r="C672">
        <v>1800</v>
      </c>
      <c r="D672">
        <v>3.7</v>
      </c>
      <c r="E672">
        <v>3607.54</v>
      </c>
      <c r="F672">
        <v>116.83199999999999</v>
      </c>
    </row>
    <row r="673" spans="1:6" x14ac:dyDescent="0.25">
      <c r="A673">
        <v>135</v>
      </c>
      <c r="B673">
        <v>193.15</v>
      </c>
      <c r="C673">
        <v>1800</v>
      </c>
      <c r="D673">
        <v>4</v>
      </c>
      <c r="E673">
        <v>3531.41</v>
      </c>
      <c r="F673">
        <v>121.611</v>
      </c>
    </row>
    <row r="674" spans="1:6" x14ac:dyDescent="0.25">
      <c r="A674">
        <v>135</v>
      </c>
      <c r="B674">
        <v>193.15</v>
      </c>
      <c r="C674">
        <v>3345.45</v>
      </c>
      <c r="D674">
        <v>1</v>
      </c>
      <c r="E674">
        <v>7033.95</v>
      </c>
      <c r="F674">
        <v>39.825299999999999</v>
      </c>
    </row>
    <row r="675" spans="1:6" x14ac:dyDescent="0.25">
      <c r="A675">
        <v>135</v>
      </c>
      <c r="B675">
        <v>193.15</v>
      </c>
      <c r="C675">
        <v>3345.45</v>
      </c>
      <c r="D675">
        <v>1.3</v>
      </c>
      <c r="E675">
        <v>6449.67</v>
      </c>
      <c r="F675">
        <v>50.488500000000002</v>
      </c>
    </row>
    <row r="676" spans="1:6" x14ac:dyDescent="0.25">
      <c r="A676">
        <v>135</v>
      </c>
      <c r="B676">
        <v>193.15</v>
      </c>
      <c r="C676">
        <v>3345.45</v>
      </c>
      <c r="D676">
        <v>1.6</v>
      </c>
      <c r="E676">
        <v>6138.83</v>
      </c>
      <c r="F676">
        <v>59.515700000000002</v>
      </c>
    </row>
    <row r="677" spans="1:6" x14ac:dyDescent="0.25">
      <c r="A677">
        <v>135</v>
      </c>
      <c r="B677">
        <v>193.15</v>
      </c>
      <c r="C677">
        <v>3345.45</v>
      </c>
      <c r="D677">
        <v>1.9</v>
      </c>
      <c r="E677">
        <v>5769.04</v>
      </c>
      <c r="F677">
        <v>67.434100000000001</v>
      </c>
    </row>
    <row r="678" spans="1:6" x14ac:dyDescent="0.25">
      <c r="A678">
        <v>135</v>
      </c>
      <c r="B678">
        <v>193.15</v>
      </c>
      <c r="C678">
        <v>3345.45</v>
      </c>
      <c r="D678">
        <v>2.2000000000000002</v>
      </c>
      <c r="E678">
        <v>5535.27</v>
      </c>
      <c r="F678">
        <v>73.593500000000006</v>
      </c>
    </row>
    <row r="679" spans="1:6" x14ac:dyDescent="0.25">
      <c r="A679">
        <v>135</v>
      </c>
      <c r="B679">
        <v>193.15</v>
      </c>
      <c r="C679">
        <v>3345.45</v>
      </c>
      <c r="D679">
        <v>2.5</v>
      </c>
      <c r="E679">
        <v>5402.18</v>
      </c>
      <c r="F679">
        <v>78.350899999999996</v>
      </c>
    </row>
    <row r="680" spans="1:6" x14ac:dyDescent="0.25">
      <c r="A680">
        <v>135</v>
      </c>
      <c r="B680">
        <v>193.15</v>
      </c>
      <c r="C680">
        <v>3345.45</v>
      </c>
      <c r="D680">
        <v>2.8</v>
      </c>
      <c r="E680">
        <v>5284.01</v>
      </c>
      <c r="F680">
        <v>85.587900000000005</v>
      </c>
    </row>
    <row r="681" spans="1:6" x14ac:dyDescent="0.25">
      <c r="A681">
        <v>135</v>
      </c>
      <c r="B681">
        <v>193.15</v>
      </c>
      <c r="C681">
        <v>3345.45</v>
      </c>
      <c r="D681">
        <v>3.1</v>
      </c>
      <c r="E681">
        <v>5156.53</v>
      </c>
      <c r="F681">
        <v>91.641499999999994</v>
      </c>
    </row>
    <row r="682" spans="1:6" x14ac:dyDescent="0.25">
      <c r="A682">
        <v>135</v>
      </c>
      <c r="B682">
        <v>193.15</v>
      </c>
      <c r="C682">
        <v>3345.45</v>
      </c>
      <c r="D682">
        <v>3.4</v>
      </c>
      <c r="E682">
        <v>5066.22</v>
      </c>
      <c r="F682">
        <v>92.102099999999993</v>
      </c>
    </row>
    <row r="683" spans="1:6" x14ac:dyDescent="0.25">
      <c r="A683">
        <v>135</v>
      </c>
      <c r="B683">
        <v>193.15</v>
      </c>
      <c r="C683">
        <v>3345.45</v>
      </c>
      <c r="D683">
        <v>3.7</v>
      </c>
      <c r="E683">
        <v>5014.7</v>
      </c>
      <c r="F683">
        <v>97.897300000000001</v>
      </c>
    </row>
    <row r="684" spans="1:6" x14ac:dyDescent="0.25">
      <c r="A684">
        <v>135</v>
      </c>
      <c r="B684">
        <v>193.15</v>
      </c>
      <c r="C684">
        <v>3345.45</v>
      </c>
      <c r="D684">
        <v>4</v>
      </c>
      <c r="E684">
        <v>4938.05</v>
      </c>
      <c r="F684">
        <v>100.873</v>
      </c>
    </row>
    <row r="685" spans="1:6" x14ac:dyDescent="0.25">
      <c r="A685">
        <v>135</v>
      </c>
      <c r="B685">
        <v>193.15</v>
      </c>
      <c r="C685">
        <v>4890.8999999999996</v>
      </c>
      <c r="D685">
        <v>1</v>
      </c>
      <c r="E685">
        <v>8428.23</v>
      </c>
      <c r="F685">
        <v>22.860700000000001</v>
      </c>
    </row>
    <row r="686" spans="1:6" x14ac:dyDescent="0.25">
      <c r="A686">
        <v>135</v>
      </c>
      <c r="B686">
        <v>193.15</v>
      </c>
      <c r="C686">
        <v>4890.8999999999996</v>
      </c>
      <c r="D686">
        <v>1.3</v>
      </c>
      <c r="E686">
        <v>7915.73</v>
      </c>
      <c r="F686">
        <v>28.7224</v>
      </c>
    </row>
    <row r="687" spans="1:6" x14ac:dyDescent="0.25">
      <c r="A687">
        <v>135</v>
      </c>
      <c r="B687">
        <v>193.15</v>
      </c>
      <c r="C687">
        <v>4890.8999999999996</v>
      </c>
      <c r="D687">
        <v>1.6</v>
      </c>
      <c r="E687">
        <v>7449.17</v>
      </c>
      <c r="F687">
        <v>32.956200000000003</v>
      </c>
    </row>
    <row r="688" spans="1:6" x14ac:dyDescent="0.25">
      <c r="A688">
        <v>135</v>
      </c>
      <c r="B688">
        <v>193.15</v>
      </c>
      <c r="C688">
        <v>4890.8999999999996</v>
      </c>
      <c r="D688">
        <v>1.9</v>
      </c>
      <c r="E688">
        <v>7269.09</v>
      </c>
      <c r="F688">
        <v>37.492899999999999</v>
      </c>
    </row>
    <row r="689" spans="1:6" x14ac:dyDescent="0.25">
      <c r="A689">
        <v>135</v>
      </c>
      <c r="B689">
        <v>193.15</v>
      </c>
      <c r="C689">
        <v>4890.8999999999996</v>
      </c>
      <c r="D689">
        <v>2.2000000000000002</v>
      </c>
      <c r="E689">
        <v>7060.21</v>
      </c>
      <c r="F689">
        <v>39.771000000000001</v>
      </c>
    </row>
    <row r="690" spans="1:6" x14ac:dyDescent="0.25">
      <c r="A690">
        <v>135</v>
      </c>
      <c r="B690">
        <v>193.15</v>
      </c>
      <c r="C690">
        <v>4890.8999999999996</v>
      </c>
      <c r="D690">
        <v>2.5</v>
      </c>
      <c r="E690">
        <v>6834.11</v>
      </c>
      <c r="F690">
        <v>46.2363</v>
      </c>
    </row>
    <row r="691" spans="1:6" x14ac:dyDescent="0.25">
      <c r="A691">
        <v>135</v>
      </c>
      <c r="B691">
        <v>193.15</v>
      </c>
      <c r="C691">
        <v>4890.8999999999996</v>
      </c>
      <c r="D691">
        <v>2.8</v>
      </c>
      <c r="E691">
        <v>6757.69</v>
      </c>
      <c r="F691">
        <v>52.661900000000003</v>
      </c>
    </row>
    <row r="692" spans="1:6" x14ac:dyDescent="0.25">
      <c r="A692">
        <v>135</v>
      </c>
      <c r="B692">
        <v>193.15</v>
      </c>
      <c r="C692">
        <v>4890.8999999999996</v>
      </c>
      <c r="D692">
        <v>3.1</v>
      </c>
      <c r="E692">
        <v>6619.83</v>
      </c>
      <c r="F692">
        <v>56.417900000000003</v>
      </c>
    </row>
    <row r="693" spans="1:6" x14ac:dyDescent="0.25">
      <c r="A693">
        <v>135</v>
      </c>
      <c r="B693">
        <v>193.15</v>
      </c>
      <c r="C693">
        <v>4890.8999999999996</v>
      </c>
      <c r="D693">
        <v>3.4</v>
      </c>
      <c r="E693">
        <v>6492.83</v>
      </c>
      <c r="F693">
        <v>61.669800000000002</v>
      </c>
    </row>
    <row r="694" spans="1:6" x14ac:dyDescent="0.25">
      <c r="A694">
        <v>135</v>
      </c>
      <c r="B694">
        <v>193.15</v>
      </c>
      <c r="C694">
        <v>4890.8999999999996</v>
      </c>
      <c r="D694">
        <v>3.7</v>
      </c>
      <c r="E694">
        <v>6415.45</v>
      </c>
      <c r="F694">
        <v>64.282300000000006</v>
      </c>
    </row>
    <row r="695" spans="1:6" x14ac:dyDescent="0.25">
      <c r="A695">
        <v>135</v>
      </c>
      <c r="B695">
        <v>193.15</v>
      </c>
      <c r="C695">
        <v>4890.8999999999996</v>
      </c>
      <c r="D695">
        <v>4</v>
      </c>
      <c r="E695">
        <v>6403.68</v>
      </c>
      <c r="F695">
        <v>68.760999999999996</v>
      </c>
    </row>
    <row r="696" spans="1:6" x14ac:dyDescent="0.25">
      <c r="A696">
        <v>135</v>
      </c>
      <c r="B696">
        <v>193.15</v>
      </c>
      <c r="C696">
        <v>6436.35</v>
      </c>
      <c r="D696">
        <v>1</v>
      </c>
      <c r="E696">
        <v>10016.9</v>
      </c>
      <c r="F696">
        <v>9.5771800000000002</v>
      </c>
    </row>
    <row r="697" spans="1:6" x14ac:dyDescent="0.25">
      <c r="A697">
        <v>135</v>
      </c>
      <c r="B697">
        <v>193.15</v>
      </c>
      <c r="C697">
        <v>6436.35</v>
      </c>
      <c r="D697">
        <v>1.3</v>
      </c>
      <c r="E697">
        <v>9381.51</v>
      </c>
      <c r="F697">
        <v>11.1136</v>
      </c>
    </row>
    <row r="698" spans="1:6" x14ac:dyDescent="0.25">
      <c r="A698">
        <v>135</v>
      </c>
      <c r="B698">
        <v>193.15</v>
      </c>
      <c r="C698">
        <v>6436.35</v>
      </c>
      <c r="D698">
        <v>1.6</v>
      </c>
      <c r="E698">
        <v>8901.19</v>
      </c>
      <c r="F698">
        <v>13.2204</v>
      </c>
    </row>
    <row r="699" spans="1:6" x14ac:dyDescent="0.25">
      <c r="A699">
        <v>135</v>
      </c>
      <c r="B699">
        <v>193.15</v>
      </c>
      <c r="C699">
        <v>6436.35</v>
      </c>
      <c r="D699">
        <v>1.9</v>
      </c>
      <c r="E699">
        <v>8829.65</v>
      </c>
      <c r="F699">
        <v>15.043799999999999</v>
      </c>
    </row>
    <row r="700" spans="1:6" x14ac:dyDescent="0.25">
      <c r="A700">
        <v>135</v>
      </c>
      <c r="B700">
        <v>193.15</v>
      </c>
      <c r="C700">
        <v>6436.35</v>
      </c>
      <c r="D700">
        <v>2.2000000000000002</v>
      </c>
      <c r="E700">
        <v>8560.5300000000007</v>
      </c>
      <c r="F700">
        <v>18.659600000000001</v>
      </c>
    </row>
    <row r="701" spans="1:6" x14ac:dyDescent="0.25">
      <c r="A701">
        <v>135</v>
      </c>
      <c r="B701">
        <v>193.15</v>
      </c>
      <c r="C701">
        <v>6436.35</v>
      </c>
      <c r="D701">
        <v>2.5</v>
      </c>
      <c r="E701">
        <v>8337.44</v>
      </c>
      <c r="F701">
        <v>20.168099999999999</v>
      </c>
    </row>
    <row r="702" spans="1:6" x14ac:dyDescent="0.25">
      <c r="A702">
        <v>135</v>
      </c>
      <c r="B702">
        <v>193.15</v>
      </c>
      <c r="C702">
        <v>6436.35</v>
      </c>
      <c r="D702">
        <v>2.8</v>
      </c>
      <c r="E702">
        <v>8189.58</v>
      </c>
      <c r="F702">
        <v>23.2515</v>
      </c>
    </row>
    <row r="703" spans="1:6" x14ac:dyDescent="0.25">
      <c r="A703">
        <v>135</v>
      </c>
      <c r="B703">
        <v>193.15</v>
      </c>
      <c r="C703">
        <v>6436.35</v>
      </c>
      <c r="D703">
        <v>3.1</v>
      </c>
      <c r="E703">
        <v>8021.98</v>
      </c>
      <c r="F703">
        <v>27.154699999999998</v>
      </c>
    </row>
    <row r="704" spans="1:6" x14ac:dyDescent="0.25">
      <c r="A704">
        <v>135</v>
      </c>
      <c r="B704">
        <v>193.15</v>
      </c>
      <c r="C704">
        <v>6436.35</v>
      </c>
      <c r="D704">
        <v>3.4</v>
      </c>
      <c r="E704">
        <v>8034.92</v>
      </c>
      <c r="F704">
        <v>29.756399999999999</v>
      </c>
    </row>
    <row r="705" spans="1:6" x14ac:dyDescent="0.25">
      <c r="A705">
        <v>135</v>
      </c>
      <c r="B705">
        <v>193.15</v>
      </c>
      <c r="C705">
        <v>6436.35</v>
      </c>
      <c r="D705">
        <v>3.7</v>
      </c>
      <c r="E705">
        <v>7894.56</v>
      </c>
      <c r="F705">
        <v>32.312800000000003</v>
      </c>
    </row>
    <row r="706" spans="1:6" x14ac:dyDescent="0.25">
      <c r="A706">
        <v>135</v>
      </c>
      <c r="B706">
        <v>193.15</v>
      </c>
      <c r="C706">
        <v>6436.35</v>
      </c>
      <c r="D706">
        <v>4</v>
      </c>
      <c r="E706">
        <v>7863.27</v>
      </c>
      <c r="F706">
        <v>34.543399999999998</v>
      </c>
    </row>
    <row r="707" spans="1:6" x14ac:dyDescent="0.25">
      <c r="A707">
        <v>135</v>
      </c>
      <c r="B707">
        <v>193.15</v>
      </c>
      <c r="C707">
        <v>7981.8</v>
      </c>
      <c r="D707">
        <v>1</v>
      </c>
      <c r="E707">
        <v>11734.1</v>
      </c>
      <c r="F707">
        <v>10.394399999999999</v>
      </c>
    </row>
    <row r="708" spans="1:6" x14ac:dyDescent="0.25">
      <c r="A708">
        <v>135</v>
      </c>
      <c r="B708">
        <v>193.15</v>
      </c>
      <c r="C708">
        <v>7981.8</v>
      </c>
      <c r="D708">
        <v>1.3</v>
      </c>
      <c r="E708">
        <v>10862.1</v>
      </c>
      <c r="F708">
        <v>10.417400000000001</v>
      </c>
    </row>
    <row r="709" spans="1:6" x14ac:dyDescent="0.25">
      <c r="A709">
        <v>135</v>
      </c>
      <c r="B709">
        <v>193.15</v>
      </c>
      <c r="C709">
        <v>7981.8</v>
      </c>
      <c r="D709">
        <v>1.6</v>
      </c>
      <c r="E709">
        <v>10360.799999999999</v>
      </c>
      <c r="F709">
        <v>10.3386</v>
      </c>
    </row>
    <row r="710" spans="1:6" x14ac:dyDescent="0.25">
      <c r="A710">
        <v>135</v>
      </c>
      <c r="B710">
        <v>193.15</v>
      </c>
      <c r="C710">
        <v>7981.8</v>
      </c>
      <c r="D710">
        <v>1.9</v>
      </c>
      <c r="E710">
        <v>10039.299999999999</v>
      </c>
      <c r="F710">
        <v>9.9930800000000009</v>
      </c>
    </row>
    <row r="711" spans="1:6" x14ac:dyDescent="0.25">
      <c r="A711">
        <v>135</v>
      </c>
      <c r="B711">
        <v>193.15</v>
      </c>
      <c r="C711">
        <v>7981.8</v>
      </c>
      <c r="D711">
        <v>2.2000000000000002</v>
      </c>
      <c r="E711">
        <v>10015.799999999999</v>
      </c>
      <c r="F711">
        <v>9.7000499999999992</v>
      </c>
    </row>
    <row r="712" spans="1:6" x14ac:dyDescent="0.25">
      <c r="A712">
        <v>135</v>
      </c>
      <c r="B712">
        <v>193.15</v>
      </c>
      <c r="C712">
        <v>7981.8</v>
      </c>
      <c r="D712">
        <v>2.5</v>
      </c>
      <c r="E712">
        <v>9669.98</v>
      </c>
      <c r="F712">
        <v>9.4641699999999993</v>
      </c>
    </row>
    <row r="713" spans="1:6" x14ac:dyDescent="0.25">
      <c r="A713">
        <v>135</v>
      </c>
      <c r="B713">
        <v>193.15</v>
      </c>
      <c r="C713">
        <v>7981.8</v>
      </c>
      <c r="D713">
        <v>2.8</v>
      </c>
      <c r="E713">
        <v>9619.39</v>
      </c>
      <c r="F713">
        <v>9.2841000000000005</v>
      </c>
    </row>
    <row r="714" spans="1:6" x14ac:dyDescent="0.25">
      <c r="A714">
        <v>135</v>
      </c>
      <c r="B714">
        <v>193.15</v>
      </c>
      <c r="C714">
        <v>7981.8</v>
      </c>
      <c r="D714">
        <v>3.1</v>
      </c>
      <c r="E714">
        <v>9479.94</v>
      </c>
      <c r="F714">
        <v>10.003</v>
      </c>
    </row>
    <row r="715" spans="1:6" x14ac:dyDescent="0.25">
      <c r="A715">
        <v>135</v>
      </c>
      <c r="B715">
        <v>193.15</v>
      </c>
      <c r="C715">
        <v>7981.8</v>
      </c>
      <c r="D715">
        <v>3.4</v>
      </c>
      <c r="E715">
        <v>9353.86</v>
      </c>
      <c r="F715">
        <v>10.9567</v>
      </c>
    </row>
    <row r="716" spans="1:6" x14ac:dyDescent="0.25">
      <c r="A716">
        <v>135</v>
      </c>
      <c r="B716">
        <v>193.15</v>
      </c>
      <c r="C716">
        <v>7981.8</v>
      </c>
      <c r="D716">
        <v>3.7</v>
      </c>
      <c r="E716">
        <v>9392.17</v>
      </c>
      <c r="F716">
        <v>12.412100000000001</v>
      </c>
    </row>
    <row r="717" spans="1:6" x14ac:dyDescent="0.25">
      <c r="A717">
        <v>135</v>
      </c>
      <c r="B717">
        <v>193.15</v>
      </c>
      <c r="C717">
        <v>7981.8</v>
      </c>
      <c r="D717">
        <v>4</v>
      </c>
      <c r="E717">
        <v>9285.8700000000008</v>
      </c>
      <c r="F717">
        <v>13.5532</v>
      </c>
    </row>
    <row r="718" spans="1:6" x14ac:dyDescent="0.25">
      <c r="A718">
        <v>135</v>
      </c>
      <c r="B718">
        <v>193.15</v>
      </c>
      <c r="C718">
        <v>9527.25</v>
      </c>
      <c r="D718">
        <v>1</v>
      </c>
      <c r="E718">
        <v>13319.4</v>
      </c>
      <c r="F718">
        <v>10.9735</v>
      </c>
    </row>
    <row r="719" spans="1:6" x14ac:dyDescent="0.25">
      <c r="A719">
        <v>135</v>
      </c>
      <c r="B719">
        <v>193.15</v>
      </c>
      <c r="C719">
        <v>9527.25</v>
      </c>
      <c r="D719">
        <v>1.3</v>
      </c>
      <c r="E719">
        <v>12541.6</v>
      </c>
      <c r="F719">
        <v>10.639099999999999</v>
      </c>
    </row>
    <row r="720" spans="1:6" x14ac:dyDescent="0.25">
      <c r="A720">
        <v>135</v>
      </c>
      <c r="B720">
        <v>193.15</v>
      </c>
      <c r="C720">
        <v>9527.25</v>
      </c>
      <c r="D720">
        <v>1.6</v>
      </c>
      <c r="E720">
        <v>12101.7</v>
      </c>
      <c r="F720">
        <v>10.4512</v>
      </c>
    </row>
    <row r="721" spans="1:6" x14ac:dyDescent="0.25">
      <c r="A721">
        <v>135</v>
      </c>
      <c r="B721">
        <v>193.15</v>
      </c>
      <c r="C721">
        <v>9527.25</v>
      </c>
      <c r="D721">
        <v>1.9</v>
      </c>
      <c r="E721">
        <v>11831.2</v>
      </c>
      <c r="F721">
        <v>10.456300000000001</v>
      </c>
    </row>
    <row r="722" spans="1:6" x14ac:dyDescent="0.25">
      <c r="A722">
        <v>135</v>
      </c>
      <c r="B722">
        <v>193.15</v>
      </c>
      <c r="C722">
        <v>9527.25</v>
      </c>
      <c r="D722">
        <v>2.2000000000000002</v>
      </c>
      <c r="E722">
        <v>11583.9</v>
      </c>
      <c r="F722">
        <v>10.446899999999999</v>
      </c>
    </row>
    <row r="723" spans="1:6" x14ac:dyDescent="0.25">
      <c r="A723">
        <v>135</v>
      </c>
      <c r="B723">
        <v>193.15</v>
      </c>
      <c r="C723">
        <v>9527.25</v>
      </c>
      <c r="D723">
        <v>2.5</v>
      </c>
      <c r="E723">
        <v>11391</v>
      </c>
      <c r="F723">
        <v>10.430400000000001</v>
      </c>
    </row>
    <row r="724" spans="1:6" x14ac:dyDescent="0.25">
      <c r="A724">
        <v>135</v>
      </c>
      <c r="B724">
        <v>193.15</v>
      </c>
      <c r="C724">
        <v>9527.25</v>
      </c>
      <c r="D724">
        <v>2.8</v>
      </c>
      <c r="E724">
        <v>11311.3</v>
      </c>
      <c r="F724">
        <v>10.4077</v>
      </c>
    </row>
    <row r="725" spans="1:6" x14ac:dyDescent="0.25">
      <c r="A725">
        <v>135</v>
      </c>
      <c r="B725">
        <v>193.15</v>
      </c>
      <c r="C725">
        <v>9527.25</v>
      </c>
      <c r="D725">
        <v>3.1</v>
      </c>
      <c r="E725">
        <v>11165.2</v>
      </c>
      <c r="F725">
        <v>10.381</v>
      </c>
    </row>
    <row r="726" spans="1:6" x14ac:dyDescent="0.25">
      <c r="A726">
        <v>135</v>
      </c>
      <c r="B726">
        <v>193.15</v>
      </c>
      <c r="C726">
        <v>9527.25</v>
      </c>
      <c r="D726">
        <v>3.4</v>
      </c>
      <c r="E726">
        <v>11004.5</v>
      </c>
      <c r="F726">
        <v>10.3527</v>
      </c>
    </row>
    <row r="727" spans="1:6" x14ac:dyDescent="0.25">
      <c r="A727">
        <v>135</v>
      </c>
      <c r="B727">
        <v>193.15</v>
      </c>
      <c r="C727">
        <v>9527.25</v>
      </c>
      <c r="D727">
        <v>3.7</v>
      </c>
      <c r="E727">
        <v>10958.9</v>
      </c>
      <c r="F727">
        <v>10.3224</v>
      </c>
    </row>
    <row r="728" spans="1:6" x14ac:dyDescent="0.25">
      <c r="A728">
        <v>135</v>
      </c>
      <c r="B728">
        <v>193.15</v>
      </c>
      <c r="C728">
        <v>9527.25</v>
      </c>
      <c r="D728">
        <v>4</v>
      </c>
      <c r="E728">
        <v>10900.4</v>
      </c>
      <c r="F728">
        <v>10.418200000000001</v>
      </c>
    </row>
    <row r="729" spans="1:6" x14ac:dyDescent="0.25">
      <c r="A729">
        <v>135</v>
      </c>
      <c r="B729">
        <v>193.15</v>
      </c>
      <c r="C729">
        <v>11072.7</v>
      </c>
      <c r="D729">
        <v>1</v>
      </c>
      <c r="E729">
        <v>14906.4</v>
      </c>
      <c r="F729">
        <v>11.0045</v>
      </c>
    </row>
    <row r="730" spans="1:6" x14ac:dyDescent="0.25">
      <c r="A730">
        <v>135</v>
      </c>
      <c r="B730">
        <v>193.15</v>
      </c>
      <c r="C730">
        <v>11072.7</v>
      </c>
      <c r="D730">
        <v>1.3</v>
      </c>
      <c r="E730">
        <v>14129.9</v>
      </c>
      <c r="F730">
        <v>11.046200000000001</v>
      </c>
    </row>
    <row r="731" spans="1:6" x14ac:dyDescent="0.25">
      <c r="A731">
        <v>135</v>
      </c>
      <c r="B731">
        <v>193.15</v>
      </c>
      <c r="C731">
        <v>11072.7</v>
      </c>
      <c r="D731">
        <v>1.6</v>
      </c>
      <c r="E731">
        <v>13809.6</v>
      </c>
      <c r="F731">
        <v>11.0526</v>
      </c>
    </row>
    <row r="732" spans="1:6" x14ac:dyDescent="0.25">
      <c r="A732">
        <v>135</v>
      </c>
      <c r="B732">
        <v>193.15</v>
      </c>
      <c r="C732">
        <v>11072.7</v>
      </c>
      <c r="D732">
        <v>1.9</v>
      </c>
      <c r="E732">
        <v>13381.5</v>
      </c>
      <c r="F732">
        <v>11.071999999999999</v>
      </c>
    </row>
    <row r="733" spans="1:6" x14ac:dyDescent="0.25">
      <c r="A733">
        <v>135</v>
      </c>
      <c r="B733">
        <v>193.15</v>
      </c>
      <c r="C733">
        <v>11072.7</v>
      </c>
      <c r="D733">
        <v>2.2000000000000002</v>
      </c>
      <c r="E733">
        <v>13076.5</v>
      </c>
      <c r="F733">
        <v>11.097099999999999</v>
      </c>
    </row>
    <row r="734" spans="1:6" x14ac:dyDescent="0.25">
      <c r="A734">
        <v>135</v>
      </c>
      <c r="B734">
        <v>193.15</v>
      </c>
      <c r="C734">
        <v>11072.7</v>
      </c>
      <c r="D734">
        <v>2.5</v>
      </c>
      <c r="E734">
        <v>12884.4</v>
      </c>
      <c r="F734">
        <v>11.124000000000001</v>
      </c>
    </row>
    <row r="735" spans="1:6" x14ac:dyDescent="0.25">
      <c r="A735">
        <v>135</v>
      </c>
      <c r="B735">
        <v>193.15</v>
      </c>
      <c r="C735">
        <v>11072.7</v>
      </c>
      <c r="D735">
        <v>2.8</v>
      </c>
      <c r="E735">
        <v>12758.4</v>
      </c>
      <c r="F735">
        <v>11.1516</v>
      </c>
    </row>
    <row r="736" spans="1:6" x14ac:dyDescent="0.25">
      <c r="A736">
        <v>135</v>
      </c>
      <c r="B736">
        <v>193.15</v>
      </c>
      <c r="C736">
        <v>11072.7</v>
      </c>
      <c r="D736">
        <v>3.1</v>
      </c>
      <c r="E736">
        <v>12695</v>
      </c>
      <c r="F736">
        <v>11.178599999999999</v>
      </c>
    </row>
    <row r="737" spans="1:6" x14ac:dyDescent="0.25">
      <c r="A737">
        <v>135</v>
      </c>
      <c r="B737">
        <v>193.15</v>
      </c>
      <c r="C737">
        <v>11072.7</v>
      </c>
      <c r="D737">
        <v>3.4</v>
      </c>
      <c r="E737">
        <v>12721.2</v>
      </c>
      <c r="F737">
        <v>11.203900000000001</v>
      </c>
    </row>
    <row r="738" spans="1:6" x14ac:dyDescent="0.25">
      <c r="A738">
        <v>135</v>
      </c>
      <c r="B738">
        <v>193.15</v>
      </c>
      <c r="C738">
        <v>11072.7</v>
      </c>
      <c r="D738">
        <v>3.7</v>
      </c>
      <c r="E738">
        <v>12536.7</v>
      </c>
      <c r="F738">
        <v>11.227499999999999</v>
      </c>
    </row>
    <row r="739" spans="1:6" x14ac:dyDescent="0.25">
      <c r="A739">
        <v>135</v>
      </c>
      <c r="B739">
        <v>193.15</v>
      </c>
      <c r="C739">
        <v>11072.7</v>
      </c>
      <c r="D739">
        <v>4</v>
      </c>
      <c r="E739">
        <v>12378.9</v>
      </c>
      <c r="F739">
        <v>11.249000000000001</v>
      </c>
    </row>
    <row r="740" spans="1:6" x14ac:dyDescent="0.25">
      <c r="A740">
        <v>135</v>
      </c>
      <c r="B740">
        <v>193.15</v>
      </c>
      <c r="C740">
        <v>12618.2</v>
      </c>
      <c r="D740">
        <v>1</v>
      </c>
      <c r="E740">
        <v>16610</v>
      </c>
      <c r="F740">
        <v>11.0045</v>
      </c>
    </row>
    <row r="741" spans="1:6" x14ac:dyDescent="0.25">
      <c r="A741">
        <v>135</v>
      </c>
      <c r="B741">
        <v>193.15</v>
      </c>
      <c r="C741">
        <v>12618.2</v>
      </c>
      <c r="D741">
        <v>1.3</v>
      </c>
      <c r="E741">
        <v>15885.7</v>
      </c>
      <c r="F741">
        <v>11.046200000000001</v>
      </c>
    </row>
    <row r="742" spans="1:6" x14ac:dyDescent="0.25">
      <c r="A742">
        <v>135</v>
      </c>
      <c r="B742">
        <v>193.15</v>
      </c>
      <c r="C742">
        <v>12618.2</v>
      </c>
      <c r="D742">
        <v>1.6</v>
      </c>
      <c r="E742">
        <v>15206.7</v>
      </c>
      <c r="F742">
        <v>11.0526</v>
      </c>
    </row>
    <row r="743" spans="1:6" x14ac:dyDescent="0.25">
      <c r="A743">
        <v>135</v>
      </c>
      <c r="B743">
        <v>193.15</v>
      </c>
      <c r="C743">
        <v>12618.2</v>
      </c>
      <c r="D743">
        <v>1.9</v>
      </c>
      <c r="E743">
        <v>14994.4</v>
      </c>
      <c r="F743">
        <v>11.071999999999999</v>
      </c>
    </row>
    <row r="744" spans="1:6" x14ac:dyDescent="0.25">
      <c r="A744">
        <v>135</v>
      </c>
      <c r="B744">
        <v>193.15</v>
      </c>
      <c r="C744">
        <v>12618.2</v>
      </c>
      <c r="D744">
        <v>2.2000000000000002</v>
      </c>
      <c r="E744">
        <v>14635.9</v>
      </c>
      <c r="F744">
        <v>11.097099999999999</v>
      </c>
    </row>
    <row r="745" spans="1:6" x14ac:dyDescent="0.25">
      <c r="A745">
        <v>135</v>
      </c>
      <c r="B745">
        <v>193.15</v>
      </c>
      <c r="C745">
        <v>12618.2</v>
      </c>
      <c r="D745">
        <v>2.5</v>
      </c>
      <c r="E745">
        <v>14584.4</v>
      </c>
      <c r="F745">
        <v>11.124000000000001</v>
      </c>
    </row>
    <row r="746" spans="1:6" x14ac:dyDescent="0.25">
      <c r="A746">
        <v>135</v>
      </c>
      <c r="B746">
        <v>193.15</v>
      </c>
      <c r="C746">
        <v>12618.2</v>
      </c>
      <c r="D746">
        <v>2.8</v>
      </c>
      <c r="E746">
        <v>14380.9</v>
      </c>
      <c r="F746">
        <v>11.1516</v>
      </c>
    </row>
    <row r="747" spans="1:6" x14ac:dyDescent="0.25">
      <c r="A747">
        <v>135</v>
      </c>
      <c r="B747">
        <v>193.15</v>
      </c>
      <c r="C747">
        <v>12618.2</v>
      </c>
      <c r="D747">
        <v>3.1</v>
      </c>
      <c r="E747">
        <v>14207.6</v>
      </c>
      <c r="F747">
        <v>11.178599999999999</v>
      </c>
    </row>
    <row r="748" spans="1:6" x14ac:dyDescent="0.25">
      <c r="A748">
        <v>135</v>
      </c>
      <c r="B748">
        <v>193.15</v>
      </c>
      <c r="C748">
        <v>12618.2</v>
      </c>
      <c r="D748">
        <v>3.4</v>
      </c>
      <c r="E748">
        <v>14218.2</v>
      </c>
      <c r="F748">
        <v>11.203900000000001</v>
      </c>
    </row>
    <row r="749" spans="1:6" x14ac:dyDescent="0.25">
      <c r="A749">
        <v>135</v>
      </c>
      <c r="B749">
        <v>193.15</v>
      </c>
      <c r="C749">
        <v>12618.2</v>
      </c>
      <c r="D749">
        <v>3.7</v>
      </c>
      <c r="E749">
        <v>14071.9</v>
      </c>
      <c r="F749">
        <v>11.227499999999999</v>
      </c>
    </row>
    <row r="750" spans="1:6" x14ac:dyDescent="0.25">
      <c r="A750">
        <v>135</v>
      </c>
      <c r="B750">
        <v>193.15</v>
      </c>
      <c r="C750">
        <v>12618.2</v>
      </c>
      <c r="D750">
        <v>4</v>
      </c>
      <c r="E750">
        <v>13956.7</v>
      </c>
      <c r="F750">
        <v>11.249000000000001</v>
      </c>
    </row>
    <row r="751" spans="1:6" x14ac:dyDescent="0.25">
      <c r="A751">
        <v>135</v>
      </c>
      <c r="B751">
        <v>193.15</v>
      </c>
      <c r="C751">
        <v>14163.6</v>
      </c>
      <c r="D751">
        <v>1</v>
      </c>
      <c r="E751">
        <v>18226.900000000001</v>
      </c>
      <c r="F751">
        <v>11.0045</v>
      </c>
    </row>
    <row r="752" spans="1:6" x14ac:dyDescent="0.25">
      <c r="A752">
        <v>135</v>
      </c>
      <c r="B752">
        <v>193.15</v>
      </c>
      <c r="C752">
        <v>14163.6</v>
      </c>
      <c r="D752">
        <v>1.3</v>
      </c>
      <c r="E752">
        <v>17323.5</v>
      </c>
      <c r="F752">
        <v>11.046200000000001</v>
      </c>
    </row>
    <row r="753" spans="1:6" x14ac:dyDescent="0.25">
      <c r="A753">
        <v>135</v>
      </c>
      <c r="B753">
        <v>193.15</v>
      </c>
      <c r="C753">
        <v>14163.6</v>
      </c>
      <c r="D753">
        <v>1.6</v>
      </c>
      <c r="E753">
        <v>16845</v>
      </c>
      <c r="F753">
        <v>11.0526</v>
      </c>
    </row>
    <row r="754" spans="1:6" x14ac:dyDescent="0.25">
      <c r="A754">
        <v>135</v>
      </c>
      <c r="B754">
        <v>193.15</v>
      </c>
      <c r="C754">
        <v>14163.6</v>
      </c>
      <c r="D754">
        <v>1.9</v>
      </c>
      <c r="E754">
        <v>16430.2</v>
      </c>
      <c r="F754">
        <v>11.071999999999999</v>
      </c>
    </row>
    <row r="755" spans="1:6" x14ac:dyDescent="0.25">
      <c r="A755">
        <v>135</v>
      </c>
      <c r="B755">
        <v>193.15</v>
      </c>
      <c r="C755">
        <v>14163.6</v>
      </c>
      <c r="D755">
        <v>2.2000000000000002</v>
      </c>
      <c r="E755">
        <v>16198.3</v>
      </c>
      <c r="F755">
        <v>11.097099999999999</v>
      </c>
    </row>
    <row r="756" spans="1:6" x14ac:dyDescent="0.25">
      <c r="A756">
        <v>135</v>
      </c>
      <c r="B756">
        <v>193.15</v>
      </c>
      <c r="C756">
        <v>14163.6</v>
      </c>
      <c r="D756">
        <v>2.5</v>
      </c>
      <c r="E756">
        <v>16138.9</v>
      </c>
      <c r="F756">
        <v>11.124000000000001</v>
      </c>
    </row>
    <row r="757" spans="1:6" x14ac:dyDescent="0.25">
      <c r="A757">
        <v>135</v>
      </c>
      <c r="B757">
        <v>193.15</v>
      </c>
      <c r="C757">
        <v>14163.6</v>
      </c>
      <c r="D757">
        <v>2.8</v>
      </c>
      <c r="E757">
        <v>15927.8</v>
      </c>
      <c r="F757">
        <v>11.1516</v>
      </c>
    </row>
    <row r="758" spans="1:6" x14ac:dyDescent="0.25">
      <c r="A758">
        <v>135</v>
      </c>
      <c r="B758">
        <v>193.15</v>
      </c>
      <c r="C758">
        <v>14163.6</v>
      </c>
      <c r="D758">
        <v>3.1</v>
      </c>
      <c r="E758">
        <v>15746.2</v>
      </c>
      <c r="F758">
        <v>11.178599999999999</v>
      </c>
    </row>
    <row r="759" spans="1:6" x14ac:dyDescent="0.25">
      <c r="A759">
        <v>135</v>
      </c>
      <c r="B759">
        <v>193.15</v>
      </c>
      <c r="C759">
        <v>14163.6</v>
      </c>
      <c r="D759">
        <v>3.4</v>
      </c>
      <c r="E759">
        <v>15748.5</v>
      </c>
      <c r="F759">
        <v>11.203900000000001</v>
      </c>
    </row>
    <row r="760" spans="1:6" x14ac:dyDescent="0.25">
      <c r="A760">
        <v>135</v>
      </c>
      <c r="B760">
        <v>193.15</v>
      </c>
      <c r="C760">
        <v>14163.6</v>
      </c>
      <c r="D760">
        <v>3.7</v>
      </c>
      <c r="E760">
        <v>15667.4</v>
      </c>
      <c r="F760">
        <v>11.227499999999999</v>
      </c>
    </row>
    <row r="761" spans="1:6" x14ac:dyDescent="0.25">
      <c r="A761">
        <v>135</v>
      </c>
      <c r="B761">
        <v>193.15</v>
      </c>
      <c r="C761">
        <v>14163.6</v>
      </c>
      <c r="D761">
        <v>4</v>
      </c>
      <c r="E761">
        <v>15554.3</v>
      </c>
      <c r="F761">
        <v>11.249000000000001</v>
      </c>
    </row>
    <row r="762" spans="1:6" x14ac:dyDescent="0.25">
      <c r="A762">
        <v>135</v>
      </c>
      <c r="B762">
        <v>193.15</v>
      </c>
      <c r="C762">
        <v>15709.1</v>
      </c>
      <c r="D762">
        <v>1</v>
      </c>
      <c r="E762">
        <v>19549.599999999999</v>
      </c>
      <c r="F762">
        <v>11.0045</v>
      </c>
    </row>
    <row r="763" spans="1:6" x14ac:dyDescent="0.25">
      <c r="A763">
        <v>135</v>
      </c>
      <c r="B763">
        <v>193.15</v>
      </c>
      <c r="C763">
        <v>15709.1</v>
      </c>
      <c r="D763">
        <v>1.3</v>
      </c>
      <c r="E763">
        <v>18837.2</v>
      </c>
      <c r="F763">
        <v>11.046200000000001</v>
      </c>
    </row>
    <row r="764" spans="1:6" x14ac:dyDescent="0.25">
      <c r="A764">
        <v>135</v>
      </c>
      <c r="B764">
        <v>193.15</v>
      </c>
      <c r="C764">
        <v>15709.1</v>
      </c>
      <c r="D764">
        <v>1.6</v>
      </c>
      <c r="E764">
        <v>18389.900000000001</v>
      </c>
      <c r="F764">
        <v>11.0526</v>
      </c>
    </row>
    <row r="765" spans="1:6" x14ac:dyDescent="0.25">
      <c r="A765">
        <v>135</v>
      </c>
      <c r="B765">
        <v>193.15</v>
      </c>
      <c r="C765">
        <v>15709.1</v>
      </c>
      <c r="D765">
        <v>1.9</v>
      </c>
      <c r="E765">
        <v>18054</v>
      </c>
      <c r="F765">
        <v>11.071999999999999</v>
      </c>
    </row>
    <row r="766" spans="1:6" x14ac:dyDescent="0.25">
      <c r="A766">
        <v>135</v>
      </c>
      <c r="B766">
        <v>193.15</v>
      </c>
      <c r="C766">
        <v>15709.1</v>
      </c>
      <c r="D766">
        <v>2.2000000000000002</v>
      </c>
      <c r="E766">
        <v>17786.2</v>
      </c>
      <c r="F766">
        <v>11.097099999999999</v>
      </c>
    </row>
    <row r="767" spans="1:6" x14ac:dyDescent="0.25">
      <c r="A767">
        <v>135</v>
      </c>
      <c r="B767">
        <v>193.15</v>
      </c>
      <c r="C767">
        <v>15709.1</v>
      </c>
      <c r="D767">
        <v>2.5</v>
      </c>
      <c r="E767">
        <v>17647.099999999999</v>
      </c>
      <c r="F767">
        <v>11.124000000000001</v>
      </c>
    </row>
    <row r="768" spans="1:6" x14ac:dyDescent="0.25">
      <c r="A768">
        <v>135</v>
      </c>
      <c r="B768">
        <v>193.15</v>
      </c>
      <c r="C768">
        <v>15709.1</v>
      </c>
      <c r="D768">
        <v>2.8</v>
      </c>
      <c r="E768">
        <v>17431.8</v>
      </c>
      <c r="F768">
        <v>11.1516</v>
      </c>
    </row>
    <row r="769" spans="1:6" x14ac:dyDescent="0.25">
      <c r="A769">
        <v>135</v>
      </c>
      <c r="B769">
        <v>193.15</v>
      </c>
      <c r="C769">
        <v>15709.1</v>
      </c>
      <c r="D769">
        <v>3.1</v>
      </c>
      <c r="E769">
        <v>17422.900000000001</v>
      </c>
      <c r="F769">
        <v>11.178599999999999</v>
      </c>
    </row>
    <row r="770" spans="1:6" x14ac:dyDescent="0.25">
      <c r="A770">
        <v>135</v>
      </c>
      <c r="B770">
        <v>193.15</v>
      </c>
      <c r="C770">
        <v>15709.1</v>
      </c>
      <c r="D770">
        <v>3.4</v>
      </c>
      <c r="E770">
        <v>17261.3</v>
      </c>
      <c r="F770">
        <v>11.203900000000001</v>
      </c>
    </row>
    <row r="771" spans="1:6" x14ac:dyDescent="0.25">
      <c r="A771">
        <v>135</v>
      </c>
      <c r="B771">
        <v>193.15</v>
      </c>
      <c r="C771">
        <v>15709.1</v>
      </c>
      <c r="D771">
        <v>3.7</v>
      </c>
      <c r="E771">
        <v>17178.599999999999</v>
      </c>
      <c r="F771">
        <v>11.227499999999999</v>
      </c>
    </row>
    <row r="772" spans="1:6" x14ac:dyDescent="0.25">
      <c r="A772">
        <v>135</v>
      </c>
      <c r="B772">
        <v>193.15</v>
      </c>
      <c r="C772">
        <v>15709.1</v>
      </c>
      <c r="D772">
        <v>4</v>
      </c>
      <c r="E772">
        <v>17052.7</v>
      </c>
      <c r="F772">
        <v>11.249000000000001</v>
      </c>
    </row>
    <row r="773" spans="1:6" x14ac:dyDescent="0.25">
      <c r="A773">
        <v>135</v>
      </c>
      <c r="B773">
        <v>193.15</v>
      </c>
      <c r="C773">
        <v>17254.5</v>
      </c>
      <c r="D773">
        <v>1</v>
      </c>
      <c r="E773">
        <v>21268.3</v>
      </c>
      <c r="F773">
        <v>11.0045</v>
      </c>
    </row>
    <row r="774" spans="1:6" x14ac:dyDescent="0.25">
      <c r="A774">
        <v>135</v>
      </c>
      <c r="B774">
        <v>193.15</v>
      </c>
      <c r="C774">
        <v>17254.5</v>
      </c>
      <c r="D774">
        <v>1.3</v>
      </c>
      <c r="E774">
        <v>20423.599999999999</v>
      </c>
      <c r="F774">
        <v>11.046200000000001</v>
      </c>
    </row>
    <row r="775" spans="1:6" x14ac:dyDescent="0.25">
      <c r="A775">
        <v>135</v>
      </c>
      <c r="B775">
        <v>193.15</v>
      </c>
      <c r="C775">
        <v>17254.5</v>
      </c>
      <c r="D775">
        <v>1.6</v>
      </c>
      <c r="E775">
        <v>19875.599999999999</v>
      </c>
      <c r="F775">
        <v>11.0526</v>
      </c>
    </row>
    <row r="776" spans="1:6" x14ac:dyDescent="0.25">
      <c r="A776">
        <v>135</v>
      </c>
      <c r="B776">
        <v>193.15</v>
      </c>
      <c r="C776">
        <v>17254.5</v>
      </c>
      <c r="D776">
        <v>1.9</v>
      </c>
      <c r="E776">
        <v>19603.5</v>
      </c>
      <c r="F776">
        <v>11.071999999999999</v>
      </c>
    </row>
    <row r="777" spans="1:6" x14ac:dyDescent="0.25">
      <c r="A777">
        <v>135</v>
      </c>
      <c r="B777">
        <v>193.15</v>
      </c>
      <c r="C777">
        <v>17254.5</v>
      </c>
      <c r="D777">
        <v>2.2000000000000002</v>
      </c>
      <c r="E777">
        <v>19299.3</v>
      </c>
      <c r="F777">
        <v>11.097099999999999</v>
      </c>
    </row>
    <row r="778" spans="1:6" x14ac:dyDescent="0.25">
      <c r="A778">
        <v>135</v>
      </c>
      <c r="B778">
        <v>193.15</v>
      </c>
      <c r="C778">
        <v>17254.5</v>
      </c>
      <c r="D778">
        <v>2.5</v>
      </c>
      <c r="E778">
        <v>19140.7</v>
      </c>
      <c r="F778">
        <v>11.124000000000001</v>
      </c>
    </row>
    <row r="779" spans="1:6" x14ac:dyDescent="0.25">
      <c r="A779">
        <v>135</v>
      </c>
      <c r="B779">
        <v>193.15</v>
      </c>
      <c r="C779">
        <v>17254.5</v>
      </c>
      <c r="D779">
        <v>2.8</v>
      </c>
      <c r="E779">
        <v>19046</v>
      </c>
      <c r="F779">
        <v>11.1516</v>
      </c>
    </row>
    <row r="780" spans="1:6" x14ac:dyDescent="0.25">
      <c r="A780">
        <v>135</v>
      </c>
      <c r="B780">
        <v>193.15</v>
      </c>
      <c r="C780">
        <v>17254.5</v>
      </c>
      <c r="D780">
        <v>3.1</v>
      </c>
      <c r="E780">
        <v>18866.7</v>
      </c>
      <c r="F780">
        <v>11.178599999999999</v>
      </c>
    </row>
    <row r="781" spans="1:6" x14ac:dyDescent="0.25">
      <c r="A781">
        <v>135</v>
      </c>
      <c r="B781">
        <v>193.15</v>
      </c>
      <c r="C781">
        <v>17254.5</v>
      </c>
      <c r="D781">
        <v>3.4</v>
      </c>
      <c r="E781">
        <v>18720.7</v>
      </c>
      <c r="F781">
        <v>11.203900000000001</v>
      </c>
    </row>
    <row r="782" spans="1:6" x14ac:dyDescent="0.25">
      <c r="A782">
        <v>135</v>
      </c>
      <c r="B782">
        <v>193.15</v>
      </c>
      <c r="C782">
        <v>17254.5</v>
      </c>
      <c r="D782">
        <v>3.7</v>
      </c>
      <c r="E782">
        <v>18690.7</v>
      </c>
      <c r="F782">
        <v>11.227499999999999</v>
      </c>
    </row>
    <row r="783" spans="1:6" x14ac:dyDescent="0.25">
      <c r="A783">
        <v>135</v>
      </c>
      <c r="B783">
        <v>193.15</v>
      </c>
      <c r="C783">
        <v>17254.5</v>
      </c>
      <c r="D783">
        <v>4</v>
      </c>
      <c r="E783">
        <v>18582.900000000001</v>
      </c>
      <c r="F783">
        <v>11.249000000000001</v>
      </c>
    </row>
    <row r="784" spans="1:6" x14ac:dyDescent="0.25">
      <c r="A784">
        <v>135</v>
      </c>
      <c r="B784">
        <v>193.15</v>
      </c>
      <c r="C784">
        <v>18800</v>
      </c>
      <c r="D784">
        <v>1</v>
      </c>
      <c r="E784">
        <v>22766.6</v>
      </c>
      <c r="F784">
        <v>11.0045</v>
      </c>
    </row>
    <row r="785" spans="1:6" x14ac:dyDescent="0.25">
      <c r="A785">
        <v>135</v>
      </c>
      <c r="B785">
        <v>193.15</v>
      </c>
      <c r="C785">
        <v>18800</v>
      </c>
      <c r="D785">
        <v>1.3</v>
      </c>
      <c r="E785">
        <v>21839.5</v>
      </c>
      <c r="F785">
        <v>11.046200000000001</v>
      </c>
    </row>
    <row r="786" spans="1:6" x14ac:dyDescent="0.25">
      <c r="A786">
        <v>135</v>
      </c>
      <c r="B786">
        <v>193.15</v>
      </c>
      <c r="C786">
        <v>18800</v>
      </c>
      <c r="D786">
        <v>1.6</v>
      </c>
      <c r="E786">
        <v>21357.4</v>
      </c>
      <c r="F786">
        <v>11.0526</v>
      </c>
    </row>
    <row r="787" spans="1:6" x14ac:dyDescent="0.25">
      <c r="A787">
        <v>135</v>
      </c>
      <c r="B787">
        <v>193.15</v>
      </c>
      <c r="C787">
        <v>18800</v>
      </c>
      <c r="D787">
        <v>1.9</v>
      </c>
      <c r="E787">
        <v>21042</v>
      </c>
      <c r="F787">
        <v>11.071999999999999</v>
      </c>
    </row>
    <row r="788" spans="1:6" x14ac:dyDescent="0.25">
      <c r="A788">
        <v>135</v>
      </c>
      <c r="B788">
        <v>193.15</v>
      </c>
      <c r="C788">
        <v>18800</v>
      </c>
      <c r="D788">
        <v>2.2000000000000002</v>
      </c>
      <c r="E788">
        <v>20927.900000000001</v>
      </c>
      <c r="F788">
        <v>11.097099999999999</v>
      </c>
    </row>
    <row r="789" spans="1:6" x14ac:dyDescent="0.25">
      <c r="A789">
        <v>135</v>
      </c>
      <c r="B789">
        <v>193.15</v>
      </c>
      <c r="C789">
        <v>18800</v>
      </c>
      <c r="D789">
        <v>2.5</v>
      </c>
      <c r="E789">
        <v>20682</v>
      </c>
      <c r="F789">
        <v>11.124000000000001</v>
      </c>
    </row>
    <row r="790" spans="1:6" x14ac:dyDescent="0.25">
      <c r="A790">
        <v>135</v>
      </c>
      <c r="B790">
        <v>193.15</v>
      </c>
      <c r="C790">
        <v>18800</v>
      </c>
      <c r="D790">
        <v>2.8</v>
      </c>
      <c r="E790">
        <v>20471.7</v>
      </c>
      <c r="F790">
        <v>11.1516</v>
      </c>
    </row>
    <row r="791" spans="1:6" x14ac:dyDescent="0.25">
      <c r="A791">
        <v>135</v>
      </c>
      <c r="B791">
        <v>193.15</v>
      </c>
      <c r="C791">
        <v>18800</v>
      </c>
      <c r="D791">
        <v>3.1</v>
      </c>
      <c r="E791">
        <v>20426.2</v>
      </c>
      <c r="F791">
        <v>11.178599999999999</v>
      </c>
    </row>
    <row r="792" spans="1:6" x14ac:dyDescent="0.25">
      <c r="A792">
        <v>135</v>
      </c>
      <c r="B792">
        <v>193.15</v>
      </c>
      <c r="C792">
        <v>18800</v>
      </c>
      <c r="D792">
        <v>3.4</v>
      </c>
      <c r="E792">
        <v>20412.3</v>
      </c>
      <c r="F792">
        <v>11.203900000000001</v>
      </c>
    </row>
    <row r="793" spans="1:6" x14ac:dyDescent="0.25">
      <c r="A793">
        <v>135</v>
      </c>
      <c r="B793">
        <v>193.15</v>
      </c>
      <c r="C793">
        <v>18800</v>
      </c>
      <c r="D793">
        <v>3.7</v>
      </c>
      <c r="E793">
        <v>20244.8</v>
      </c>
      <c r="F793">
        <v>11.227499999999999</v>
      </c>
    </row>
    <row r="794" spans="1:6" x14ac:dyDescent="0.25">
      <c r="A794">
        <v>135</v>
      </c>
      <c r="B794">
        <v>193.15</v>
      </c>
      <c r="C794">
        <v>18800</v>
      </c>
      <c r="D794">
        <v>4</v>
      </c>
      <c r="E794">
        <v>20278.3</v>
      </c>
      <c r="F794">
        <v>11.249000000000001</v>
      </c>
    </row>
    <row r="795" spans="1:6" x14ac:dyDescent="0.25">
      <c r="A795">
        <v>135</v>
      </c>
      <c r="B795">
        <v>196.78</v>
      </c>
      <c r="C795">
        <v>1800</v>
      </c>
      <c r="D795">
        <v>1</v>
      </c>
      <c r="E795">
        <v>5758.29</v>
      </c>
      <c r="F795">
        <v>63.430100000000003</v>
      </c>
    </row>
    <row r="796" spans="1:6" x14ac:dyDescent="0.25">
      <c r="A796">
        <v>135</v>
      </c>
      <c r="B796">
        <v>196.78</v>
      </c>
      <c r="C796">
        <v>1800</v>
      </c>
      <c r="D796">
        <v>1.3</v>
      </c>
      <c r="E796">
        <v>5081.7299999999996</v>
      </c>
      <c r="F796">
        <v>77.202100000000002</v>
      </c>
    </row>
    <row r="797" spans="1:6" x14ac:dyDescent="0.25">
      <c r="A797">
        <v>135</v>
      </c>
      <c r="B797">
        <v>196.78</v>
      </c>
      <c r="C797">
        <v>1800</v>
      </c>
      <c r="D797">
        <v>1.6</v>
      </c>
      <c r="E797">
        <v>4659.0200000000004</v>
      </c>
      <c r="F797">
        <v>88.6524</v>
      </c>
    </row>
    <row r="798" spans="1:6" x14ac:dyDescent="0.25">
      <c r="A798">
        <v>135</v>
      </c>
      <c r="B798">
        <v>196.78</v>
      </c>
      <c r="C798">
        <v>1800</v>
      </c>
      <c r="D798">
        <v>1.9</v>
      </c>
      <c r="E798">
        <v>4342.93</v>
      </c>
      <c r="F798">
        <v>93.207499999999996</v>
      </c>
    </row>
    <row r="799" spans="1:6" x14ac:dyDescent="0.25">
      <c r="A799">
        <v>135</v>
      </c>
      <c r="B799">
        <v>196.78</v>
      </c>
      <c r="C799">
        <v>1800</v>
      </c>
      <c r="D799">
        <v>2.2000000000000002</v>
      </c>
      <c r="E799">
        <v>4087.54</v>
      </c>
      <c r="F799">
        <v>98.927199999999999</v>
      </c>
    </row>
    <row r="800" spans="1:6" x14ac:dyDescent="0.25">
      <c r="A800">
        <v>135</v>
      </c>
      <c r="B800">
        <v>196.78</v>
      </c>
      <c r="C800">
        <v>1800</v>
      </c>
      <c r="D800">
        <v>2.5</v>
      </c>
      <c r="E800">
        <v>3940.24</v>
      </c>
      <c r="F800">
        <v>105.38800000000001</v>
      </c>
    </row>
    <row r="801" spans="1:6" x14ac:dyDescent="0.25">
      <c r="A801">
        <v>135</v>
      </c>
      <c r="B801">
        <v>196.78</v>
      </c>
      <c r="C801">
        <v>1800</v>
      </c>
      <c r="D801">
        <v>2.8</v>
      </c>
      <c r="E801">
        <v>3786.71</v>
      </c>
      <c r="F801">
        <v>112.59</v>
      </c>
    </row>
    <row r="802" spans="1:6" x14ac:dyDescent="0.25">
      <c r="A802">
        <v>135</v>
      </c>
      <c r="B802">
        <v>196.78</v>
      </c>
      <c r="C802">
        <v>1800</v>
      </c>
      <c r="D802">
        <v>3.1</v>
      </c>
      <c r="E802">
        <v>3670.54</v>
      </c>
      <c r="F802">
        <v>113.227</v>
      </c>
    </row>
    <row r="803" spans="1:6" x14ac:dyDescent="0.25">
      <c r="A803">
        <v>135</v>
      </c>
      <c r="B803">
        <v>196.78</v>
      </c>
      <c r="C803">
        <v>1800</v>
      </c>
      <c r="D803">
        <v>3.4</v>
      </c>
      <c r="E803">
        <v>3601.46</v>
      </c>
      <c r="F803">
        <v>120.264</v>
      </c>
    </row>
    <row r="804" spans="1:6" x14ac:dyDescent="0.25">
      <c r="A804">
        <v>135</v>
      </c>
      <c r="B804">
        <v>196.78</v>
      </c>
      <c r="C804">
        <v>1800</v>
      </c>
      <c r="D804">
        <v>3.7</v>
      </c>
      <c r="E804">
        <v>3535.22</v>
      </c>
      <c r="F804">
        <v>120.649</v>
      </c>
    </row>
    <row r="805" spans="1:6" x14ac:dyDescent="0.25">
      <c r="A805">
        <v>135</v>
      </c>
      <c r="B805">
        <v>196.78</v>
      </c>
      <c r="C805">
        <v>1800</v>
      </c>
      <c r="D805">
        <v>4</v>
      </c>
      <c r="E805">
        <v>3466.36</v>
      </c>
      <c r="F805">
        <v>123.008</v>
      </c>
    </row>
    <row r="806" spans="1:6" x14ac:dyDescent="0.25">
      <c r="A806">
        <v>135</v>
      </c>
      <c r="B806">
        <v>196.78</v>
      </c>
      <c r="C806">
        <v>3345.45</v>
      </c>
      <c r="D806">
        <v>1</v>
      </c>
      <c r="E806">
        <v>7033.95</v>
      </c>
      <c r="F806">
        <v>39.825299999999999</v>
      </c>
    </row>
    <row r="807" spans="1:6" x14ac:dyDescent="0.25">
      <c r="A807">
        <v>135</v>
      </c>
      <c r="B807">
        <v>196.78</v>
      </c>
      <c r="C807">
        <v>3345.45</v>
      </c>
      <c r="D807">
        <v>1.3</v>
      </c>
      <c r="E807">
        <v>6449.67</v>
      </c>
      <c r="F807">
        <v>50.488500000000002</v>
      </c>
    </row>
    <row r="808" spans="1:6" x14ac:dyDescent="0.25">
      <c r="A808">
        <v>135</v>
      </c>
      <c r="B808">
        <v>196.78</v>
      </c>
      <c r="C808">
        <v>3345.45</v>
      </c>
      <c r="D808">
        <v>1.6</v>
      </c>
      <c r="E808">
        <v>6138.83</v>
      </c>
      <c r="F808">
        <v>59.515700000000002</v>
      </c>
    </row>
    <row r="809" spans="1:6" x14ac:dyDescent="0.25">
      <c r="A809">
        <v>135</v>
      </c>
      <c r="B809">
        <v>196.78</v>
      </c>
      <c r="C809">
        <v>3345.45</v>
      </c>
      <c r="D809">
        <v>1.9</v>
      </c>
      <c r="E809">
        <v>5800.5</v>
      </c>
      <c r="F809">
        <v>67.434100000000001</v>
      </c>
    </row>
    <row r="810" spans="1:6" x14ac:dyDescent="0.25">
      <c r="A810">
        <v>135</v>
      </c>
      <c r="B810">
        <v>196.78</v>
      </c>
      <c r="C810">
        <v>3345.45</v>
      </c>
      <c r="D810">
        <v>2.2000000000000002</v>
      </c>
      <c r="E810">
        <v>5538.33</v>
      </c>
      <c r="F810">
        <v>73.283100000000005</v>
      </c>
    </row>
    <row r="811" spans="1:6" x14ac:dyDescent="0.25">
      <c r="A811">
        <v>135</v>
      </c>
      <c r="B811">
        <v>196.78</v>
      </c>
      <c r="C811">
        <v>3345.45</v>
      </c>
      <c r="D811">
        <v>2.5</v>
      </c>
      <c r="E811">
        <v>5356.32</v>
      </c>
      <c r="F811">
        <v>75.828100000000006</v>
      </c>
    </row>
    <row r="812" spans="1:6" x14ac:dyDescent="0.25">
      <c r="A812">
        <v>135</v>
      </c>
      <c r="B812">
        <v>196.78</v>
      </c>
      <c r="C812">
        <v>3345.45</v>
      </c>
      <c r="D812">
        <v>2.8</v>
      </c>
      <c r="E812">
        <v>5201.8599999999997</v>
      </c>
      <c r="F812">
        <v>82.593100000000007</v>
      </c>
    </row>
    <row r="813" spans="1:6" x14ac:dyDescent="0.25">
      <c r="A813">
        <v>135</v>
      </c>
      <c r="B813">
        <v>196.78</v>
      </c>
      <c r="C813">
        <v>3345.45</v>
      </c>
      <c r="D813">
        <v>3.1</v>
      </c>
      <c r="E813">
        <v>5113.28</v>
      </c>
      <c r="F813">
        <v>89.244799999999998</v>
      </c>
    </row>
    <row r="814" spans="1:6" x14ac:dyDescent="0.25">
      <c r="A814">
        <v>135</v>
      </c>
      <c r="B814">
        <v>196.78</v>
      </c>
      <c r="C814">
        <v>3345.45</v>
      </c>
      <c r="D814">
        <v>3.4</v>
      </c>
      <c r="E814">
        <v>5050.22</v>
      </c>
      <c r="F814">
        <v>90.470100000000002</v>
      </c>
    </row>
    <row r="815" spans="1:6" x14ac:dyDescent="0.25">
      <c r="A815">
        <v>135</v>
      </c>
      <c r="B815">
        <v>196.78</v>
      </c>
      <c r="C815">
        <v>3345.45</v>
      </c>
      <c r="D815">
        <v>3.7</v>
      </c>
      <c r="E815">
        <v>4968.6899999999996</v>
      </c>
      <c r="F815">
        <v>96.799199999999999</v>
      </c>
    </row>
    <row r="816" spans="1:6" x14ac:dyDescent="0.25">
      <c r="A816">
        <v>135</v>
      </c>
      <c r="B816">
        <v>196.78</v>
      </c>
      <c r="C816">
        <v>3345.45</v>
      </c>
      <c r="D816">
        <v>4</v>
      </c>
      <c r="E816">
        <v>4894.28</v>
      </c>
      <c r="F816">
        <v>96.822599999999994</v>
      </c>
    </row>
    <row r="817" spans="1:6" x14ac:dyDescent="0.25">
      <c r="A817">
        <v>135</v>
      </c>
      <c r="B817">
        <v>196.78</v>
      </c>
      <c r="C817">
        <v>4890.8999999999996</v>
      </c>
      <c r="D817">
        <v>1</v>
      </c>
      <c r="E817">
        <v>8428.23</v>
      </c>
      <c r="F817">
        <v>22.860700000000001</v>
      </c>
    </row>
    <row r="818" spans="1:6" x14ac:dyDescent="0.25">
      <c r="A818">
        <v>135</v>
      </c>
      <c r="B818">
        <v>196.78</v>
      </c>
      <c r="C818">
        <v>4890.8999999999996</v>
      </c>
      <c r="D818">
        <v>1.3</v>
      </c>
      <c r="E818">
        <v>7915.73</v>
      </c>
      <c r="F818">
        <v>28.7224</v>
      </c>
    </row>
    <row r="819" spans="1:6" x14ac:dyDescent="0.25">
      <c r="A819">
        <v>135</v>
      </c>
      <c r="B819">
        <v>196.78</v>
      </c>
      <c r="C819">
        <v>4890.8999999999996</v>
      </c>
      <c r="D819">
        <v>1.6</v>
      </c>
      <c r="E819">
        <v>7449.17</v>
      </c>
      <c r="F819">
        <v>32.956200000000003</v>
      </c>
    </row>
    <row r="820" spans="1:6" x14ac:dyDescent="0.25">
      <c r="A820">
        <v>135</v>
      </c>
      <c r="B820">
        <v>196.78</v>
      </c>
      <c r="C820">
        <v>4890.8999999999996</v>
      </c>
      <c r="D820">
        <v>1.9</v>
      </c>
      <c r="E820">
        <v>7269.09</v>
      </c>
      <c r="F820">
        <v>37.492899999999999</v>
      </c>
    </row>
    <row r="821" spans="1:6" x14ac:dyDescent="0.25">
      <c r="A821">
        <v>135</v>
      </c>
      <c r="B821">
        <v>196.78</v>
      </c>
      <c r="C821">
        <v>4890.8999999999996</v>
      </c>
      <c r="D821">
        <v>2.2000000000000002</v>
      </c>
      <c r="E821">
        <v>7060.21</v>
      </c>
      <c r="F821">
        <v>39.771000000000001</v>
      </c>
    </row>
    <row r="822" spans="1:6" x14ac:dyDescent="0.25">
      <c r="A822">
        <v>135</v>
      </c>
      <c r="B822">
        <v>196.78</v>
      </c>
      <c r="C822">
        <v>4890.8999999999996</v>
      </c>
      <c r="D822">
        <v>2.5</v>
      </c>
      <c r="E822">
        <v>6834.11</v>
      </c>
      <c r="F822">
        <v>44.000500000000002</v>
      </c>
    </row>
    <row r="823" spans="1:6" x14ac:dyDescent="0.25">
      <c r="A823">
        <v>135</v>
      </c>
      <c r="B823">
        <v>196.78</v>
      </c>
      <c r="C823">
        <v>4890.8999999999996</v>
      </c>
      <c r="D823">
        <v>2.8</v>
      </c>
      <c r="E823">
        <v>6652.68</v>
      </c>
      <c r="F823">
        <v>49.571599999999997</v>
      </c>
    </row>
    <row r="824" spans="1:6" x14ac:dyDescent="0.25">
      <c r="A824">
        <v>135</v>
      </c>
      <c r="B824">
        <v>196.78</v>
      </c>
      <c r="C824">
        <v>4890.8999999999996</v>
      </c>
      <c r="D824">
        <v>3.1</v>
      </c>
      <c r="E824">
        <v>6619.83</v>
      </c>
      <c r="F824">
        <v>53.779800000000002</v>
      </c>
    </row>
    <row r="825" spans="1:6" x14ac:dyDescent="0.25">
      <c r="A825">
        <v>135</v>
      </c>
      <c r="B825">
        <v>196.78</v>
      </c>
      <c r="C825">
        <v>4890.8999999999996</v>
      </c>
      <c r="D825">
        <v>3.4</v>
      </c>
      <c r="E825">
        <v>6490.76</v>
      </c>
      <c r="F825">
        <v>59.553600000000003</v>
      </c>
    </row>
    <row r="826" spans="1:6" x14ac:dyDescent="0.25">
      <c r="A826">
        <v>135</v>
      </c>
      <c r="B826">
        <v>196.78</v>
      </c>
      <c r="C826">
        <v>4890.8999999999996</v>
      </c>
      <c r="D826">
        <v>3.7</v>
      </c>
      <c r="E826">
        <v>6407.94</v>
      </c>
      <c r="F826">
        <v>62.816099999999999</v>
      </c>
    </row>
    <row r="827" spans="1:6" x14ac:dyDescent="0.25">
      <c r="A827">
        <v>135</v>
      </c>
      <c r="B827">
        <v>196.78</v>
      </c>
      <c r="C827">
        <v>4890.8999999999996</v>
      </c>
      <c r="D827">
        <v>4</v>
      </c>
      <c r="E827">
        <v>6391.55</v>
      </c>
      <c r="F827">
        <v>67.462999999999994</v>
      </c>
    </row>
    <row r="828" spans="1:6" x14ac:dyDescent="0.25">
      <c r="A828">
        <v>135</v>
      </c>
      <c r="B828">
        <v>196.78</v>
      </c>
      <c r="C828">
        <v>6436.35</v>
      </c>
      <c r="D828">
        <v>1</v>
      </c>
      <c r="E828">
        <v>10016.9</v>
      </c>
      <c r="F828">
        <v>9.5771800000000002</v>
      </c>
    </row>
    <row r="829" spans="1:6" x14ac:dyDescent="0.25">
      <c r="A829">
        <v>135</v>
      </c>
      <c r="B829">
        <v>196.78</v>
      </c>
      <c r="C829">
        <v>6436.35</v>
      </c>
      <c r="D829">
        <v>1.3</v>
      </c>
      <c r="E829">
        <v>9381.51</v>
      </c>
      <c r="F829">
        <v>11.1136</v>
      </c>
    </row>
    <row r="830" spans="1:6" x14ac:dyDescent="0.25">
      <c r="A830">
        <v>135</v>
      </c>
      <c r="B830">
        <v>196.78</v>
      </c>
      <c r="C830">
        <v>6436.35</v>
      </c>
      <c r="D830">
        <v>1.6</v>
      </c>
      <c r="E830">
        <v>8901.19</v>
      </c>
      <c r="F830">
        <v>13.2204</v>
      </c>
    </row>
    <row r="831" spans="1:6" x14ac:dyDescent="0.25">
      <c r="A831">
        <v>135</v>
      </c>
      <c r="B831">
        <v>196.78</v>
      </c>
      <c r="C831">
        <v>6436.35</v>
      </c>
      <c r="D831">
        <v>1.9</v>
      </c>
      <c r="E831">
        <v>8829.65</v>
      </c>
      <c r="F831">
        <v>15.043799999999999</v>
      </c>
    </row>
    <row r="832" spans="1:6" x14ac:dyDescent="0.25">
      <c r="A832">
        <v>135</v>
      </c>
      <c r="B832">
        <v>196.78</v>
      </c>
      <c r="C832">
        <v>6436.35</v>
      </c>
      <c r="D832">
        <v>2.2000000000000002</v>
      </c>
      <c r="E832">
        <v>8554.89</v>
      </c>
      <c r="F832">
        <v>16.5717</v>
      </c>
    </row>
    <row r="833" spans="1:6" x14ac:dyDescent="0.25">
      <c r="A833">
        <v>135</v>
      </c>
      <c r="B833">
        <v>196.78</v>
      </c>
      <c r="C833">
        <v>6436.35</v>
      </c>
      <c r="D833">
        <v>2.5</v>
      </c>
      <c r="E833">
        <v>8337.44</v>
      </c>
      <c r="F833">
        <v>17.993300000000001</v>
      </c>
    </row>
    <row r="834" spans="1:6" x14ac:dyDescent="0.25">
      <c r="A834">
        <v>135</v>
      </c>
      <c r="B834">
        <v>196.78</v>
      </c>
      <c r="C834">
        <v>6436.35</v>
      </c>
      <c r="D834">
        <v>2.8</v>
      </c>
      <c r="E834">
        <v>8189.58</v>
      </c>
      <c r="F834">
        <v>21.5246</v>
      </c>
    </row>
    <row r="835" spans="1:6" x14ac:dyDescent="0.25">
      <c r="A835">
        <v>135</v>
      </c>
      <c r="B835">
        <v>196.78</v>
      </c>
      <c r="C835">
        <v>6436.35</v>
      </c>
      <c r="D835">
        <v>3.1</v>
      </c>
      <c r="E835">
        <v>8021.98</v>
      </c>
      <c r="F835">
        <v>25.381699999999999</v>
      </c>
    </row>
    <row r="836" spans="1:6" x14ac:dyDescent="0.25">
      <c r="A836">
        <v>135</v>
      </c>
      <c r="B836">
        <v>196.78</v>
      </c>
      <c r="C836">
        <v>6436.35</v>
      </c>
      <c r="D836">
        <v>3.4</v>
      </c>
      <c r="E836">
        <v>7917.45</v>
      </c>
      <c r="F836">
        <v>27.9937</v>
      </c>
    </row>
    <row r="837" spans="1:6" x14ac:dyDescent="0.25">
      <c r="A837">
        <v>135</v>
      </c>
      <c r="B837">
        <v>196.78</v>
      </c>
      <c r="C837">
        <v>6436.35</v>
      </c>
      <c r="D837">
        <v>3.7</v>
      </c>
      <c r="E837">
        <v>7882.62</v>
      </c>
      <c r="F837">
        <v>29.983799999999999</v>
      </c>
    </row>
    <row r="838" spans="1:6" x14ac:dyDescent="0.25">
      <c r="A838">
        <v>135</v>
      </c>
      <c r="B838">
        <v>196.78</v>
      </c>
      <c r="C838">
        <v>6436.35</v>
      </c>
      <c r="D838">
        <v>4</v>
      </c>
      <c r="E838">
        <v>7850.85</v>
      </c>
      <c r="F838">
        <v>32.892099999999999</v>
      </c>
    </row>
    <row r="839" spans="1:6" x14ac:dyDescent="0.25">
      <c r="A839">
        <v>135</v>
      </c>
      <c r="B839">
        <v>196.78</v>
      </c>
      <c r="C839">
        <v>7981.8</v>
      </c>
      <c r="D839">
        <v>1</v>
      </c>
      <c r="E839">
        <v>11734.1</v>
      </c>
      <c r="F839">
        <v>10.394399999999999</v>
      </c>
    </row>
    <row r="840" spans="1:6" x14ac:dyDescent="0.25">
      <c r="A840">
        <v>135</v>
      </c>
      <c r="B840">
        <v>196.78</v>
      </c>
      <c r="C840">
        <v>7981.8</v>
      </c>
      <c r="D840">
        <v>1.3</v>
      </c>
      <c r="E840">
        <v>10862.1</v>
      </c>
      <c r="F840">
        <v>10.417400000000001</v>
      </c>
    </row>
    <row r="841" spans="1:6" x14ac:dyDescent="0.25">
      <c r="A841">
        <v>135</v>
      </c>
      <c r="B841">
        <v>196.78</v>
      </c>
      <c r="C841">
        <v>7981.8</v>
      </c>
      <c r="D841">
        <v>1.6</v>
      </c>
      <c r="E841">
        <v>10360.799999999999</v>
      </c>
      <c r="F841">
        <v>10.3386</v>
      </c>
    </row>
    <row r="842" spans="1:6" x14ac:dyDescent="0.25">
      <c r="A842">
        <v>135</v>
      </c>
      <c r="B842">
        <v>196.78</v>
      </c>
      <c r="C842">
        <v>7981.8</v>
      </c>
      <c r="D842">
        <v>1.9</v>
      </c>
      <c r="E842">
        <v>10039.299999999999</v>
      </c>
      <c r="F842">
        <v>9.9930800000000009</v>
      </c>
    </row>
    <row r="843" spans="1:6" x14ac:dyDescent="0.25">
      <c r="A843">
        <v>135</v>
      </c>
      <c r="B843">
        <v>196.78</v>
      </c>
      <c r="C843">
        <v>7981.8</v>
      </c>
      <c r="D843">
        <v>2.2000000000000002</v>
      </c>
      <c r="E843">
        <v>9835.2900000000009</v>
      </c>
      <c r="F843">
        <v>9.7000499999999992</v>
      </c>
    </row>
    <row r="844" spans="1:6" x14ac:dyDescent="0.25">
      <c r="A844">
        <v>135</v>
      </c>
      <c r="B844">
        <v>196.78</v>
      </c>
      <c r="C844">
        <v>7981.8</v>
      </c>
      <c r="D844">
        <v>2.5</v>
      </c>
      <c r="E844">
        <v>9823.51</v>
      </c>
      <c r="F844">
        <v>9.4641699999999993</v>
      </c>
    </row>
    <row r="845" spans="1:6" x14ac:dyDescent="0.25">
      <c r="A845">
        <v>135</v>
      </c>
      <c r="B845">
        <v>196.78</v>
      </c>
      <c r="C845">
        <v>7981.8</v>
      </c>
      <c r="D845">
        <v>2.8</v>
      </c>
      <c r="E845">
        <v>9608.14</v>
      </c>
      <c r="F845">
        <v>9.2841000000000005</v>
      </c>
    </row>
    <row r="846" spans="1:6" x14ac:dyDescent="0.25">
      <c r="A846">
        <v>135</v>
      </c>
      <c r="B846">
        <v>196.78</v>
      </c>
      <c r="C846">
        <v>7981.8</v>
      </c>
      <c r="D846">
        <v>3.1</v>
      </c>
      <c r="E846">
        <v>9481.61</v>
      </c>
      <c r="F846">
        <v>9.1595899999999997</v>
      </c>
    </row>
    <row r="847" spans="1:6" x14ac:dyDescent="0.25">
      <c r="A847">
        <v>135</v>
      </c>
      <c r="B847">
        <v>196.78</v>
      </c>
      <c r="C847">
        <v>7981.8</v>
      </c>
      <c r="D847">
        <v>3.4</v>
      </c>
      <c r="E847">
        <v>9355.3700000000008</v>
      </c>
      <c r="F847">
        <v>10.673500000000001</v>
      </c>
    </row>
    <row r="848" spans="1:6" x14ac:dyDescent="0.25">
      <c r="A848">
        <v>135</v>
      </c>
      <c r="B848">
        <v>196.78</v>
      </c>
      <c r="C848">
        <v>7981.8</v>
      </c>
      <c r="D848">
        <v>3.7</v>
      </c>
      <c r="E848">
        <v>9393.5300000000007</v>
      </c>
      <c r="F848">
        <v>12.025700000000001</v>
      </c>
    </row>
    <row r="849" spans="1:6" x14ac:dyDescent="0.25">
      <c r="A849">
        <v>135</v>
      </c>
      <c r="B849">
        <v>196.78</v>
      </c>
      <c r="C849">
        <v>7981.8</v>
      </c>
      <c r="D849">
        <v>4</v>
      </c>
      <c r="E849">
        <v>9287.11</v>
      </c>
      <c r="F849">
        <v>13.077199999999999</v>
      </c>
    </row>
    <row r="850" spans="1:6" x14ac:dyDescent="0.25">
      <c r="A850">
        <v>135</v>
      </c>
      <c r="B850">
        <v>196.78</v>
      </c>
      <c r="C850">
        <v>9527.25</v>
      </c>
      <c r="D850">
        <v>1</v>
      </c>
      <c r="E850">
        <v>13319.4</v>
      </c>
      <c r="F850">
        <v>10.9735</v>
      </c>
    </row>
    <row r="851" spans="1:6" x14ac:dyDescent="0.25">
      <c r="A851">
        <v>135</v>
      </c>
      <c r="B851">
        <v>196.78</v>
      </c>
      <c r="C851">
        <v>9527.25</v>
      </c>
      <c r="D851">
        <v>1.3</v>
      </c>
      <c r="E851">
        <v>12541.6</v>
      </c>
      <c r="F851">
        <v>10.639099999999999</v>
      </c>
    </row>
    <row r="852" spans="1:6" x14ac:dyDescent="0.25">
      <c r="A852">
        <v>135</v>
      </c>
      <c r="B852">
        <v>196.78</v>
      </c>
      <c r="C852">
        <v>9527.25</v>
      </c>
      <c r="D852">
        <v>1.6</v>
      </c>
      <c r="E852">
        <v>12078.2</v>
      </c>
      <c r="F852">
        <v>10.4512</v>
      </c>
    </row>
    <row r="853" spans="1:6" x14ac:dyDescent="0.25">
      <c r="A853">
        <v>135</v>
      </c>
      <c r="B853">
        <v>196.78</v>
      </c>
      <c r="C853">
        <v>9527.25</v>
      </c>
      <c r="D853">
        <v>1.9</v>
      </c>
      <c r="E853">
        <v>11803.2</v>
      </c>
      <c r="F853">
        <v>10.456300000000001</v>
      </c>
    </row>
    <row r="854" spans="1:6" x14ac:dyDescent="0.25">
      <c r="A854">
        <v>135</v>
      </c>
      <c r="B854">
        <v>196.78</v>
      </c>
      <c r="C854">
        <v>9527.25</v>
      </c>
      <c r="D854">
        <v>2.2000000000000002</v>
      </c>
      <c r="E854">
        <v>11583.9</v>
      </c>
      <c r="F854">
        <v>10.446899999999999</v>
      </c>
    </row>
    <row r="855" spans="1:6" x14ac:dyDescent="0.25">
      <c r="A855">
        <v>135</v>
      </c>
      <c r="B855">
        <v>196.78</v>
      </c>
      <c r="C855">
        <v>9527.25</v>
      </c>
      <c r="D855">
        <v>2.5</v>
      </c>
      <c r="E855">
        <v>11384.1</v>
      </c>
      <c r="F855">
        <v>10.430400000000001</v>
      </c>
    </row>
    <row r="856" spans="1:6" x14ac:dyDescent="0.25">
      <c r="A856">
        <v>135</v>
      </c>
      <c r="B856">
        <v>196.78</v>
      </c>
      <c r="C856">
        <v>9527.25</v>
      </c>
      <c r="D856">
        <v>2.8</v>
      </c>
      <c r="E856">
        <v>11204</v>
      </c>
      <c r="F856">
        <v>10.4077</v>
      </c>
    </row>
    <row r="857" spans="1:6" x14ac:dyDescent="0.25">
      <c r="A857">
        <v>135</v>
      </c>
      <c r="B857">
        <v>196.78</v>
      </c>
      <c r="C857">
        <v>9527.25</v>
      </c>
      <c r="D857">
        <v>3.1</v>
      </c>
      <c r="E857">
        <v>11153</v>
      </c>
      <c r="F857">
        <v>10.381</v>
      </c>
    </row>
    <row r="858" spans="1:6" x14ac:dyDescent="0.25">
      <c r="A858">
        <v>135</v>
      </c>
      <c r="B858">
        <v>196.78</v>
      </c>
      <c r="C858">
        <v>9527.25</v>
      </c>
      <c r="D858">
        <v>3.4</v>
      </c>
      <c r="E858">
        <v>10998.1</v>
      </c>
      <c r="F858">
        <v>10.3527</v>
      </c>
    </row>
    <row r="859" spans="1:6" x14ac:dyDescent="0.25">
      <c r="A859">
        <v>135</v>
      </c>
      <c r="B859">
        <v>196.78</v>
      </c>
      <c r="C859">
        <v>9527.25</v>
      </c>
      <c r="D859">
        <v>3.7</v>
      </c>
      <c r="E859">
        <v>10958.9</v>
      </c>
      <c r="F859">
        <v>10.3224</v>
      </c>
    </row>
    <row r="860" spans="1:6" x14ac:dyDescent="0.25">
      <c r="A860">
        <v>135</v>
      </c>
      <c r="B860">
        <v>196.78</v>
      </c>
      <c r="C860">
        <v>9527.25</v>
      </c>
      <c r="D860">
        <v>4</v>
      </c>
      <c r="E860">
        <v>10899.9</v>
      </c>
      <c r="F860">
        <v>10.2911</v>
      </c>
    </row>
    <row r="861" spans="1:6" x14ac:dyDescent="0.25">
      <c r="A861">
        <v>135</v>
      </c>
      <c r="B861">
        <v>196.78</v>
      </c>
      <c r="C861">
        <v>11072.7</v>
      </c>
      <c r="D861">
        <v>1</v>
      </c>
      <c r="E861">
        <v>14906.4</v>
      </c>
      <c r="F861">
        <v>11.0045</v>
      </c>
    </row>
    <row r="862" spans="1:6" x14ac:dyDescent="0.25">
      <c r="A862">
        <v>135</v>
      </c>
      <c r="B862">
        <v>196.78</v>
      </c>
      <c r="C862">
        <v>11072.7</v>
      </c>
      <c r="D862">
        <v>1.3</v>
      </c>
      <c r="E862">
        <v>14129.9</v>
      </c>
      <c r="F862">
        <v>11.046200000000001</v>
      </c>
    </row>
    <row r="863" spans="1:6" x14ac:dyDescent="0.25">
      <c r="A863">
        <v>135</v>
      </c>
      <c r="B863">
        <v>196.78</v>
      </c>
      <c r="C863">
        <v>11072.7</v>
      </c>
      <c r="D863">
        <v>1.6</v>
      </c>
      <c r="E863">
        <v>13809.6</v>
      </c>
      <c r="F863">
        <v>11.0526</v>
      </c>
    </row>
    <row r="864" spans="1:6" x14ac:dyDescent="0.25">
      <c r="A864">
        <v>135</v>
      </c>
      <c r="B864">
        <v>196.78</v>
      </c>
      <c r="C864">
        <v>11072.7</v>
      </c>
      <c r="D864">
        <v>1.9</v>
      </c>
      <c r="E864">
        <v>13381.5</v>
      </c>
      <c r="F864">
        <v>11.071999999999999</v>
      </c>
    </row>
    <row r="865" spans="1:6" x14ac:dyDescent="0.25">
      <c r="A865">
        <v>135</v>
      </c>
      <c r="B865">
        <v>196.78</v>
      </c>
      <c r="C865">
        <v>11072.7</v>
      </c>
      <c r="D865">
        <v>2.2000000000000002</v>
      </c>
      <c r="E865">
        <v>13076.5</v>
      </c>
      <c r="F865">
        <v>11.097099999999999</v>
      </c>
    </row>
    <row r="866" spans="1:6" x14ac:dyDescent="0.25">
      <c r="A866">
        <v>135</v>
      </c>
      <c r="B866">
        <v>196.78</v>
      </c>
      <c r="C866">
        <v>11072.7</v>
      </c>
      <c r="D866">
        <v>2.5</v>
      </c>
      <c r="E866">
        <v>12884.4</v>
      </c>
      <c r="F866">
        <v>11.124000000000001</v>
      </c>
    </row>
    <row r="867" spans="1:6" x14ac:dyDescent="0.25">
      <c r="A867">
        <v>135</v>
      </c>
      <c r="B867">
        <v>196.78</v>
      </c>
      <c r="C867">
        <v>11072.7</v>
      </c>
      <c r="D867">
        <v>2.8</v>
      </c>
      <c r="E867">
        <v>12839.7</v>
      </c>
      <c r="F867">
        <v>11.1516</v>
      </c>
    </row>
    <row r="868" spans="1:6" x14ac:dyDescent="0.25">
      <c r="A868">
        <v>135</v>
      </c>
      <c r="B868">
        <v>196.78</v>
      </c>
      <c r="C868">
        <v>11072.7</v>
      </c>
      <c r="D868">
        <v>3.1</v>
      </c>
      <c r="E868">
        <v>12666.4</v>
      </c>
      <c r="F868">
        <v>11.178599999999999</v>
      </c>
    </row>
    <row r="869" spans="1:6" x14ac:dyDescent="0.25">
      <c r="A869">
        <v>135</v>
      </c>
      <c r="B869">
        <v>196.78</v>
      </c>
      <c r="C869">
        <v>11072.7</v>
      </c>
      <c r="D869">
        <v>3.4</v>
      </c>
      <c r="E869">
        <v>12599.2</v>
      </c>
      <c r="F869">
        <v>11.203900000000001</v>
      </c>
    </row>
    <row r="870" spans="1:6" x14ac:dyDescent="0.25">
      <c r="A870">
        <v>135</v>
      </c>
      <c r="B870">
        <v>196.78</v>
      </c>
      <c r="C870">
        <v>11072.7</v>
      </c>
      <c r="D870">
        <v>3.7</v>
      </c>
      <c r="E870">
        <v>12536.7</v>
      </c>
      <c r="F870">
        <v>11.227499999999999</v>
      </c>
    </row>
    <row r="871" spans="1:6" x14ac:dyDescent="0.25">
      <c r="A871">
        <v>135</v>
      </c>
      <c r="B871">
        <v>196.78</v>
      </c>
      <c r="C871">
        <v>11072.7</v>
      </c>
      <c r="D871">
        <v>4</v>
      </c>
      <c r="E871">
        <v>12490.5</v>
      </c>
      <c r="F871">
        <v>11.249000000000001</v>
      </c>
    </row>
    <row r="872" spans="1:6" x14ac:dyDescent="0.25">
      <c r="A872">
        <v>135</v>
      </c>
      <c r="B872">
        <v>196.78</v>
      </c>
      <c r="C872">
        <v>12618.2</v>
      </c>
      <c r="D872">
        <v>1</v>
      </c>
      <c r="E872">
        <v>16610</v>
      </c>
      <c r="F872">
        <v>11.0045</v>
      </c>
    </row>
    <row r="873" spans="1:6" x14ac:dyDescent="0.25">
      <c r="A873">
        <v>135</v>
      </c>
      <c r="B873">
        <v>196.78</v>
      </c>
      <c r="C873">
        <v>12618.2</v>
      </c>
      <c r="D873">
        <v>1.3</v>
      </c>
      <c r="E873">
        <v>15885.7</v>
      </c>
      <c r="F873">
        <v>11.046200000000001</v>
      </c>
    </row>
    <row r="874" spans="1:6" x14ac:dyDescent="0.25">
      <c r="A874">
        <v>135</v>
      </c>
      <c r="B874">
        <v>196.78</v>
      </c>
      <c r="C874">
        <v>12618.2</v>
      </c>
      <c r="D874">
        <v>1.6</v>
      </c>
      <c r="E874">
        <v>15206.7</v>
      </c>
      <c r="F874">
        <v>11.0526</v>
      </c>
    </row>
    <row r="875" spans="1:6" x14ac:dyDescent="0.25">
      <c r="A875">
        <v>135</v>
      </c>
      <c r="B875">
        <v>196.78</v>
      </c>
      <c r="C875">
        <v>12618.2</v>
      </c>
      <c r="D875">
        <v>1.9</v>
      </c>
      <c r="E875">
        <v>14993.3</v>
      </c>
      <c r="F875">
        <v>11.071999999999999</v>
      </c>
    </row>
    <row r="876" spans="1:6" x14ac:dyDescent="0.25">
      <c r="A876">
        <v>135</v>
      </c>
      <c r="B876">
        <v>196.78</v>
      </c>
      <c r="C876">
        <v>12618.2</v>
      </c>
      <c r="D876">
        <v>2.2000000000000002</v>
      </c>
      <c r="E876">
        <v>14612.5</v>
      </c>
      <c r="F876">
        <v>11.097099999999999</v>
      </c>
    </row>
    <row r="877" spans="1:6" x14ac:dyDescent="0.25">
      <c r="A877">
        <v>135</v>
      </c>
      <c r="B877">
        <v>196.78</v>
      </c>
      <c r="C877">
        <v>12618.2</v>
      </c>
      <c r="D877">
        <v>2.5</v>
      </c>
      <c r="E877">
        <v>14547.4</v>
      </c>
      <c r="F877">
        <v>11.124000000000001</v>
      </c>
    </row>
    <row r="878" spans="1:6" x14ac:dyDescent="0.25">
      <c r="A878">
        <v>135</v>
      </c>
      <c r="B878">
        <v>196.78</v>
      </c>
      <c r="C878">
        <v>12618.2</v>
      </c>
      <c r="D878">
        <v>2.8</v>
      </c>
      <c r="E878">
        <v>14341.3</v>
      </c>
      <c r="F878">
        <v>11.1516</v>
      </c>
    </row>
    <row r="879" spans="1:6" x14ac:dyDescent="0.25">
      <c r="A879">
        <v>135</v>
      </c>
      <c r="B879">
        <v>196.78</v>
      </c>
      <c r="C879">
        <v>12618.2</v>
      </c>
      <c r="D879">
        <v>3.1</v>
      </c>
      <c r="E879">
        <v>14342.7</v>
      </c>
      <c r="F879">
        <v>11.178599999999999</v>
      </c>
    </row>
    <row r="880" spans="1:6" x14ac:dyDescent="0.25">
      <c r="A880">
        <v>135</v>
      </c>
      <c r="B880">
        <v>196.78</v>
      </c>
      <c r="C880">
        <v>12618.2</v>
      </c>
      <c r="D880">
        <v>3.4</v>
      </c>
      <c r="E880">
        <v>14122.3</v>
      </c>
      <c r="F880">
        <v>11.203900000000001</v>
      </c>
    </row>
    <row r="881" spans="1:6" x14ac:dyDescent="0.25">
      <c r="A881">
        <v>135</v>
      </c>
      <c r="B881">
        <v>196.78</v>
      </c>
      <c r="C881">
        <v>12618.2</v>
      </c>
      <c r="D881">
        <v>3.7</v>
      </c>
      <c r="E881">
        <v>14002.5</v>
      </c>
      <c r="F881">
        <v>11.227499999999999</v>
      </c>
    </row>
    <row r="882" spans="1:6" x14ac:dyDescent="0.25">
      <c r="A882">
        <v>135</v>
      </c>
      <c r="B882">
        <v>196.78</v>
      </c>
      <c r="C882">
        <v>12618.2</v>
      </c>
      <c r="D882">
        <v>4</v>
      </c>
      <c r="E882">
        <v>14025.4</v>
      </c>
      <c r="F882">
        <v>11.249000000000001</v>
      </c>
    </row>
    <row r="883" spans="1:6" x14ac:dyDescent="0.25">
      <c r="A883">
        <v>135</v>
      </c>
      <c r="B883">
        <v>196.78</v>
      </c>
      <c r="C883">
        <v>14163.6</v>
      </c>
      <c r="D883">
        <v>1</v>
      </c>
      <c r="E883">
        <v>18226.900000000001</v>
      </c>
      <c r="F883">
        <v>11.0045</v>
      </c>
    </row>
    <row r="884" spans="1:6" x14ac:dyDescent="0.25">
      <c r="A884">
        <v>135</v>
      </c>
      <c r="B884">
        <v>196.78</v>
      </c>
      <c r="C884">
        <v>14163.6</v>
      </c>
      <c r="D884">
        <v>1.3</v>
      </c>
      <c r="E884">
        <v>17371.7</v>
      </c>
      <c r="F884">
        <v>11.046200000000001</v>
      </c>
    </row>
    <row r="885" spans="1:6" x14ac:dyDescent="0.25">
      <c r="A885">
        <v>135</v>
      </c>
      <c r="B885">
        <v>196.78</v>
      </c>
      <c r="C885">
        <v>14163.6</v>
      </c>
      <c r="D885">
        <v>1.6</v>
      </c>
      <c r="E885">
        <v>16695.5</v>
      </c>
      <c r="F885">
        <v>11.0526</v>
      </c>
    </row>
    <row r="886" spans="1:6" x14ac:dyDescent="0.25">
      <c r="A886">
        <v>135</v>
      </c>
      <c r="B886">
        <v>196.78</v>
      </c>
      <c r="C886">
        <v>14163.6</v>
      </c>
      <c r="D886">
        <v>1.9</v>
      </c>
      <c r="E886">
        <v>16427.3</v>
      </c>
      <c r="F886">
        <v>11.071999999999999</v>
      </c>
    </row>
    <row r="887" spans="1:6" x14ac:dyDescent="0.25">
      <c r="A887">
        <v>135</v>
      </c>
      <c r="B887">
        <v>196.78</v>
      </c>
      <c r="C887">
        <v>14163.6</v>
      </c>
      <c r="D887">
        <v>2.2000000000000002</v>
      </c>
      <c r="E887">
        <v>16201.2</v>
      </c>
      <c r="F887">
        <v>11.097099999999999</v>
      </c>
    </row>
    <row r="888" spans="1:6" x14ac:dyDescent="0.25">
      <c r="A888">
        <v>135</v>
      </c>
      <c r="B888">
        <v>196.78</v>
      </c>
      <c r="C888">
        <v>14163.6</v>
      </c>
      <c r="D888">
        <v>2.5</v>
      </c>
      <c r="E888">
        <v>15966.3</v>
      </c>
      <c r="F888">
        <v>11.124000000000001</v>
      </c>
    </row>
    <row r="889" spans="1:6" x14ac:dyDescent="0.25">
      <c r="A889">
        <v>135</v>
      </c>
      <c r="B889">
        <v>196.78</v>
      </c>
      <c r="C889">
        <v>14163.6</v>
      </c>
      <c r="D889">
        <v>2.8</v>
      </c>
      <c r="E889">
        <v>15930.1</v>
      </c>
      <c r="F889">
        <v>11.1516</v>
      </c>
    </row>
    <row r="890" spans="1:6" x14ac:dyDescent="0.25">
      <c r="A890">
        <v>135</v>
      </c>
      <c r="B890">
        <v>196.78</v>
      </c>
      <c r="C890">
        <v>14163.6</v>
      </c>
      <c r="D890">
        <v>3.1</v>
      </c>
      <c r="E890">
        <v>15748.4</v>
      </c>
      <c r="F890">
        <v>11.178599999999999</v>
      </c>
    </row>
    <row r="891" spans="1:6" x14ac:dyDescent="0.25">
      <c r="A891">
        <v>135</v>
      </c>
      <c r="B891">
        <v>196.78</v>
      </c>
      <c r="C891">
        <v>14163.6</v>
      </c>
      <c r="D891">
        <v>3.4</v>
      </c>
      <c r="E891">
        <v>15750.6</v>
      </c>
      <c r="F891">
        <v>11.203900000000001</v>
      </c>
    </row>
    <row r="892" spans="1:6" x14ac:dyDescent="0.25">
      <c r="A892">
        <v>135</v>
      </c>
      <c r="B892">
        <v>196.78</v>
      </c>
      <c r="C892">
        <v>14163.6</v>
      </c>
      <c r="D892">
        <v>3.7</v>
      </c>
      <c r="E892">
        <v>15560.7</v>
      </c>
      <c r="F892">
        <v>11.227499999999999</v>
      </c>
    </row>
    <row r="893" spans="1:6" x14ac:dyDescent="0.25">
      <c r="A893">
        <v>135</v>
      </c>
      <c r="B893">
        <v>196.78</v>
      </c>
      <c r="C893">
        <v>14163.6</v>
      </c>
      <c r="D893">
        <v>4</v>
      </c>
      <c r="E893">
        <v>15462.2</v>
      </c>
      <c r="F893">
        <v>11.249000000000001</v>
      </c>
    </row>
    <row r="894" spans="1:6" x14ac:dyDescent="0.25">
      <c r="A894">
        <v>135</v>
      </c>
      <c r="B894">
        <v>196.78</v>
      </c>
      <c r="C894">
        <v>15709.1</v>
      </c>
      <c r="D894">
        <v>1</v>
      </c>
      <c r="E894">
        <v>19549.599999999999</v>
      </c>
      <c r="F894">
        <v>11.0045</v>
      </c>
    </row>
    <row r="895" spans="1:6" x14ac:dyDescent="0.25">
      <c r="A895">
        <v>135</v>
      </c>
      <c r="B895">
        <v>196.78</v>
      </c>
      <c r="C895">
        <v>15709.1</v>
      </c>
      <c r="D895">
        <v>1.3</v>
      </c>
      <c r="E895">
        <v>18837.2</v>
      </c>
      <c r="F895">
        <v>11.046200000000001</v>
      </c>
    </row>
    <row r="896" spans="1:6" x14ac:dyDescent="0.25">
      <c r="A896">
        <v>135</v>
      </c>
      <c r="B896">
        <v>196.78</v>
      </c>
      <c r="C896">
        <v>15709.1</v>
      </c>
      <c r="D896">
        <v>1.6</v>
      </c>
      <c r="E896">
        <v>18389.900000000001</v>
      </c>
      <c r="F896">
        <v>11.0526</v>
      </c>
    </row>
    <row r="897" spans="1:6" x14ac:dyDescent="0.25">
      <c r="A897">
        <v>135</v>
      </c>
      <c r="B897">
        <v>196.78</v>
      </c>
      <c r="C897">
        <v>15709.1</v>
      </c>
      <c r="D897">
        <v>1.9</v>
      </c>
      <c r="E897">
        <v>18054</v>
      </c>
      <c r="F897">
        <v>11.071999999999999</v>
      </c>
    </row>
    <row r="898" spans="1:6" x14ac:dyDescent="0.25">
      <c r="A898">
        <v>135</v>
      </c>
      <c r="B898">
        <v>196.78</v>
      </c>
      <c r="C898">
        <v>15709.1</v>
      </c>
      <c r="D898">
        <v>2.2000000000000002</v>
      </c>
      <c r="E898">
        <v>17780.2</v>
      </c>
      <c r="F898">
        <v>11.097099999999999</v>
      </c>
    </row>
    <row r="899" spans="1:6" x14ac:dyDescent="0.25">
      <c r="A899">
        <v>135</v>
      </c>
      <c r="B899">
        <v>196.78</v>
      </c>
      <c r="C899">
        <v>15709.1</v>
      </c>
      <c r="D899">
        <v>2.5</v>
      </c>
      <c r="E899">
        <v>17542.400000000001</v>
      </c>
      <c r="F899">
        <v>11.124000000000001</v>
      </c>
    </row>
    <row r="900" spans="1:6" x14ac:dyDescent="0.25">
      <c r="A900">
        <v>135</v>
      </c>
      <c r="B900">
        <v>196.78</v>
      </c>
      <c r="C900">
        <v>15709.1</v>
      </c>
      <c r="D900">
        <v>2.8</v>
      </c>
      <c r="E900">
        <v>17485.400000000001</v>
      </c>
      <c r="F900">
        <v>11.1516</v>
      </c>
    </row>
    <row r="901" spans="1:6" x14ac:dyDescent="0.25">
      <c r="A901">
        <v>135</v>
      </c>
      <c r="B901">
        <v>196.78</v>
      </c>
      <c r="C901">
        <v>15709.1</v>
      </c>
      <c r="D901">
        <v>3.1</v>
      </c>
      <c r="E901">
        <v>17310.5</v>
      </c>
      <c r="F901">
        <v>11.178599999999999</v>
      </c>
    </row>
    <row r="902" spans="1:6" x14ac:dyDescent="0.25">
      <c r="A902">
        <v>135</v>
      </c>
      <c r="B902">
        <v>196.78</v>
      </c>
      <c r="C902">
        <v>15709.1</v>
      </c>
      <c r="D902">
        <v>3.4</v>
      </c>
      <c r="E902">
        <v>17162.2</v>
      </c>
      <c r="F902">
        <v>11.203900000000001</v>
      </c>
    </row>
    <row r="903" spans="1:6" x14ac:dyDescent="0.25">
      <c r="A903">
        <v>135</v>
      </c>
      <c r="B903">
        <v>196.78</v>
      </c>
      <c r="C903">
        <v>15709.1</v>
      </c>
      <c r="D903">
        <v>3.7</v>
      </c>
      <c r="E903">
        <v>17159.900000000001</v>
      </c>
      <c r="F903">
        <v>11.227499999999999</v>
      </c>
    </row>
    <row r="904" spans="1:6" x14ac:dyDescent="0.25">
      <c r="A904">
        <v>135</v>
      </c>
      <c r="B904">
        <v>196.78</v>
      </c>
      <c r="C904">
        <v>15709.1</v>
      </c>
      <c r="D904">
        <v>4</v>
      </c>
      <c r="E904">
        <v>17041.7</v>
      </c>
      <c r="F904">
        <v>11.249000000000001</v>
      </c>
    </row>
    <row r="905" spans="1:6" x14ac:dyDescent="0.25">
      <c r="A905">
        <v>135</v>
      </c>
      <c r="B905">
        <v>196.78</v>
      </c>
      <c r="C905">
        <v>17254.5</v>
      </c>
      <c r="D905">
        <v>1</v>
      </c>
      <c r="E905">
        <v>21266.3</v>
      </c>
      <c r="F905">
        <v>11.0045</v>
      </c>
    </row>
    <row r="906" spans="1:6" x14ac:dyDescent="0.25">
      <c r="A906">
        <v>135</v>
      </c>
      <c r="B906">
        <v>196.78</v>
      </c>
      <c r="C906">
        <v>17254.5</v>
      </c>
      <c r="D906">
        <v>1.3</v>
      </c>
      <c r="E906">
        <v>20383.599999999999</v>
      </c>
      <c r="F906">
        <v>11.046200000000001</v>
      </c>
    </row>
    <row r="907" spans="1:6" x14ac:dyDescent="0.25">
      <c r="A907">
        <v>135</v>
      </c>
      <c r="B907">
        <v>196.78</v>
      </c>
      <c r="C907">
        <v>17254.5</v>
      </c>
      <c r="D907">
        <v>1.6</v>
      </c>
      <c r="E907">
        <v>19859.3</v>
      </c>
      <c r="F907">
        <v>11.0526</v>
      </c>
    </row>
    <row r="908" spans="1:6" x14ac:dyDescent="0.25">
      <c r="A908">
        <v>135</v>
      </c>
      <c r="B908">
        <v>196.78</v>
      </c>
      <c r="C908">
        <v>17254.5</v>
      </c>
      <c r="D908">
        <v>1.9</v>
      </c>
      <c r="E908">
        <v>19608.099999999999</v>
      </c>
      <c r="F908">
        <v>11.071999999999999</v>
      </c>
    </row>
    <row r="909" spans="1:6" x14ac:dyDescent="0.25">
      <c r="A909">
        <v>135</v>
      </c>
      <c r="B909">
        <v>196.78</v>
      </c>
      <c r="C909">
        <v>17254.5</v>
      </c>
      <c r="D909">
        <v>2.2000000000000002</v>
      </c>
      <c r="E909">
        <v>19304.3</v>
      </c>
      <c r="F909">
        <v>11.097099999999999</v>
      </c>
    </row>
    <row r="910" spans="1:6" x14ac:dyDescent="0.25">
      <c r="A910">
        <v>135</v>
      </c>
      <c r="B910">
        <v>196.78</v>
      </c>
      <c r="C910">
        <v>17254.5</v>
      </c>
      <c r="D910">
        <v>2.5</v>
      </c>
      <c r="E910">
        <v>19075.7</v>
      </c>
      <c r="F910">
        <v>11.124000000000001</v>
      </c>
    </row>
    <row r="911" spans="1:6" x14ac:dyDescent="0.25">
      <c r="A911">
        <v>135</v>
      </c>
      <c r="B911">
        <v>196.78</v>
      </c>
      <c r="C911">
        <v>17254.5</v>
      </c>
      <c r="D911">
        <v>2.8</v>
      </c>
      <c r="E911">
        <v>19047.2</v>
      </c>
      <c r="F911">
        <v>11.1516</v>
      </c>
    </row>
    <row r="912" spans="1:6" x14ac:dyDescent="0.25">
      <c r="A912">
        <v>135</v>
      </c>
      <c r="B912">
        <v>196.78</v>
      </c>
      <c r="C912">
        <v>17254.5</v>
      </c>
      <c r="D912">
        <v>3.1</v>
      </c>
      <c r="E912">
        <v>18873.099999999999</v>
      </c>
      <c r="F912">
        <v>11.178599999999999</v>
      </c>
    </row>
    <row r="913" spans="1:6" x14ac:dyDescent="0.25">
      <c r="A913">
        <v>135</v>
      </c>
      <c r="B913">
        <v>196.78</v>
      </c>
      <c r="C913">
        <v>17254.5</v>
      </c>
      <c r="D913">
        <v>3.4</v>
      </c>
      <c r="E913">
        <v>18732.900000000001</v>
      </c>
      <c r="F913">
        <v>11.203900000000001</v>
      </c>
    </row>
    <row r="914" spans="1:6" x14ac:dyDescent="0.25">
      <c r="A914">
        <v>135</v>
      </c>
      <c r="B914">
        <v>196.78</v>
      </c>
      <c r="C914">
        <v>17254.5</v>
      </c>
      <c r="D914">
        <v>3.7</v>
      </c>
      <c r="E914">
        <v>18660.099999999999</v>
      </c>
      <c r="F914">
        <v>11.227499999999999</v>
      </c>
    </row>
    <row r="915" spans="1:6" x14ac:dyDescent="0.25">
      <c r="A915">
        <v>135</v>
      </c>
      <c r="B915">
        <v>196.78</v>
      </c>
      <c r="C915">
        <v>17254.5</v>
      </c>
      <c r="D915">
        <v>4</v>
      </c>
      <c r="E915">
        <v>18665.2</v>
      </c>
      <c r="F915">
        <v>11.249000000000001</v>
      </c>
    </row>
    <row r="916" spans="1:6" x14ac:dyDescent="0.25">
      <c r="A916">
        <v>135</v>
      </c>
      <c r="B916">
        <v>196.78</v>
      </c>
      <c r="C916">
        <v>18800</v>
      </c>
      <c r="D916">
        <v>1</v>
      </c>
      <c r="E916">
        <v>22766.6</v>
      </c>
      <c r="F916">
        <v>11.0045</v>
      </c>
    </row>
    <row r="917" spans="1:6" x14ac:dyDescent="0.25">
      <c r="A917">
        <v>135</v>
      </c>
      <c r="B917">
        <v>196.78</v>
      </c>
      <c r="C917">
        <v>18800</v>
      </c>
      <c r="D917">
        <v>1.3</v>
      </c>
      <c r="E917">
        <v>21839.5</v>
      </c>
      <c r="F917">
        <v>11.046200000000001</v>
      </c>
    </row>
    <row r="918" spans="1:6" x14ac:dyDescent="0.25">
      <c r="A918">
        <v>135</v>
      </c>
      <c r="B918">
        <v>196.78</v>
      </c>
      <c r="C918">
        <v>18800</v>
      </c>
      <c r="D918">
        <v>1.6</v>
      </c>
      <c r="E918">
        <v>21357.4</v>
      </c>
      <c r="F918">
        <v>11.0526</v>
      </c>
    </row>
    <row r="919" spans="1:6" x14ac:dyDescent="0.25">
      <c r="A919">
        <v>135</v>
      </c>
      <c r="B919">
        <v>196.78</v>
      </c>
      <c r="C919">
        <v>18800</v>
      </c>
      <c r="D919">
        <v>1.9</v>
      </c>
      <c r="E919">
        <v>21126.400000000001</v>
      </c>
      <c r="F919">
        <v>11.071999999999999</v>
      </c>
    </row>
    <row r="920" spans="1:6" x14ac:dyDescent="0.25">
      <c r="A920">
        <v>135</v>
      </c>
      <c r="B920">
        <v>196.78</v>
      </c>
      <c r="C920">
        <v>18800</v>
      </c>
      <c r="D920">
        <v>2.2000000000000002</v>
      </c>
      <c r="E920">
        <v>20823.400000000001</v>
      </c>
      <c r="F920">
        <v>11.097099999999999</v>
      </c>
    </row>
    <row r="921" spans="1:6" x14ac:dyDescent="0.25">
      <c r="A921">
        <v>135</v>
      </c>
      <c r="B921">
        <v>196.78</v>
      </c>
      <c r="C921">
        <v>18800</v>
      </c>
      <c r="D921">
        <v>2.5</v>
      </c>
      <c r="E921">
        <v>20753</v>
      </c>
      <c r="F921">
        <v>11.124000000000001</v>
      </c>
    </row>
    <row r="922" spans="1:6" x14ac:dyDescent="0.25">
      <c r="A922">
        <v>135</v>
      </c>
      <c r="B922">
        <v>196.78</v>
      </c>
      <c r="C922">
        <v>18800</v>
      </c>
      <c r="D922">
        <v>2.8</v>
      </c>
      <c r="E922">
        <v>20527.8</v>
      </c>
      <c r="F922">
        <v>11.1516</v>
      </c>
    </row>
    <row r="923" spans="1:6" x14ac:dyDescent="0.25">
      <c r="A923">
        <v>135</v>
      </c>
      <c r="B923">
        <v>196.78</v>
      </c>
      <c r="C923">
        <v>18800</v>
      </c>
      <c r="D923">
        <v>3.1</v>
      </c>
      <c r="E923">
        <v>20508.2</v>
      </c>
      <c r="F923">
        <v>11.178599999999999</v>
      </c>
    </row>
    <row r="924" spans="1:6" x14ac:dyDescent="0.25">
      <c r="A924">
        <v>135</v>
      </c>
      <c r="B924">
        <v>196.78</v>
      </c>
      <c r="C924">
        <v>18800</v>
      </c>
      <c r="D924">
        <v>3.4</v>
      </c>
      <c r="E924">
        <v>20343.3</v>
      </c>
      <c r="F924">
        <v>11.203900000000001</v>
      </c>
    </row>
    <row r="925" spans="1:6" x14ac:dyDescent="0.25">
      <c r="A925">
        <v>135</v>
      </c>
      <c r="B925">
        <v>196.78</v>
      </c>
      <c r="C925">
        <v>18800</v>
      </c>
      <c r="D925">
        <v>3.7</v>
      </c>
      <c r="E925">
        <v>20259.8</v>
      </c>
      <c r="F925">
        <v>11.227499999999999</v>
      </c>
    </row>
    <row r="926" spans="1:6" x14ac:dyDescent="0.25">
      <c r="A926">
        <v>135</v>
      </c>
      <c r="B926">
        <v>196.78</v>
      </c>
      <c r="C926">
        <v>18800</v>
      </c>
      <c r="D926">
        <v>4</v>
      </c>
      <c r="E926">
        <v>20112.400000000001</v>
      </c>
      <c r="F926">
        <v>11.249000000000001</v>
      </c>
    </row>
    <row r="927" spans="1:6" x14ac:dyDescent="0.25">
      <c r="A927">
        <v>135</v>
      </c>
      <c r="B927">
        <v>200.41</v>
      </c>
      <c r="C927">
        <v>1800</v>
      </c>
      <c r="D927">
        <v>1</v>
      </c>
      <c r="E927">
        <v>5758.29</v>
      </c>
      <c r="F927">
        <v>63.430100000000003</v>
      </c>
    </row>
    <row r="928" spans="1:6" x14ac:dyDescent="0.25">
      <c r="A928">
        <v>135</v>
      </c>
      <c r="B928">
        <v>200.41</v>
      </c>
      <c r="C928">
        <v>1800</v>
      </c>
      <c r="D928">
        <v>1.3</v>
      </c>
      <c r="E928">
        <v>5081.7299999999996</v>
      </c>
      <c r="F928">
        <v>77.202100000000002</v>
      </c>
    </row>
    <row r="929" spans="1:6" x14ac:dyDescent="0.25">
      <c r="A929">
        <v>135</v>
      </c>
      <c r="B929">
        <v>200.41</v>
      </c>
      <c r="C929">
        <v>1800</v>
      </c>
      <c r="D929">
        <v>1.6</v>
      </c>
      <c r="E929">
        <v>4659.0200000000004</v>
      </c>
      <c r="F929">
        <v>88.6524</v>
      </c>
    </row>
    <row r="930" spans="1:6" x14ac:dyDescent="0.25">
      <c r="A930">
        <v>135</v>
      </c>
      <c r="B930">
        <v>200.41</v>
      </c>
      <c r="C930">
        <v>1800</v>
      </c>
      <c r="D930">
        <v>1.9</v>
      </c>
      <c r="E930">
        <v>4344.12</v>
      </c>
      <c r="F930">
        <v>93.207499999999996</v>
      </c>
    </row>
    <row r="931" spans="1:6" x14ac:dyDescent="0.25">
      <c r="A931">
        <v>135</v>
      </c>
      <c r="B931">
        <v>200.41</v>
      </c>
      <c r="C931">
        <v>1800</v>
      </c>
      <c r="D931">
        <v>2.2000000000000002</v>
      </c>
      <c r="E931">
        <v>4098.79</v>
      </c>
      <c r="F931">
        <v>98.927199999999999</v>
      </c>
    </row>
    <row r="932" spans="1:6" x14ac:dyDescent="0.25">
      <c r="A932">
        <v>135</v>
      </c>
      <c r="B932">
        <v>200.41</v>
      </c>
      <c r="C932">
        <v>1800</v>
      </c>
      <c r="D932">
        <v>2.5</v>
      </c>
      <c r="E932">
        <v>3902.27</v>
      </c>
      <c r="F932">
        <v>102.60899999999999</v>
      </c>
    </row>
    <row r="933" spans="1:6" x14ac:dyDescent="0.25">
      <c r="A933">
        <v>135</v>
      </c>
      <c r="B933">
        <v>200.41</v>
      </c>
      <c r="C933">
        <v>1800</v>
      </c>
      <c r="D933">
        <v>2.8</v>
      </c>
      <c r="E933">
        <v>3749.57</v>
      </c>
      <c r="F933">
        <v>109.836</v>
      </c>
    </row>
    <row r="934" spans="1:6" x14ac:dyDescent="0.25">
      <c r="A934">
        <v>135</v>
      </c>
      <c r="B934">
        <v>200.41</v>
      </c>
      <c r="C934">
        <v>1800</v>
      </c>
      <c r="D934">
        <v>3.1</v>
      </c>
      <c r="E934">
        <v>3659.35</v>
      </c>
      <c r="F934">
        <v>111.401</v>
      </c>
    </row>
    <row r="935" spans="1:6" x14ac:dyDescent="0.25">
      <c r="A935">
        <v>135</v>
      </c>
      <c r="B935">
        <v>200.41</v>
      </c>
      <c r="C935">
        <v>1800</v>
      </c>
      <c r="D935">
        <v>3.4</v>
      </c>
      <c r="E935">
        <v>3560.52</v>
      </c>
      <c r="F935">
        <v>117.696</v>
      </c>
    </row>
    <row r="936" spans="1:6" x14ac:dyDescent="0.25">
      <c r="A936">
        <v>135</v>
      </c>
      <c r="B936">
        <v>200.41</v>
      </c>
      <c r="C936">
        <v>1800</v>
      </c>
      <c r="D936">
        <v>3.7</v>
      </c>
      <c r="E936">
        <v>3482.12</v>
      </c>
      <c r="F936">
        <v>120.506</v>
      </c>
    </row>
    <row r="937" spans="1:6" x14ac:dyDescent="0.25">
      <c r="A937">
        <v>135</v>
      </c>
      <c r="B937">
        <v>200.41</v>
      </c>
      <c r="C937">
        <v>1800</v>
      </c>
      <c r="D937">
        <v>4</v>
      </c>
      <c r="E937">
        <v>3409.68</v>
      </c>
      <c r="F937">
        <v>123.081</v>
      </c>
    </row>
    <row r="938" spans="1:6" x14ac:dyDescent="0.25">
      <c r="A938">
        <v>135</v>
      </c>
      <c r="B938">
        <v>200.41</v>
      </c>
      <c r="C938">
        <v>3345.45</v>
      </c>
      <c r="D938">
        <v>1</v>
      </c>
      <c r="E938">
        <v>7033.95</v>
      </c>
      <c r="F938">
        <v>39.825299999999999</v>
      </c>
    </row>
    <row r="939" spans="1:6" x14ac:dyDescent="0.25">
      <c r="A939">
        <v>135</v>
      </c>
      <c r="B939">
        <v>200.41</v>
      </c>
      <c r="C939">
        <v>3345.45</v>
      </c>
      <c r="D939">
        <v>1.3</v>
      </c>
      <c r="E939">
        <v>6449.67</v>
      </c>
      <c r="F939">
        <v>50.488500000000002</v>
      </c>
    </row>
    <row r="940" spans="1:6" x14ac:dyDescent="0.25">
      <c r="A940">
        <v>135</v>
      </c>
      <c r="B940">
        <v>200.41</v>
      </c>
      <c r="C940">
        <v>3345.45</v>
      </c>
      <c r="D940">
        <v>1.6</v>
      </c>
      <c r="E940">
        <v>6138.83</v>
      </c>
      <c r="F940">
        <v>59.515700000000002</v>
      </c>
    </row>
    <row r="941" spans="1:6" x14ac:dyDescent="0.25">
      <c r="A941">
        <v>135</v>
      </c>
      <c r="B941">
        <v>200.41</v>
      </c>
      <c r="C941">
        <v>3345.45</v>
      </c>
      <c r="D941">
        <v>1.9</v>
      </c>
      <c r="E941">
        <v>5802.84</v>
      </c>
      <c r="F941">
        <v>67.434100000000001</v>
      </c>
    </row>
    <row r="942" spans="1:6" x14ac:dyDescent="0.25">
      <c r="A942">
        <v>135</v>
      </c>
      <c r="B942">
        <v>200.41</v>
      </c>
      <c r="C942">
        <v>3345.45</v>
      </c>
      <c r="D942">
        <v>2.2000000000000002</v>
      </c>
      <c r="E942">
        <v>5541.06</v>
      </c>
      <c r="F942">
        <v>73.283100000000005</v>
      </c>
    </row>
    <row r="943" spans="1:6" x14ac:dyDescent="0.25">
      <c r="A943">
        <v>135</v>
      </c>
      <c r="B943">
        <v>200.41</v>
      </c>
      <c r="C943">
        <v>3345.45</v>
      </c>
      <c r="D943">
        <v>2.5</v>
      </c>
      <c r="E943">
        <v>5372.8</v>
      </c>
      <c r="F943">
        <v>75.828100000000006</v>
      </c>
    </row>
    <row r="944" spans="1:6" x14ac:dyDescent="0.25">
      <c r="A944">
        <v>135</v>
      </c>
      <c r="B944">
        <v>200.41</v>
      </c>
      <c r="C944">
        <v>3345.45</v>
      </c>
      <c r="D944">
        <v>2.8</v>
      </c>
      <c r="E944">
        <v>5201.8599999999997</v>
      </c>
      <c r="F944">
        <v>79.625799999999998</v>
      </c>
    </row>
    <row r="945" spans="1:6" x14ac:dyDescent="0.25">
      <c r="A945">
        <v>135</v>
      </c>
      <c r="B945">
        <v>200.41</v>
      </c>
      <c r="C945">
        <v>3345.45</v>
      </c>
      <c r="D945">
        <v>3.1</v>
      </c>
      <c r="E945">
        <v>5114.6099999999997</v>
      </c>
      <c r="F945">
        <v>86.011399999999995</v>
      </c>
    </row>
    <row r="946" spans="1:6" x14ac:dyDescent="0.25">
      <c r="A946">
        <v>135</v>
      </c>
      <c r="B946">
        <v>200.41</v>
      </c>
      <c r="C946">
        <v>3345.45</v>
      </c>
      <c r="D946">
        <v>3.4</v>
      </c>
      <c r="E946">
        <v>5024.88</v>
      </c>
      <c r="F946">
        <v>89.645200000000003</v>
      </c>
    </row>
    <row r="947" spans="1:6" x14ac:dyDescent="0.25">
      <c r="A947">
        <v>135</v>
      </c>
      <c r="B947">
        <v>200.41</v>
      </c>
      <c r="C947">
        <v>3345.45</v>
      </c>
      <c r="D947">
        <v>3.7</v>
      </c>
      <c r="E947">
        <v>4924.1400000000003</v>
      </c>
      <c r="F947">
        <v>95.0124</v>
      </c>
    </row>
    <row r="948" spans="1:6" x14ac:dyDescent="0.25">
      <c r="A948">
        <v>135</v>
      </c>
      <c r="B948">
        <v>200.41</v>
      </c>
      <c r="C948">
        <v>3345.45</v>
      </c>
      <c r="D948">
        <v>4</v>
      </c>
      <c r="E948">
        <v>4887.28</v>
      </c>
      <c r="F948">
        <v>95.278999999999996</v>
      </c>
    </row>
    <row r="949" spans="1:6" x14ac:dyDescent="0.25">
      <c r="A949">
        <v>135</v>
      </c>
      <c r="B949">
        <v>200.41</v>
      </c>
      <c r="C949">
        <v>4890.8999999999996</v>
      </c>
      <c r="D949">
        <v>1</v>
      </c>
      <c r="E949">
        <v>8428.23</v>
      </c>
      <c r="F949">
        <v>22.860700000000001</v>
      </c>
    </row>
    <row r="950" spans="1:6" x14ac:dyDescent="0.25">
      <c r="A950">
        <v>135</v>
      </c>
      <c r="B950">
        <v>200.41</v>
      </c>
      <c r="C950">
        <v>4890.8999999999996</v>
      </c>
      <c r="D950">
        <v>1.3</v>
      </c>
      <c r="E950">
        <v>7915.73</v>
      </c>
      <c r="F950">
        <v>28.7224</v>
      </c>
    </row>
    <row r="951" spans="1:6" x14ac:dyDescent="0.25">
      <c r="A951">
        <v>135</v>
      </c>
      <c r="B951">
        <v>200.41</v>
      </c>
      <c r="C951">
        <v>4890.8999999999996</v>
      </c>
      <c r="D951">
        <v>1.6</v>
      </c>
      <c r="E951">
        <v>7449.17</v>
      </c>
      <c r="F951">
        <v>32.956200000000003</v>
      </c>
    </row>
    <row r="952" spans="1:6" x14ac:dyDescent="0.25">
      <c r="A952">
        <v>135</v>
      </c>
      <c r="B952">
        <v>200.41</v>
      </c>
      <c r="C952">
        <v>4890.8999999999996</v>
      </c>
      <c r="D952">
        <v>1.9</v>
      </c>
      <c r="E952">
        <v>7269.09</v>
      </c>
      <c r="F952">
        <v>37.492899999999999</v>
      </c>
    </row>
    <row r="953" spans="1:6" x14ac:dyDescent="0.25">
      <c r="A953">
        <v>135</v>
      </c>
      <c r="B953">
        <v>200.41</v>
      </c>
      <c r="C953">
        <v>4890.8999999999996</v>
      </c>
      <c r="D953">
        <v>2.2000000000000002</v>
      </c>
      <c r="E953">
        <v>7060.21</v>
      </c>
      <c r="F953">
        <v>39.771000000000001</v>
      </c>
    </row>
    <row r="954" spans="1:6" x14ac:dyDescent="0.25">
      <c r="A954">
        <v>135</v>
      </c>
      <c r="B954">
        <v>200.41</v>
      </c>
      <c r="C954">
        <v>4890.8999999999996</v>
      </c>
      <c r="D954">
        <v>2.5</v>
      </c>
      <c r="E954">
        <v>6834.11</v>
      </c>
      <c r="F954">
        <v>44.000500000000002</v>
      </c>
    </row>
    <row r="955" spans="1:6" x14ac:dyDescent="0.25">
      <c r="A955">
        <v>135</v>
      </c>
      <c r="B955">
        <v>200.41</v>
      </c>
      <c r="C955">
        <v>4890.8999999999996</v>
      </c>
      <c r="D955">
        <v>2.8</v>
      </c>
      <c r="E955">
        <v>6652.68</v>
      </c>
      <c r="F955">
        <v>48.244199999999999</v>
      </c>
    </row>
    <row r="956" spans="1:6" x14ac:dyDescent="0.25">
      <c r="A956">
        <v>135</v>
      </c>
      <c r="B956">
        <v>200.41</v>
      </c>
      <c r="C956">
        <v>4890.8999999999996</v>
      </c>
      <c r="D956">
        <v>3.1</v>
      </c>
      <c r="E956">
        <v>6619.83</v>
      </c>
      <c r="F956">
        <v>50.936900000000001</v>
      </c>
    </row>
    <row r="957" spans="1:6" x14ac:dyDescent="0.25">
      <c r="A957">
        <v>135</v>
      </c>
      <c r="B957">
        <v>200.41</v>
      </c>
      <c r="C957">
        <v>4890.8999999999996</v>
      </c>
      <c r="D957">
        <v>3.4</v>
      </c>
      <c r="E957">
        <v>6490.76</v>
      </c>
      <c r="F957">
        <v>56.837800000000001</v>
      </c>
    </row>
    <row r="958" spans="1:6" x14ac:dyDescent="0.25">
      <c r="A958">
        <v>135</v>
      </c>
      <c r="B958">
        <v>200.41</v>
      </c>
      <c r="C958">
        <v>4890.8999999999996</v>
      </c>
      <c r="D958">
        <v>3.7</v>
      </c>
      <c r="E958">
        <v>6406.59</v>
      </c>
      <c r="F958">
        <v>60.455199999999998</v>
      </c>
    </row>
    <row r="959" spans="1:6" x14ac:dyDescent="0.25">
      <c r="A959">
        <v>135</v>
      </c>
      <c r="B959">
        <v>200.41</v>
      </c>
      <c r="C959">
        <v>4890.8999999999996</v>
      </c>
      <c r="D959">
        <v>4</v>
      </c>
      <c r="E959">
        <v>6317.78</v>
      </c>
      <c r="F959">
        <v>65.327699999999993</v>
      </c>
    </row>
    <row r="960" spans="1:6" x14ac:dyDescent="0.25">
      <c r="A960">
        <v>135</v>
      </c>
      <c r="B960">
        <v>200.41</v>
      </c>
      <c r="C960">
        <v>6436.35</v>
      </c>
      <c r="D960">
        <v>1</v>
      </c>
      <c r="E960">
        <v>10016.9</v>
      </c>
      <c r="F960">
        <v>9.5771800000000002</v>
      </c>
    </row>
    <row r="961" spans="1:6" x14ac:dyDescent="0.25">
      <c r="A961">
        <v>135</v>
      </c>
      <c r="B961">
        <v>200.41</v>
      </c>
      <c r="C961">
        <v>6436.35</v>
      </c>
      <c r="D961">
        <v>1.3</v>
      </c>
      <c r="E961">
        <v>9381.51</v>
      </c>
      <c r="F961">
        <v>11.1136</v>
      </c>
    </row>
    <row r="962" spans="1:6" x14ac:dyDescent="0.25">
      <c r="A962">
        <v>135</v>
      </c>
      <c r="B962">
        <v>200.41</v>
      </c>
      <c r="C962">
        <v>6436.35</v>
      </c>
      <c r="D962">
        <v>1.6</v>
      </c>
      <c r="E962">
        <v>8901.19</v>
      </c>
      <c r="F962">
        <v>13.2204</v>
      </c>
    </row>
    <row r="963" spans="1:6" x14ac:dyDescent="0.25">
      <c r="A963">
        <v>135</v>
      </c>
      <c r="B963">
        <v>200.41</v>
      </c>
      <c r="C963">
        <v>6436.35</v>
      </c>
      <c r="D963">
        <v>1.9</v>
      </c>
      <c r="E963">
        <v>8829.65</v>
      </c>
      <c r="F963">
        <v>15.043799999999999</v>
      </c>
    </row>
    <row r="964" spans="1:6" x14ac:dyDescent="0.25">
      <c r="A964">
        <v>135</v>
      </c>
      <c r="B964">
        <v>200.41</v>
      </c>
      <c r="C964">
        <v>6436.35</v>
      </c>
      <c r="D964">
        <v>2.2000000000000002</v>
      </c>
      <c r="E964">
        <v>8554.89</v>
      </c>
      <c r="F964">
        <v>16.5717</v>
      </c>
    </row>
    <row r="965" spans="1:6" x14ac:dyDescent="0.25">
      <c r="A965">
        <v>135</v>
      </c>
      <c r="B965">
        <v>200.41</v>
      </c>
      <c r="C965">
        <v>6436.35</v>
      </c>
      <c r="D965">
        <v>2.5</v>
      </c>
      <c r="E965">
        <v>8337.44</v>
      </c>
      <c r="F965">
        <v>16.343599999999999</v>
      </c>
    </row>
    <row r="966" spans="1:6" x14ac:dyDescent="0.25">
      <c r="A966">
        <v>135</v>
      </c>
      <c r="B966">
        <v>200.41</v>
      </c>
      <c r="C966">
        <v>6436.35</v>
      </c>
      <c r="D966">
        <v>2.8</v>
      </c>
      <c r="E966">
        <v>8189.58</v>
      </c>
      <c r="F966">
        <v>19.341000000000001</v>
      </c>
    </row>
    <row r="967" spans="1:6" x14ac:dyDescent="0.25">
      <c r="A967">
        <v>135</v>
      </c>
      <c r="B967">
        <v>200.41</v>
      </c>
      <c r="C967">
        <v>6436.35</v>
      </c>
      <c r="D967">
        <v>3.1</v>
      </c>
      <c r="E967">
        <v>8021.98</v>
      </c>
      <c r="F967">
        <v>23.043099999999999</v>
      </c>
    </row>
    <row r="968" spans="1:6" x14ac:dyDescent="0.25">
      <c r="A968">
        <v>135</v>
      </c>
      <c r="B968">
        <v>200.41</v>
      </c>
      <c r="C968">
        <v>6436.35</v>
      </c>
      <c r="D968">
        <v>3.4</v>
      </c>
      <c r="E968">
        <v>7917.45</v>
      </c>
      <c r="F968">
        <v>25.7989</v>
      </c>
    </row>
    <row r="969" spans="1:6" x14ac:dyDescent="0.25">
      <c r="A969">
        <v>135</v>
      </c>
      <c r="B969">
        <v>200.41</v>
      </c>
      <c r="C969">
        <v>6436.35</v>
      </c>
      <c r="D969">
        <v>3.7</v>
      </c>
      <c r="E969">
        <v>7881.65</v>
      </c>
      <c r="F969">
        <v>28.2346</v>
      </c>
    </row>
    <row r="970" spans="1:6" x14ac:dyDescent="0.25">
      <c r="A970">
        <v>135</v>
      </c>
      <c r="B970">
        <v>200.41</v>
      </c>
      <c r="C970">
        <v>6436.35</v>
      </c>
      <c r="D970">
        <v>4</v>
      </c>
      <c r="E970">
        <v>7850.85</v>
      </c>
      <c r="F970">
        <v>31.199100000000001</v>
      </c>
    </row>
    <row r="971" spans="1:6" x14ac:dyDescent="0.25">
      <c r="A971">
        <v>135</v>
      </c>
      <c r="B971">
        <v>200.41</v>
      </c>
      <c r="C971">
        <v>7981.8</v>
      </c>
      <c r="D971">
        <v>1</v>
      </c>
      <c r="E971">
        <v>11734.1</v>
      </c>
      <c r="F971">
        <v>10.394399999999999</v>
      </c>
    </row>
    <row r="972" spans="1:6" x14ac:dyDescent="0.25">
      <c r="A972">
        <v>135</v>
      </c>
      <c r="B972">
        <v>200.41</v>
      </c>
      <c r="C972">
        <v>7981.8</v>
      </c>
      <c r="D972">
        <v>1.3</v>
      </c>
      <c r="E972">
        <v>10862.1</v>
      </c>
      <c r="F972">
        <v>10.417400000000001</v>
      </c>
    </row>
    <row r="973" spans="1:6" x14ac:dyDescent="0.25">
      <c r="A973">
        <v>135</v>
      </c>
      <c r="B973">
        <v>200.41</v>
      </c>
      <c r="C973">
        <v>7981.8</v>
      </c>
      <c r="D973">
        <v>1.6</v>
      </c>
      <c r="E973">
        <v>10360.799999999999</v>
      </c>
      <c r="F973">
        <v>10.3386</v>
      </c>
    </row>
    <row r="974" spans="1:6" x14ac:dyDescent="0.25">
      <c r="A974">
        <v>135</v>
      </c>
      <c r="B974">
        <v>200.41</v>
      </c>
      <c r="C974">
        <v>7981.8</v>
      </c>
      <c r="D974">
        <v>1.9</v>
      </c>
      <c r="E974">
        <v>10039.299999999999</v>
      </c>
      <c r="F974">
        <v>9.9930800000000009</v>
      </c>
    </row>
    <row r="975" spans="1:6" x14ac:dyDescent="0.25">
      <c r="A975">
        <v>135</v>
      </c>
      <c r="B975">
        <v>200.41</v>
      </c>
      <c r="C975">
        <v>7981.8</v>
      </c>
      <c r="D975">
        <v>2.2000000000000002</v>
      </c>
      <c r="E975">
        <v>9964.64</v>
      </c>
      <c r="F975">
        <v>9.7000499999999992</v>
      </c>
    </row>
    <row r="976" spans="1:6" x14ac:dyDescent="0.25">
      <c r="A976">
        <v>135</v>
      </c>
      <c r="B976">
        <v>200.41</v>
      </c>
      <c r="C976">
        <v>7981.8</v>
      </c>
      <c r="D976">
        <v>2.5</v>
      </c>
      <c r="E976">
        <v>9804.5400000000009</v>
      </c>
      <c r="F976">
        <v>9.4641699999999993</v>
      </c>
    </row>
    <row r="977" spans="1:6" x14ac:dyDescent="0.25">
      <c r="A977">
        <v>135</v>
      </c>
      <c r="B977">
        <v>200.41</v>
      </c>
      <c r="C977">
        <v>7981.8</v>
      </c>
      <c r="D977">
        <v>2.8</v>
      </c>
      <c r="E977">
        <v>9662.35</v>
      </c>
      <c r="F977">
        <v>9.2841000000000005</v>
      </c>
    </row>
    <row r="978" spans="1:6" x14ac:dyDescent="0.25">
      <c r="A978">
        <v>135</v>
      </c>
      <c r="B978">
        <v>200.41</v>
      </c>
      <c r="C978">
        <v>7981.8</v>
      </c>
      <c r="D978">
        <v>3.1</v>
      </c>
      <c r="E978">
        <v>9468.0400000000009</v>
      </c>
      <c r="F978">
        <v>9.1595899999999997</v>
      </c>
    </row>
    <row r="979" spans="1:6" x14ac:dyDescent="0.25">
      <c r="A979">
        <v>135</v>
      </c>
      <c r="B979">
        <v>200.41</v>
      </c>
      <c r="C979">
        <v>7981.8</v>
      </c>
      <c r="D979">
        <v>3.4</v>
      </c>
      <c r="E979">
        <v>9425.01</v>
      </c>
      <c r="F979">
        <v>9.4915699999999994</v>
      </c>
    </row>
    <row r="980" spans="1:6" x14ac:dyDescent="0.25">
      <c r="A980">
        <v>135</v>
      </c>
      <c r="B980">
        <v>200.41</v>
      </c>
      <c r="C980">
        <v>7981.8</v>
      </c>
      <c r="D980">
        <v>3.7</v>
      </c>
      <c r="E980">
        <v>9308.74</v>
      </c>
      <c r="F980">
        <v>10.711600000000001</v>
      </c>
    </row>
    <row r="981" spans="1:6" x14ac:dyDescent="0.25">
      <c r="A981">
        <v>135</v>
      </c>
      <c r="B981">
        <v>200.41</v>
      </c>
      <c r="C981">
        <v>7981.8</v>
      </c>
      <c r="D981">
        <v>4</v>
      </c>
      <c r="E981">
        <v>9309.7999999999993</v>
      </c>
      <c r="F981">
        <v>11.673299999999999</v>
      </c>
    </row>
    <row r="982" spans="1:6" x14ac:dyDescent="0.25">
      <c r="A982">
        <v>135</v>
      </c>
      <c r="B982">
        <v>200.41</v>
      </c>
      <c r="C982">
        <v>9527.25</v>
      </c>
      <c r="D982">
        <v>1</v>
      </c>
      <c r="E982">
        <v>13319.4</v>
      </c>
      <c r="F982">
        <v>10.9735</v>
      </c>
    </row>
    <row r="983" spans="1:6" x14ac:dyDescent="0.25">
      <c r="A983">
        <v>135</v>
      </c>
      <c r="B983">
        <v>200.41</v>
      </c>
      <c r="C983">
        <v>9527.25</v>
      </c>
      <c r="D983">
        <v>1.3</v>
      </c>
      <c r="E983">
        <v>12541.6</v>
      </c>
      <c r="F983">
        <v>10.639099999999999</v>
      </c>
    </row>
    <row r="984" spans="1:6" x14ac:dyDescent="0.25">
      <c r="A984">
        <v>135</v>
      </c>
      <c r="B984">
        <v>200.41</v>
      </c>
      <c r="C984">
        <v>9527.25</v>
      </c>
      <c r="D984">
        <v>1.6</v>
      </c>
      <c r="E984">
        <v>12078.2</v>
      </c>
      <c r="F984">
        <v>10.4512</v>
      </c>
    </row>
    <row r="985" spans="1:6" x14ac:dyDescent="0.25">
      <c r="A985">
        <v>135</v>
      </c>
      <c r="B985">
        <v>200.41</v>
      </c>
      <c r="C985">
        <v>9527.25</v>
      </c>
      <c r="D985">
        <v>1.9</v>
      </c>
      <c r="E985">
        <v>11778.7</v>
      </c>
      <c r="F985">
        <v>10.456300000000001</v>
      </c>
    </row>
    <row r="986" spans="1:6" x14ac:dyDescent="0.25">
      <c r="A986">
        <v>135</v>
      </c>
      <c r="B986">
        <v>200.41</v>
      </c>
      <c r="C986">
        <v>9527.25</v>
      </c>
      <c r="D986">
        <v>2.2000000000000002</v>
      </c>
      <c r="E986">
        <v>11583.9</v>
      </c>
      <c r="F986">
        <v>10.446899999999999</v>
      </c>
    </row>
    <row r="987" spans="1:6" x14ac:dyDescent="0.25">
      <c r="A987">
        <v>135</v>
      </c>
      <c r="B987">
        <v>200.41</v>
      </c>
      <c r="C987">
        <v>9527.25</v>
      </c>
      <c r="D987">
        <v>2.5</v>
      </c>
      <c r="E987">
        <v>11384.1</v>
      </c>
      <c r="F987">
        <v>10.430400000000001</v>
      </c>
    </row>
    <row r="988" spans="1:6" x14ac:dyDescent="0.25">
      <c r="A988">
        <v>135</v>
      </c>
      <c r="B988">
        <v>200.41</v>
      </c>
      <c r="C988">
        <v>9527.25</v>
      </c>
      <c r="D988">
        <v>2.8</v>
      </c>
      <c r="E988">
        <v>11204</v>
      </c>
      <c r="F988">
        <v>10.4077</v>
      </c>
    </row>
    <row r="989" spans="1:6" x14ac:dyDescent="0.25">
      <c r="A989">
        <v>135</v>
      </c>
      <c r="B989">
        <v>200.41</v>
      </c>
      <c r="C989">
        <v>9527.25</v>
      </c>
      <c r="D989">
        <v>3.1</v>
      </c>
      <c r="E989">
        <v>11153</v>
      </c>
      <c r="F989">
        <v>10.381</v>
      </c>
    </row>
    <row r="990" spans="1:6" x14ac:dyDescent="0.25">
      <c r="A990">
        <v>135</v>
      </c>
      <c r="B990">
        <v>200.41</v>
      </c>
      <c r="C990">
        <v>9527.25</v>
      </c>
      <c r="D990">
        <v>3.4</v>
      </c>
      <c r="E990">
        <v>10998.1</v>
      </c>
      <c r="F990">
        <v>10.3527</v>
      </c>
    </row>
    <row r="991" spans="1:6" x14ac:dyDescent="0.25">
      <c r="A991">
        <v>135</v>
      </c>
      <c r="B991">
        <v>200.41</v>
      </c>
      <c r="C991">
        <v>9527.25</v>
      </c>
      <c r="D991">
        <v>3.7</v>
      </c>
      <c r="E991">
        <v>10976.2</v>
      </c>
      <c r="F991">
        <v>10.3224</v>
      </c>
    </row>
    <row r="992" spans="1:6" x14ac:dyDescent="0.25">
      <c r="A992">
        <v>135</v>
      </c>
      <c r="B992">
        <v>200.41</v>
      </c>
      <c r="C992">
        <v>9527.25</v>
      </c>
      <c r="D992">
        <v>4</v>
      </c>
      <c r="E992">
        <v>10899.9</v>
      </c>
      <c r="F992">
        <v>10.2911</v>
      </c>
    </row>
    <row r="993" spans="1:6" x14ac:dyDescent="0.25">
      <c r="A993">
        <v>135</v>
      </c>
      <c r="B993">
        <v>200.41</v>
      </c>
      <c r="C993">
        <v>11072.7</v>
      </c>
      <c r="D993">
        <v>1</v>
      </c>
      <c r="E993">
        <v>14906.4</v>
      </c>
      <c r="F993">
        <v>11.0045</v>
      </c>
    </row>
    <row r="994" spans="1:6" x14ac:dyDescent="0.25">
      <c r="A994">
        <v>135</v>
      </c>
      <c r="B994">
        <v>200.41</v>
      </c>
      <c r="C994">
        <v>11072.7</v>
      </c>
      <c r="D994">
        <v>1.3</v>
      </c>
      <c r="E994">
        <v>14129.9</v>
      </c>
      <c r="F994">
        <v>11.046200000000001</v>
      </c>
    </row>
    <row r="995" spans="1:6" x14ac:dyDescent="0.25">
      <c r="A995">
        <v>135</v>
      </c>
      <c r="B995">
        <v>200.41</v>
      </c>
      <c r="C995">
        <v>11072.7</v>
      </c>
      <c r="D995">
        <v>1.6</v>
      </c>
      <c r="E995">
        <v>13809.6</v>
      </c>
      <c r="F995">
        <v>11.0526</v>
      </c>
    </row>
    <row r="996" spans="1:6" x14ac:dyDescent="0.25">
      <c r="A996">
        <v>135</v>
      </c>
      <c r="B996">
        <v>200.41</v>
      </c>
      <c r="C996">
        <v>11072.7</v>
      </c>
      <c r="D996">
        <v>1.9</v>
      </c>
      <c r="E996">
        <v>13381.5</v>
      </c>
      <c r="F996">
        <v>11.071999999999999</v>
      </c>
    </row>
    <row r="997" spans="1:6" x14ac:dyDescent="0.25">
      <c r="A997">
        <v>135</v>
      </c>
      <c r="B997">
        <v>200.41</v>
      </c>
      <c r="C997">
        <v>11072.7</v>
      </c>
      <c r="D997">
        <v>2.2000000000000002</v>
      </c>
      <c r="E997">
        <v>13076.5</v>
      </c>
      <c r="F997">
        <v>11.097099999999999</v>
      </c>
    </row>
    <row r="998" spans="1:6" x14ac:dyDescent="0.25">
      <c r="A998">
        <v>135</v>
      </c>
      <c r="B998">
        <v>200.41</v>
      </c>
      <c r="C998">
        <v>11072.7</v>
      </c>
      <c r="D998">
        <v>2.5</v>
      </c>
      <c r="E998">
        <v>12884.4</v>
      </c>
      <c r="F998">
        <v>11.124000000000001</v>
      </c>
    </row>
    <row r="999" spans="1:6" x14ac:dyDescent="0.25">
      <c r="A999">
        <v>135</v>
      </c>
      <c r="B999">
        <v>200.41</v>
      </c>
      <c r="C999">
        <v>11072.7</v>
      </c>
      <c r="D999">
        <v>2.8</v>
      </c>
      <c r="E999">
        <v>12827.2</v>
      </c>
      <c r="F999">
        <v>11.1516</v>
      </c>
    </row>
    <row r="1000" spans="1:6" x14ac:dyDescent="0.25">
      <c r="A1000">
        <v>135</v>
      </c>
      <c r="B1000">
        <v>200.41</v>
      </c>
      <c r="C1000">
        <v>11072.7</v>
      </c>
      <c r="D1000">
        <v>3.1</v>
      </c>
      <c r="E1000">
        <v>12650.8</v>
      </c>
      <c r="F1000">
        <v>11.178599999999999</v>
      </c>
    </row>
    <row r="1001" spans="1:6" x14ac:dyDescent="0.25">
      <c r="A1001">
        <v>135</v>
      </c>
      <c r="B1001">
        <v>200.41</v>
      </c>
      <c r="C1001">
        <v>11072.7</v>
      </c>
      <c r="D1001">
        <v>3.4</v>
      </c>
      <c r="E1001">
        <v>12577.1</v>
      </c>
      <c r="F1001">
        <v>11.203900000000001</v>
      </c>
    </row>
    <row r="1002" spans="1:6" x14ac:dyDescent="0.25">
      <c r="A1002">
        <v>135</v>
      </c>
      <c r="B1002">
        <v>200.41</v>
      </c>
      <c r="C1002">
        <v>11072.7</v>
      </c>
      <c r="D1002">
        <v>3.7</v>
      </c>
      <c r="E1002">
        <v>12498.2</v>
      </c>
      <c r="F1002">
        <v>11.227499999999999</v>
      </c>
    </row>
    <row r="1003" spans="1:6" x14ac:dyDescent="0.25">
      <c r="A1003">
        <v>135</v>
      </c>
      <c r="B1003">
        <v>200.41</v>
      </c>
      <c r="C1003">
        <v>11072.7</v>
      </c>
      <c r="D1003">
        <v>4</v>
      </c>
      <c r="E1003">
        <v>12490.5</v>
      </c>
      <c r="F1003">
        <v>11.249000000000001</v>
      </c>
    </row>
    <row r="1004" spans="1:6" x14ac:dyDescent="0.25">
      <c r="A1004">
        <v>135</v>
      </c>
      <c r="B1004">
        <v>200.41</v>
      </c>
      <c r="C1004">
        <v>12618.2</v>
      </c>
      <c r="D1004">
        <v>1</v>
      </c>
      <c r="E1004">
        <v>16610</v>
      </c>
      <c r="F1004">
        <v>11.0045</v>
      </c>
    </row>
    <row r="1005" spans="1:6" x14ac:dyDescent="0.25">
      <c r="A1005">
        <v>135</v>
      </c>
      <c r="B1005">
        <v>200.41</v>
      </c>
      <c r="C1005">
        <v>12618.2</v>
      </c>
      <c r="D1005">
        <v>1.3</v>
      </c>
      <c r="E1005">
        <v>15885.7</v>
      </c>
      <c r="F1005">
        <v>11.046200000000001</v>
      </c>
    </row>
    <row r="1006" spans="1:6" x14ac:dyDescent="0.25">
      <c r="A1006">
        <v>135</v>
      </c>
      <c r="B1006">
        <v>200.41</v>
      </c>
      <c r="C1006">
        <v>12618.2</v>
      </c>
      <c r="D1006">
        <v>1.6</v>
      </c>
      <c r="E1006">
        <v>15206.7</v>
      </c>
      <c r="F1006">
        <v>11.0526</v>
      </c>
    </row>
    <row r="1007" spans="1:6" x14ac:dyDescent="0.25">
      <c r="A1007">
        <v>135</v>
      </c>
      <c r="B1007">
        <v>200.41</v>
      </c>
      <c r="C1007">
        <v>12618.2</v>
      </c>
      <c r="D1007">
        <v>1.9</v>
      </c>
      <c r="E1007">
        <v>14993.3</v>
      </c>
      <c r="F1007">
        <v>11.071999999999999</v>
      </c>
    </row>
    <row r="1008" spans="1:6" x14ac:dyDescent="0.25">
      <c r="A1008">
        <v>135</v>
      </c>
      <c r="B1008">
        <v>200.41</v>
      </c>
      <c r="C1008">
        <v>12618.2</v>
      </c>
      <c r="D1008">
        <v>2.2000000000000002</v>
      </c>
      <c r="E1008">
        <v>14612.5</v>
      </c>
      <c r="F1008">
        <v>11.097099999999999</v>
      </c>
    </row>
    <row r="1009" spans="1:6" x14ac:dyDescent="0.25">
      <c r="A1009">
        <v>135</v>
      </c>
      <c r="B1009">
        <v>200.41</v>
      </c>
      <c r="C1009">
        <v>12618.2</v>
      </c>
      <c r="D1009">
        <v>2.5</v>
      </c>
      <c r="E1009">
        <v>14466.1</v>
      </c>
      <c r="F1009">
        <v>11.124000000000001</v>
      </c>
    </row>
    <row r="1010" spans="1:6" x14ac:dyDescent="0.25">
      <c r="A1010">
        <v>135</v>
      </c>
      <c r="B1010">
        <v>200.41</v>
      </c>
      <c r="C1010">
        <v>12618.2</v>
      </c>
      <c r="D1010">
        <v>2.8</v>
      </c>
      <c r="E1010">
        <v>14396.9</v>
      </c>
      <c r="F1010">
        <v>11.1516</v>
      </c>
    </row>
    <row r="1011" spans="1:6" x14ac:dyDescent="0.25">
      <c r="A1011">
        <v>135</v>
      </c>
      <c r="B1011">
        <v>200.41</v>
      </c>
      <c r="C1011">
        <v>12618.2</v>
      </c>
      <c r="D1011">
        <v>3.1</v>
      </c>
      <c r="E1011">
        <v>14234.4</v>
      </c>
      <c r="F1011">
        <v>11.178599999999999</v>
      </c>
    </row>
    <row r="1012" spans="1:6" x14ac:dyDescent="0.25">
      <c r="A1012">
        <v>135</v>
      </c>
      <c r="B1012">
        <v>200.41</v>
      </c>
      <c r="C1012">
        <v>12618.2</v>
      </c>
      <c r="D1012">
        <v>3.4</v>
      </c>
      <c r="E1012">
        <v>14099.4</v>
      </c>
      <c r="F1012">
        <v>11.203900000000001</v>
      </c>
    </row>
    <row r="1013" spans="1:6" x14ac:dyDescent="0.25">
      <c r="A1013">
        <v>135</v>
      </c>
      <c r="B1013">
        <v>200.41</v>
      </c>
      <c r="C1013">
        <v>12618.2</v>
      </c>
      <c r="D1013">
        <v>3.7</v>
      </c>
      <c r="E1013">
        <v>13985.9</v>
      </c>
      <c r="F1013">
        <v>11.227499999999999</v>
      </c>
    </row>
    <row r="1014" spans="1:6" x14ac:dyDescent="0.25">
      <c r="A1014">
        <v>135</v>
      </c>
      <c r="B1014">
        <v>200.41</v>
      </c>
      <c r="C1014">
        <v>12618.2</v>
      </c>
      <c r="D1014">
        <v>4</v>
      </c>
      <c r="E1014">
        <v>13956.9</v>
      </c>
      <c r="F1014">
        <v>11.249000000000001</v>
      </c>
    </row>
    <row r="1015" spans="1:6" x14ac:dyDescent="0.25">
      <c r="A1015">
        <v>135</v>
      </c>
      <c r="B1015">
        <v>200.41</v>
      </c>
      <c r="C1015">
        <v>14163.6</v>
      </c>
      <c r="D1015">
        <v>1</v>
      </c>
      <c r="E1015">
        <v>18226.900000000001</v>
      </c>
      <c r="F1015">
        <v>11.0045</v>
      </c>
    </row>
    <row r="1016" spans="1:6" x14ac:dyDescent="0.25">
      <c r="A1016">
        <v>135</v>
      </c>
      <c r="B1016">
        <v>200.41</v>
      </c>
      <c r="C1016">
        <v>14163.6</v>
      </c>
      <c r="D1016">
        <v>1.3</v>
      </c>
      <c r="E1016">
        <v>17331.900000000001</v>
      </c>
      <c r="F1016">
        <v>11.046200000000001</v>
      </c>
    </row>
    <row r="1017" spans="1:6" x14ac:dyDescent="0.25">
      <c r="A1017">
        <v>135</v>
      </c>
      <c r="B1017">
        <v>200.41</v>
      </c>
      <c r="C1017">
        <v>14163.6</v>
      </c>
      <c r="D1017">
        <v>1.6</v>
      </c>
      <c r="E1017">
        <v>16854.2</v>
      </c>
      <c r="F1017">
        <v>11.0526</v>
      </c>
    </row>
    <row r="1018" spans="1:6" x14ac:dyDescent="0.25">
      <c r="A1018">
        <v>135</v>
      </c>
      <c r="B1018">
        <v>200.41</v>
      </c>
      <c r="C1018">
        <v>14163.6</v>
      </c>
      <c r="D1018">
        <v>1.9</v>
      </c>
      <c r="E1018">
        <v>16429.400000000001</v>
      </c>
      <c r="F1018">
        <v>11.071999999999999</v>
      </c>
    </row>
    <row r="1019" spans="1:6" x14ac:dyDescent="0.25">
      <c r="A1019">
        <v>135</v>
      </c>
      <c r="B1019">
        <v>200.41</v>
      </c>
      <c r="C1019">
        <v>14163.6</v>
      </c>
      <c r="D1019">
        <v>2.2000000000000002</v>
      </c>
      <c r="E1019">
        <v>16289.5</v>
      </c>
      <c r="F1019">
        <v>11.097099999999999</v>
      </c>
    </row>
    <row r="1020" spans="1:6" x14ac:dyDescent="0.25">
      <c r="A1020">
        <v>135</v>
      </c>
      <c r="B1020">
        <v>200.41</v>
      </c>
      <c r="C1020">
        <v>14163.6</v>
      </c>
      <c r="D1020">
        <v>2.5</v>
      </c>
      <c r="E1020">
        <v>15968.9</v>
      </c>
      <c r="F1020">
        <v>11.124000000000001</v>
      </c>
    </row>
    <row r="1021" spans="1:6" x14ac:dyDescent="0.25">
      <c r="A1021">
        <v>135</v>
      </c>
      <c r="B1021">
        <v>200.41</v>
      </c>
      <c r="C1021">
        <v>14163.6</v>
      </c>
      <c r="D1021">
        <v>2.8</v>
      </c>
      <c r="E1021">
        <v>15889.3</v>
      </c>
      <c r="F1021">
        <v>11.1516</v>
      </c>
    </row>
    <row r="1022" spans="1:6" x14ac:dyDescent="0.25">
      <c r="A1022">
        <v>135</v>
      </c>
      <c r="B1022">
        <v>200.41</v>
      </c>
      <c r="C1022">
        <v>14163.6</v>
      </c>
      <c r="D1022">
        <v>3.1</v>
      </c>
      <c r="E1022">
        <v>15711.9</v>
      </c>
      <c r="F1022">
        <v>11.178599999999999</v>
      </c>
    </row>
    <row r="1023" spans="1:6" x14ac:dyDescent="0.25">
      <c r="A1023">
        <v>135</v>
      </c>
      <c r="B1023">
        <v>200.41</v>
      </c>
      <c r="C1023">
        <v>14163.6</v>
      </c>
      <c r="D1023">
        <v>3.4</v>
      </c>
      <c r="E1023">
        <v>15657.8</v>
      </c>
      <c r="F1023">
        <v>11.203900000000001</v>
      </c>
    </row>
    <row r="1024" spans="1:6" x14ac:dyDescent="0.25">
      <c r="A1024">
        <v>135</v>
      </c>
      <c r="B1024">
        <v>200.41</v>
      </c>
      <c r="C1024">
        <v>14163.6</v>
      </c>
      <c r="D1024">
        <v>3.7</v>
      </c>
      <c r="E1024">
        <v>15543</v>
      </c>
      <c r="F1024">
        <v>11.227499999999999</v>
      </c>
    </row>
    <row r="1025" spans="1:6" x14ac:dyDescent="0.25">
      <c r="A1025">
        <v>135</v>
      </c>
      <c r="B1025">
        <v>200.41</v>
      </c>
      <c r="C1025">
        <v>14163.6</v>
      </c>
      <c r="D1025">
        <v>4</v>
      </c>
      <c r="E1025">
        <v>15565.2</v>
      </c>
      <c r="F1025">
        <v>11.249000000000001</v>
      </c>
    </row>
    <row r="1026" spans="1:6" x14ac:dyDescent="0.25">
      <c r="A1026">
        <v>135</v>
      </c>
      <c r="B1026">
        <v>200.41</v>
      </c>
      <c r="C1026">
        <v>15709.1</v>
      </c>
      <c r="D1026">
        <v>1</v>
      </c>
      <c r="E1026">
        <v>19549.599999999999</v>
      </c>
      <c r="F1026">
        <v>11.0045</v>
      </c>
    </row>
    <row r="1027" spans="1:6" x14ac:dyDescent="0.25">
      <c r="A1027">
        <v>135</v>
      </c>
      <c r="B1027">
        <v>200.41</v>
      </c>
      <c r="C1027">
        <v>15709.1</v>
      </c>
      <c r="D1027">
        <v>1.3</v>
      </c>
      <c r="E1027">
        <v>18837.2</v>
      </c>
      <c r="F1027">
        <v>11.046200000000001</v>
      </c>
    </row>
    <row r="1028" spans="1:6" x14ac:dyDescent="0.25">
      <c r="A1028">
        <v>135</v>
      </c>
      <c r="B1028">
        <v>200.41</v>
      </c>
      <c r="C1028">
        <v>15709.1</v>
      </c>
      <c r="D1028">
        <v>1.6</v>
      </c>
      <c r="E1028">
        <v>18389.900000000001</v>
      </c>
      <c r="F1028">
        <v>11.0526</v>
      </c>
    </row>
    <row r="1029" spans="1:6" x14ac:dyDescent="0.25">
      <c r="A1029">
        <v>135</v>
      </c>
      <c r="B1029">
        <v>200.41</v>
      </c>
      <c r="C1029">
        <v>15709.1</v>
      </c>
      <c r="D1029">
        <v>1.9</v>
      </c>
      <c r="E1029">
        <v>18054</v>
      </c>
      <c r="F1029">
        <v>11.071999999999999</v>
      </c>
    </row>
    <row r="1030" spans="1:6" x14ac:dyDescent="0.25">
      <c r="A1030">
        <v>135</v>
      </c>
      <c r="B1030">
        <v>200.41</v>
      </c>
      <c r="C1030">
        <v>15709.1</v>
      </c>
      <c r="D1030">
        <v>2.2000000000000002</v>
      </c>
      <c r="E1030">
        <v>17780.2</v>
      </c>
      <c r="F1030">
        <v>11.097099999999999</v>
      </c>
    </row>
    <row r="1031" spans="1:6" x14ac:dyDescent="0.25">
      <c r="A1031">
        <v>135</v>
      </c>
      <c r="B1031">
        <v>200.41</v>
      </c>
      <c r="C1031">
        <v>15709.1</v>
      </c>
      <c r="D1031">
        <v>2.5</v>
      </c>
      <c r="E1031">
        <v>17536.2</v>
      </c>
      <c r="F1031">
        <v>11.124000000000001</v>
      </c>
    </row>
    <row r="1032" spans="1:6" x14ac:dyDescent="0.25">
      <c r="A1032">
        <v>135</v>
      </c>
      <c r="B1032">
        <v>200.41</v>
      </c>
      <c r="C1032">
        <v>15709.1</v>
      </c>
      <c r="D1032">
        <v>2.8</v>
      </c>
      <c r="E1032">
        <v>17457.7</v>
      </c>
      <c r="F1032">
        <v>11.1516</v>
      </c>
    </row>
    <row r="1033" spans="1:6" x14ac:dyDescent="0.25">
      <c r="A1033">
        <v>135</v>
      </c>
      <c r="B1033">
        <v>200.41</v>
      </c>
      <c r="C1033">
        <v>15709.1</v>
      </c>
      <c r="D1033">
        <v>3.1</v>
      </c>
      <c r="E1033">
        <v>17378.599999999999</v>
      </c>
      <c r="F1033">
        <v>11.178599999999999</v>
      </c>
    </row>
    <row r="1034" spans="1:6" x14ac:dyDescent="0.25">
      <c r="A1034">
        <v>135</v>
      </c>
      <c r="B1034">
        <v>200.41</v>
      </c>
      <c r="C1034">
        <v>15709.1</v>
      </c>
      <c r="D1034">
        <v>3.4</v>
      </c>
      <c r="E1034">
        <v>17216.7</v>
      </c>
      <c r="F1034">
        <v>11.203900000000001</v>
      </c>
    </row>
    <row r="1035" spans="1:6" x14ac:dyDescent="0.25">
      <c r="A1035">
        <v>135</v>
      </c>
      <c r="B1035">
        <v>200.41</v>
      </c>
      <c r="C1035">
        <v>15709.1</v>
      </c>
      <c r="D1035">
        <v>3.7</v>
      </c>
      <c r="E1035">
        <v>17100</v>
      </c>
      <c r="F1035">
        <v>11.227499999999999</v>
      </c>
    </row>
    <row r="1036" spans="1:6" x14ac:dyDescent="0.25">
      <c r="A1036">
        <v>135</v>
      </c>
      <c r="B1036">
        <v>200.41</v>
      </c>
      <c r="C1036">
        <v>15709.1</v>
      </c>
      <c r="D1036">
        <v>4</v>
      </c>
      <c r="E1036">
        <v>17004.400000000001</v>
      </c>
      <c r="F1036">
        <v>11.249000000000001</v>
      </c>
    </row>
    <row r="1037" spans="1:6" x14ac:dyDescent="0.25">
      <c r="A1037">
        <v>135</v>
      </c>
      <c r="B1037">
        <v>200.41</v>
      </c>
      <c r="C1037">
        <v>17254.5</v>
      </c>
      <c r="D1037">
        <v>1</v>
      </c>
      <c r="E1037">
        <v>21266.3</v>
      </c>
      <c r="F1037">
        <v>11.0045</v>
      </c>
    </row>
    <row r="1038" spans="1:6" x14ac:dyDescent="0.25">
      <c r="A1038">
        <v>135</v>
      </c>
      <c r="B1038">
        <v>200.41</v>
      </c>
      <c r="C1038">
        <v>17254.5</v>
      </c>
      <c r="D1038">
        <v>1.3</v>
      </c>
      <c r="E1038">
        <v>20350.5</v>
      </c>
      <c r="F1038">
        <v>11.046200000000001</v>
      </c>
    </row>
    <row r="1039" spans="1:6" x14ac:dyDescent="0.25">
      <c r="A1039">
        <v>135</v>
      </c>
      <c r="B1039">
        <v>200.41</v>
      </c>
      <c r="C1039">
        <v>17254.5</v>
      </c>
      <c r="D1039">
        <v>1.6</v>
      </c>
      <c r="E1039">
        <v>19845.900000000001</v>
      </c>
      <c r="F1039">
        <v>11.0526</v>
      </c>
    </row>
    <row r="1040" spans="1:6" x14ac:dyDescent="0.25">
      <c r="A1040">
        <v>135</v>
      </c>
      <c r="B1040">
        <v>200.41</v>
      </c>
      <c r="C1040">
        <v>17254.5</v>
      </c>
      <c r="D1040">
        <v>1.9</v>
      </c>
      <c r="E1040">
        <v>19612.5</v>
      </c>
      <c r="F1040">
        <v>11.071999999999999</v>
      </c>
    </row>
    <row r="1041" spans="1:6" x14ac:dyDescent="0.25">
      <c r="A1041">
        <v>135</v>
      </c>
      <c r="B1041">
        <v>200.41</v>
      </c>
      <c r="C1041">
        <v>17254.5</v>
      </c>
      <c r="D1041">
        <v>2.2000000000000002</v>
      </c>
      <c r="E1041">
        <v>19308.900000000001</v>
      </c>
      <c r="F1041">
        <v>11.097099999999999</v>
      </c>
    </row>
    <row r="1042" spans="1:6" x14ac:dyDescent="0.25">
      <c r="A1042">
        <v>135</v>
      </c>
      <c r="B1042">
        <v>200.41</v>
      </c>
      <c r="C1042">
        <v>17254.5</v>
      </c>
      <c r="D1042">
        <v>2.5</v>
      </c>
      <c r="E1042">
        <v>19088.7</v>
      </c>
      <c r="F1042">
        <v>11.124000000000001</v>
      </c>
    </row>
    <row r="1043" spans="1:6" x14ac:dyDescent="0.25">
      <c r="A1043">
        <v>135</v>
      </c>
      <c r="B1043">
        <v>200.41</v>
      </c>
      <c r="C1043">
        <v>17254.5</v>
      </c>
      <c r="D1043">
        <v>2.8</v>
      </c>
      <c r="E1043">
        <v>19012.3</v>
      </c>
      <c r="F1043">
        <v>11.1516</v>
      </c>
    </row>
    <row r="1044" spans="1:6" x14ac:dyDescent="0.25">
      <c r="A1044">
        <v>135</v>
      </c>
      <c r="B1044">
        <v>200.41</v>
      </c>
      <c r="C1044">
        <v>17254.5</v>
      </c>
      <c r="D1044">
        <v>3.1</v>
      </c>
      <c r="E1044">
        <v>18845.099999999999</v>
      </c>
      <c r="F1044">
        <v>11.178599999999999</v>
      </c>
    </row>
    <row r="1045" spans="1:6" x14ac:dyDescent="0.25">
      <c r="A1045">
        <v>135</v>
      </c>
      <c r="B1045">
        <v>200.41</v>
      </c>
      <c r="C1045">
        <v>17254.5</v>
      </c>
      <c r="D1045">
        <v>3.4</v>
      </c>
      <c r="E1045">
        <v>18789.5</v>
      </c>
      <c r="F1045">
        <v>11.203900000000001</v>
      </c>
    </row>
    <row r="1046" spans="1:6" x14ac:dyDescent="0.25">
      <c r="A1046">
        <v>135</v>
      </c>
      <c r="B1046">
        <v>200.41</v>
      </c>
      <c r="C1046">
        <v>17254.5</v>
      </c>
      <c r="D1046">
        <v>3.7</v>
      </c>
      <c r="E1046">
        <v>18645</v>
      </c>
      <c r="F1046">
        <v>11.227499999999999</v>
      </c>
    </row>
    <row r="1047" spans="1:6" x14ac:dyDescent="0.25">
      <c r="A1047">
        <v>135</v>
      </c>
      <c r="B1047">
        <v>200.41</v>
      </c>
      <c r="C1047">
        <v>17254.5</v>
      </c>
      <c r="D1047">
        <v>4</v>
      </c>
      <c r="E1047">
        <v>18649.900000000001</v>
      </c>
      <c r="F1047">
        <v>11.249000000000001</v>
      </c>
    </row>
    <row r="1048" spans="1:6" x14ac:dyDescent="0.25">
      <c r="A1048">
        <v>135</v>
      </c>
      <c r="B1048">
        <v>200.41</v>
      </c>
      <c r="C1048">
        <v>18800</v>
      </c>
      <c r="D1048">
        <v>1</v>
      </c>
      <c r="E1048">
        <v>22766.6</v>
      </c>
      <c r="F1048">
        <v>11.0045</v>
      </c>
    </row>
    <row r="1049" spans="1:6" x14ac:dyDescent="0.25">
      <c r="A1049">
        <v>135</v>
      </c>
      <c r="B1049">
        <v>200.41</v>
      </c>
      <c r="C1049">
        <v>18800</v>
      </c>
      <c r="D1049">
        <v>1.3</v>
      </c>
      <c r="E1049">
        <v>21839.5</v>
      </c>
      <c r="F1049">
        <v>11.046200000000001</v>
      </c>
    </row>
    <row r="1050" spans="1:6" x14ac:dyDescent="0.25">
      <c r="A1050">
        <v>135</v>
      </c>
      <c r="B1050">
        <v>200.41</v>
      </c>
      <c r="C1050">
        <v>18800</v>
      </c>
      <c r="D1050">
        <v>1.6</v>
      </c>
      <c r="E1050">
        <v>21357.4</v>
      </c>
      <c r="F1050">
        <v>11.0526</v>
      </c>
    </row>
    <row r="1051" spans="1:6" x14ac:dyDescent="0.25">
      <c r="A1051">
        <v>135</v>
      </c>
      <c r="B1051">
        <v>200.41</v>
      </c>
      <c r="C1051">
        <v>18800</v>
      </c>
      <c r="D1051">
        <v>1.9</v>
      </c>
      <c r="E1051">
        <v>21125.9</v>
      </c>
      <c r="F1051">
        <v>11.071999999999999</v>
      </c>
    </row>
    <row r="1052" spans="1:6" x14ac:dyDescent="0.25">
      <c r="A1052">
        <v>135</v>
      </c>
      <c r="B1052">
        <v>200.41</v>
      </c>
      <c r="C1052">
        <v>18800</v>
      </c>
      <c r="D1052">
        <v>2.2000000000000002</v>
      </c>
      <c r="E1052">
        <v>20889.900000000001</v>
      </c>
      <c r="F1052">
        <v>11.097099999999999</v>
      </c>
    </row>
    <row r="1053" spans="1:6" x14ac:dyDescent="0.25">
      <c r="A1053">
        <v>135</v>
      </c>
      <c r="B1053">
        <v>200.41</v>
      </c>
      <c r="C1053">
        <v>18800</v>
      </c>
      <c r="D1053">
        <v>2.5</v>
      </c>
      <c r="E1053">
        <v>20626.8</v>
      </c>
      <c r="F1053">
        <v>11.124000000000001</v>
      </c>
    </row>
    <row r="1054" spans="1:6" x14ac:dyDescent="0.25">
      <c r="A1054">
        <v>135</v>
      </c>
      <c r="B1054">
        <v>200.41</v>
      </c>
      <c r="C1054">
        <v>18800</v>
      </c>
      <c r="D1054">
        <v>2.8</v>
      </c>
      <c r="E1054">
        <v>20549.099999999999</v>
      </c>
      <c r="F1054">
        <v>11.1516</v>
      </c>
    </row>
    <row r="1055" spans="1:6" x14ac:dyDescent="0.25">
      <c r="A1055">
        <v>135</v>
      </c>
      <c r="B1055">
        <v>200.41</v>
      </c>
      <c r="C1055">
        <v>18800</v>
      </c>
      <c r="D1055">
        <v>3.1</v>
      </c>
      <c r="E1055">
        <v>20376.2</v>
      </c>
      <c r="F1055">
        <v>11.178599999999999</v>
      </c>
    </row>
    <row r="1056" spans="1:6" x14ac:dyDescent="0.25">
      <c r="A1056">
        <v>135</v>
      </c>
      <c r="B1056">
        <v>200.41</v>
      </c>
      <c r="C1056">
        <v>18800</v>
      </c>
      <c r="D1056">
        <v>3.4</v>
      </c>
      <c r="E1056">
        <v>20354.3</v>
      </c>
      <c r="F1056">
        <v>11.203900000000001</v>
      </c>
    </row>
    <row r="1057" spans="1:6" x14ac:dyDescent="0.25">
      <c r="A1057">
        <v>135</v>
      </c>
      <c r="B1057">
        <v>200.41</v>
      </c>
      <c r="C1057">
        <v>18800</v>
      </c>
      <c r="D1057">
        <v>3.7</v>
      </c>
      <c r="E1057">
        <v>20217</v>
      </c>
      <c r="F1057">
        <v>11.227499999999999</v>
      </c>
    </row>
    <row r="1058" spans="1:6" x14ac:dyDescent="0.25">
      <c r="A1058">
        <v>135</v>
      </c>
      <c r="B1058">
        <v>200.41</v>
      </c>
      <c r="C1058">
        <v>18800</v>
      </c>
      <c r="D1058">
        <v>4</v>
      </c>
      <c r="E1058">
        <v>20101.2</v>
      </c>
      <c r="F1058">
        <v>11.249000000000001</v>
      </c>
    </row>
    <row r="1059" spans="1:6" x14ac:dyDescent="0.25">
      <c r="A1059">
        <v>135</v>
      </c>
      <c r="B1059">
        <v>204.04</v>
      </c>
      <c r="C1059">
        <v>1800</v>
      </c>
      <c r="D1059">
        <v>1</v>
      </c>
      <c r="E1059">
        <v>5758.29</v>
      </c>
      <c r="F1059">
        <v>63.430100000000003</v>
      </c>
    </row>
    <row r="1060" spans="1:6" x14ac:dyDescent="0.25">
      <c r="A1060">
        <v>135</v>
      </c>
      <c r="B1060">
        <v>204.04</v>
      </c>
      <c r="C1060">
        <v>1800</v>
      </c>
      <c r="D1060">
        <v>1.3</v>
      </c>
      <c r="E1060">
        <v>5081.7299999999996</v>
      </c>
      <c r="F1060">
        <v>77.202100000000002</v>
      </c>
    </row>
    <row r="1061" spans="1:6" x14ac:dyDescent="0.25">
      <c r="A1061">
        <v>135</v>
      </c>
      <c r="B1061">
        <v>204.04</v>
      </c>
      <c r="C1061">
        <v>1800</v>
      </c>
      <c r="D1061">
        <v>1.6</v>
      </c>
      <c r="E1061">
        <v>4659.0200000000004</v>
      </c>
      <c r="F1061">
        <v>88.6524</v>
      </c>
    </row>
    <row r="1062" spans="1:6" x14ac:dyDescent="0.25">
      <c r="A1062">
        <v>135</v>
      </c>
      <c r="B1062">
        <v>204.04</v>
      </c>
      <c r="C1062">
        <v>1800</v>
      </c>
      <c r="D1062">
        <v>1.9</v>
      </c>
      <c r="E1062">
        <v>4344.12</v>
      </c>
      <c r="F1062">
        <v>93.207499999999996</v>
      </c>
    </row>
    <row r="1063" spans="1:6" x14ac:dyDescent="0.25">
      <c r="A1063">
        <v>135</v>
      </c>
      <c r="B1063">
        <v>204.04</v>
      </c>
      <c r="C1063">
        <v>1800</v>
      </c>
      <c r="D1063">
        <v>2.2000000000000002</v>
      </c>
      <c r="E1063">
        <v>4100.58</v>
      </c>
      <c r="F1063">
        <v>98.927199999999999</v>
      </c>
    </row>
    <row r="1064" spans="1:6" x14ac:dyDescent="0.25">
      <c r="A1064">
        <v>135</v>
      </c>
      <c r="B1064">
        <v>204.04</v>
      </c>
      <c r="C1064">
        <v>1800</v>
      </c>
      <c r="D1064">
        <v>2.5</v>
      </c>
      <c r="E1064">
        <v>3879.71</v>
      </c>
      <c r="F1064">
        <v>102.60899999999999</v>
      </c>
    </row>
    <row r="1065" spans="1:6" x14ac:dyDescent="0.25">
      <c r="A1065">
        <v>135</v>
      </c>
      <c r="B1065">
        <v>204.04</v>
      </c>
      <c r="C1065">
        <v>1800</v>
      </c>
      <c r="D1065">
        <v>2.8</v>
      </c>
      <c r="E1065">
        <v>3728.47</v>
      </c>
      <c r="F1065">
        <v>106.381</v>
      </c>
    </row>
    <row r="1066" spans="1:6" x14ac:dyDescent="0.25">
      <c r="A1066">
        <v>135</v>
      </c>
      <c r="B1066">
        <v>204.04</v>
      </c>
      <c r="C1066">
        <v>1800</v>
      </c>
      <c r="D1066">
        <v>3.1</v>
      </c>
      <c r="E1066">
        <v>3625.04</v>
      </c>
      <c r="F1066">
        <v>108.376</v>
      </c>
    </row>
    <row r="1067" spans="1:6" x14ac:dyDescent="0.25">
      <c r="A1067">
        <v>135</v>
      </c>
      <c r="B1067">
        <v>204.04</v>
      </c>
      <c r="C1067">
        <v>1800</v>
      </c>
      <c r="D1067">
        <v>3.4</v>
      </c>
      <c r="E1067">
        <v>3535.92</v>
      </c>
      <c r="F1067">
        <v>115.48699999999999</v>
      </c>
    </row>
    <row r="1068" spans="1:6" x14ac:dyDescent="0.25">
      <c r="A1068">
        <v>135</v>
      </c>
      <c r="B1068">
        <v>204.04</v>
      </c>
      <c r="C1068">
        <v>1800</v>
      </c>
      <c r="D1068">
        <v>3.7</v>
      </c>
      <c r="E1068">
        <v>3452.07</v>
      </c>
      <c r="F1068">
        <v>119.133</v>
      </c>
    </row>
    <row r="1069" spans="1:6" x14ac:dyDescent="0.25">
      <c r="A1069">
        <v>135</v>
      </c>
      <c r="B1069">
        <v>204.04</v>
      </c>
      <c r="C1069">
        <v>1800</v>
      </c>
      <c r="D1069">
        <v>4</v>
      </c>
      <c r="E1069">
        <v>3368.58</v>
      </c>
      <c r="F1069">
        <v>122.185</v>
      </c>
    </row>
    <row r="1070" spans="1:6" x14ac:dyDescent="0.25">
      <c r="A1070">
        <v>135</v>
      </c>
      <c r="B1070">
        <v>204.04</v>
      </c>
      <c r="C1070">
        <v>3345.45</v>
      </c>
      <c r="D1070">
        <v>1</v>
      </c>
      <c r="E1070">
        <v>7033.95</v>
      </c>
      <c r="F1070">
        <v>39.825299999999999</v>
      </c>
    </row>
    <row r="1071" spans="1:6" x14ac:dyDescent="0.25">
      <c r="A1071">
        <v>135</v>
      </c>
      <c r="B1071">
        <v>204.04</v>
      </c>
      <c r="C1071">
        <v>3345.45</v>
      </c>
      <c r="D1071">
        <v>1.3</v>
      </c>
      <c r="E1071">
        <v>6449.67</v>
      </c>
      <c r="F1071">
        <v>50.488500000000002</v>
      </c>
    </row>
    <row r="1072" spans="1:6" x14ac:dyDescent="0.25">
      <c r="A1072">
        <v>135</v>
      </c>
      <c r="B1072">
        <v>204.04</v>
      </c>
      <c r="C1072">
        <v>3345.45</v>
      </c>
      <c r="D1072">
        <v>1.6</v>
      </c>
      <c r="E1072">
        <v>6138.83</v>
      </c>
      <c r="F1072">
        <v>59.515700000000002</v>
      </c>
    </row>
    <row r="1073" spans="1:6" x14ac:dyDescent="0.25">
      <c r="A1073">
        <v>135</v>
      </c>
      <c r="B1073">
        <v>204.04</v>
      </c>
      <c r="C1073">
        <v>3345.45</v>
      </c>
      <c r="D1073">
        <v>1.9</v>
      </c>
      <c r="E1073">
        <v>5802.84</v>
      </c>
      <c r="F1073">
        <v>67.434100000000001</v>
      </c>
    </row>
    <row r="1074" spans="1:6" x14ac:dyDescent="0.25">
      <c r="A1074">
        <v>135</v>
      </c>
      <c r="B1074">
        <v>204.04</v>
      </c>
      <c r="C1074">
        <v>3345.45</v>
      </c>
      <c r="D1074">
        <v>2.2000000000000002</v>
      </c>
      <c r="E1074">
        <v>5541.81</v>
      </c>
      <c r="F1074">
        <v>73.283100000000005</v>
      </c>
    </row>
    <row r="1075" spans="1:6" x14ac:dyDescent="0.25">
      <c r="A1075">
        <v>135</v>
      </c>
      <c r="B1075">
        <v>204.04</v>
      </c>
      <c r="C1075">
        <v>3345.45</v>
      </c>
      <c r="D1075">
        <v>2.5</v>
      </c>
      <c r="E1075">
        <v>5372.8</v>
      </c>
      <c r="F1075">
        <v>75.828100000000006</v>
      </c>
    </row>
    <row r="1076" spans="1:6" x14ac:dyDescent="0.25">
      <c r="A1076">
        <v>135</v>
      </c>
      <c r="B1076">
        <v>204.04</v>
      </c>
      <c r="C1076">
        <v>3345.45</v>
      </c>
      <c r="D1076">
        <v>2.8</v>
      </c>
      <c r="E1076">
        <v>5201.8599999999997</v>
      </c>
      <c r="F1076">
        <v>79.625799999999998</v>
      </c>
    </row>
    <row r="1077" spans="1:6" x14ac:dyDescent="0.25">
      <c r="A1077">
        <v>135</v>
      </c>
      <c r="B1077">
        <v>204.04</v>
      </c>
      <c r="C1077">
        <v>3345.45</v>
      </c>
      <c r="D1077">
        <v>3.1</v>
      </c>
      <c r="E1077">
        <v>5072.38</v>
      </c>
      <c r="F1077">
        <v>83.778400000000005</v>
      </c>
    </row>
    <row r="1078" spans="1:6" x14ac:dyDescent="0.25">
      <c r="A1078">
        <v>135</v>
      </c>
      <c r="B1078">
        <v>204.04</v>
      </c>
      <c r="C1078">
        <v>3345.45</v>
      </c>
      <c r="D1078">
        <v>3.4</v>
      </c>
      <c r="E1078">
        <v>4973.3100000000004</v>
      </c>
      <c r="F1078">
        <v>86.308099999999996</v>
      </c>
    </row>
    <row r="1079" spans="1:6" x14ac:dyDescent="0.25">
      <c r="A1079">
        <v>135</v>
      </c>
      <c r="B1079">
        <v>204.04</v>
      </c>
      <c r="C1079">
        <v>3345.45</v>
      </c>
      <c r="D1079">
        <v>3.7</v>
      </c>
      <c r="E1079">
        <v>4923.1099999999997</v>
      </c>
      <c r="F1079">
        <v>92.265900000000002</v>
      </c>
    </row>
    <row r="1080" spans="1:6" x14ac:dyDescent="0.25">
      <c r="A1080">
        <v>135</v>
      </c>
      <c r="B1080">
        <v>204.04</v>
      </c>
      <c r="C1080">
        <v>3345.45</v>
      </c>
      <c r="D1080">
        <v>4</v>
      </c>
      <c r="E1080">
        <v>4834.63</v>
      </c>
      <c r="F1080">
        <v>92.733400000000003</v>
      </c>
    </row>
    <row r="1081" spans="1:6" x14ac:dyDescent="0.25">
      <c r="A1081">
        <v>135</v>
      </c>
      <c r="B1081">
        <v>204.04</v>
      </c>
      <c r="C1081">
        <v>4890.8999999999996</v>
      </c>
      <c r="D1081">
        <v>1</v>
      </c>
      <c r="E1081">
        <v>8428.23</v>
      </c>
      <c r="F1081">
        <v>22.860700000000001</v>
      </c>
    </row>
    <row r="1082" spans="1:6" x14ac:dyDescent="0.25">
      <c r="A1082">
        <v>135</v>
      </c>
      <c r="B1082">
        <v>204.04</v>
      </c>
      <c r="C1082">
        <v>4890.8999999999996</v>
      </c>
      <c r="D1082">
        <v>1.3</v>
      </c>
      <c r="E1082">
        <v>7915.73</v>
      </c>
      <c r="F1082">
        <v>28.7224</v>
      </c>
    </row>
    <row r="1083" spans="1:6" x14ac:dyDescent="0.25">
      <c r="A1083">
        <v>135</v>
      </c>
      <c r="B1083">
        <v>204.04</v>
      </c>
      <c r="C1083">
        <v>4890.8999999999996</v>
      </c>
      <c r="D1083">
        <v>1.6</v>
      </c>
      <c r="E1083">
        <v>7449.17</v>
      </c>
      <c r="F1083">
        <v>32.956200000000003</v>
      </c>
    </row>
    <row r="1084" spans="1:6" x14ac:dyDescent="0.25">
      <c r="A1084">
        <v>135</v>
      </c>
      <c r="B1084">
        <v>204.04</v>
      </c>
      <c r="C1084">
        <v>4890.8999999999996</v>
      </c>
      <c r="D1084">
        <v>1.9</v>
      </c>
      <c r="E1084">
        <v>7269.09</v>
      </c>
      <c r="F1084">
        <v>37.492899999999999</v>
      </c>
    </row>
    <row r="1085" spans="1:6" x14ac:dyDescent="0.25">
      <c r="A1085">
        <v>135</v>
      </c>
      <c r="B1085">
        <v>204.04</v>
      </c>
      <c r="C1085">
        <v>4890.8999999999996</v>
      </c>
      <c r="D1085">
        <v>2.2000000000000002</v>
      </c>
      <c r="E1085">
        <v>7060.21</v>
      </c>
      <c r="F1085">
        <v>39.771000000000001</v>
      </c>
    </row>
    <row r="1086" spans="1:6" x14ac:dyDescent="0.25">
      <c r="A1086">
        <v>135</v>
      </c>
      <c r="B1086">
        <v>204.04</v>
      </c>
      <c r="C1086">
        <v>4890.8999999999996</v>
      </c>
      <c r="D1086">
        <v>2.5</v>
      </c>
      <c r="E1086">
        <v>6834.11</v>
      </c>
      <c r="F1086">
        <v>44.000500000000002</v>
      </c>
    </row>
    <row r="1087" spans="1:6" x14ac:dyDescent="0.25">
      <c r="A1087">
        <v>135</v>
      </c>
      <c r="B1087">
        <v>204.04</v>
      </c>
      <c r="C1087">
        <v>4890.8999999999996</v>
      </c>
      <c r="D1087">
        <v>2.8</v>
      </c>
      <c r="E1087">
        <v>6652.68</v>
      </c>
      <c r="F1087">
        <v>48.244199999999999</v>
      </c>
    </row>
    <row r="1088" spans="1:6" x14ac:dyDescent="0.25">
      <c r="A1088">
        <v>135</v>
      </c>
      <c r="B1088">
        <v>204.04</v>
      </c>
      <c r="C1088">
        <v>4890.8999999999996</v>
      </c>
      <c r="D1088">
        <v>3.1</v>
      </c>
      <c r="E1088">
        <v>6619.83</v>
      </c>
      <c r="F1088">
        <v>49.4955</v>
      </c>
    </row>
    <row r="1089" spans="1:6" x14ac:dyDescent="0.25">
      <c r="A1089">
        <v>135</v>
      </c>
      <c r="B1089">
        <v>204.04</v>
      </c>
      <c r="C1089">
        <v>4890.8999999999996</v>
      </c>
      <c r="D1089">
        <v>3.4</v>
      </c>
      <c r="E1089">
        <v>6490.76</v>
      </c>
      <c r="F1089">
        <v>53.637099999999997</v>
      </c>
    </row>
    <row r="1090" spans="1:6" x14ac:dyDescent="0.25">
      <c r="A1090">
        <v>135</v>
      </c>
      <c r="B1090">
        <v>204.04</v>
      </c>
      <c r="C1090">
        <v>4890.8999999999996</v>
      </c>
      <c r="D1090">
        <v>3.7</v>
      </c>
      <c r="E1090">
        <v>6406.59</v>
      </c>
      <c r="F1090">
        <v>57.553600000000003</v>
      </c>
    </row>
    <row r="1091" spans="1:6" x14ac:dyDescent="0.25">
      <c r="A1091">
        <v>135</v>
      </c>
      <c r="B1091">
        <v>204.04</v>
      </c>
      <c r="C1091">
        <v>4890.8999999999996</v>
      </c>
      <c r="D1091">
        <v>4</v>
      </c>
      <c r="E1091">
        <v>6298.71</v>
      </c>
      <c r="F1091">
        <v>58.773000000000003</v>
      </c>
    </row>
    <row r="1092" spans="1:6" x14ac:dyDescent="0.25">
      <c r="A1092">
        <v>135</v>
      </c>
      <c r="B1092">
        <v>204.04</v>
      </c>
      <c r="C1092">
        <v>6436.35</v>
      </c>
      <c r="D1092">
        <v>1</v>
      </c>
      <c r="E1092">
        <v>10016.9</v>
      </c>
      <c r="F1092">
        <v>9.5771800000000002</v>
      </c>
    </row>
    <row r="1093" spans="1:6" x14ac:dyDescent="0.25">
      <c r="A1093">
        <v>135</v>
      </c>
      <c r="B1093">
        <v>204.04</v>
      </c>
      <c r="C1093">
        <v>6436.35</v>
      </c>
      <c r="D1093">
        <v>1.3</v>
      </c>
      <c r="E1093">
        <v>9381.51</v>
      </c>
      <c r="F1093">
        <v>11.1136</v>
      </c>
    </row>
    <row r="1094" spans="1:6" x14ac:dyDescent="0.25">
      <c r="A1094">
        <v>135</v>
      </c>
      <c r="B1094">
        <v>204.04</v>
      </c>
      <c r="C1094">
        <v>6436.35</v>
      </c>
      <c r="D1094">
        <v>1.6</v>
      </c>
      <c r="E1094">
        <v>8901.19</v>
      </c>
      <c r="F1094">
        <v>13.2204</v>
      </c>
    </row>
    <row r="1095" spans="1:6" x14ac:dyDescent="0.25">
      <c r="A1095">
        <v>135</v>
      </c>
      <c r="B1095">
        <v>204.04</v>
      </c>
      <c r="C1095">
        <v>6436.35</v>
      </c>
      <c r="D1095">
        <v>1.9</v>
      </c>
      <c r="E1095">
        <v>8829.65</v>
      </c>
      <c r="F1095">
        <v>15.043799999999999</v>
      </c>
    </row>
    <row r="1096" spans="1:6" x14ac:dyDescent="0.25">
      <c r="A1096">
        <v>135</v>
      </c>
      <c r="B1096">
        <v>204.04</v>
      </c>
      <c r="C1096">
        <v>6436.35</v>
      </c>
      <c r="D1096">
        <v>2.2000000000000002</v>
      </c>
      <c r="E1096">
        <v>8554.89</v>
      </c>
      <c r="F1096">
        <v>16.5717</v>
      </c>
    </row>
    <row r="1097" spans="1:6" x14ac:dyDescent="0.25">
      <c r="A1097">
        <v>135</v>
      </c>
      <c r="B1097">
        <v>204.04</v>
      </c>
      <c r="C1097">
        <v>6436.35</v>
      </c>
      <c r="D1097">
        <v>2.5</v>
      </c>
      <c r="E1097">
        <v>8337.44</v>
      </c>
      <c r="F1097">
        <v>16.343599999999999</v>
      </c>
    </row>
    <row r="1098" spans="1:6" x14ac:dyDescent="0.25">
      <c r="A1098">
        <v>135</v>
      </c>
      <c r="B1098">
        <v>204.04</v>
      </c>
      <c r="C1098">
        <v>6436.35</v>
      </c>
      <c r="D1098">
        <v>2.8</v>
      </c>
      <c r="E1098">
        <v>8189.58</v>
      </c>
      <c r="F1098">
        <v>17.042999999999999</v>
      </c>
    </row>
    <row r="1099" spans="1:6" x14ac:dyDescent="0.25">
      <c r="A1099">
        <v>135</v>
      </c>
      <c r="B1099">
        <v>204.04</v>
      </c>
      <c r="C1099">
        <v>6436.35</v>
      </c>
      <c r="D1099">
        <v>3.1</v>
      </c>
      <c r="E1099">
        <v>8021.98</v>
      </c>
      <c r="F1099">
        <v>20.332899999999999</v>
      </c>
    </row>
    <row r="1100" spans="1:6" x14ac:dyDescent="0.25">
      <c r="A1100">
        <v>135</v>
      </c>
      <c r="B1100">
        <v>204.04</v>
      </c>
      <c r="C1100">
        <v>6436.35</v>
      </c>
      <c r="D1100">
        <v>3.4</v>
      </c>
      <c r="E1100">
        <v>7917.45</v>
      </c>
      <c r="F1100">
        <v>23.313099999999999</v>
      </c>
    </row>
    <row r="1101" spans="1:6" x14ac:dyDescent="0.25">
      <c r="A1101">
        <v>135</v>
      </c>
      <c r="B1101">
        <v>204.04</v>
      </c>
      <c r="C1101">
        <v>6436.35</v>
      </c>
      <c r="D1101">
        <v>3.7</v>
      </c>
      <c r="E1101">
        <v>7881.65</v>
      </c>
      <c r="F1101">
        <v>26.116399999999999</v>
      </c>
    </row>
    <row r="1102" spans="1:6" x14ac:dyDescent="0.25">
      <c r="A1102">
        <v>135</v>
      </c>
      <c r="B1102">
        <v>204.04</v>
      </c>
      <c r="C1102">
        <v>6436.35</v>
      </c>
      <c r="D1102">
        <v>4</v>
      </c>
      <c r="E1102">
        <v>7850.85</v>
      </c>
      <c r="F1102">
        <v>29.5426</v>
      </c>
    </row>
    <row r="1103" spans="1:6" x14ac:dyDescent="0.25">
      <c r="A1103">
        <v>135</v>
      </c>
      <c r="B1103">
        <v>204.04</v>
      </c>
      <c r="C1103">
        <v>7981.8</v>
      </c>
      <c r="D1103">
        <v>1</v>
      </c>
      <c r="E1103">
        <v>11734.1</v>
      </c>
      <c r="F1103">
        <v>10.394399999999999</v>
      </c>
    </row>
    <row r="1104" spans="1:6" x14ac:dyDescent="0.25">
      <c r="A1104">
        <v>135</v>
      </c>
      <c r="B1104">
        <v>204.04</v>
      </c>
      <c r="C1104">
        <v>7981.8</v>
      </c>
      <c r="D1104">
        <v>1.3</v>
      </c>
      <c r="E1104">
        <v>10862.1</v>
      </c>
      <c r="F1104">
        <v>10.417400000000001</v>
      </c>
    </row>
    <row r="1105" spans="1:6" x14ac:dyDescent="0.25">
      <c r="A1105">
        <v>135</v>
      </c>
      <c r="B1105">
        <v>204.04</v>
      </c>
      <c r="C1105">
        <v>7981.8</v>
      </c>
      <c r="D1105">
        <v>1.6</v>
      </c>
      <c r="E1105">
        <v>10360.799999999999</v>
      </c>
      <c r="F1105">
        <v>10.3386</v>
      </c>
    </row>
    <row r="1106" spans="1:6" x14ac:dyDescent="0.25">
      <c r="A1106">
        <v>135</v>
      </c>
      <c r="B1106">
        <v>204.04</v>
      </c>
      <c r="C1106">
        <v>7981.8</v>
      </c>
      <c r="D1106">
        <v>1.9</v>
      </c>
      <c r="E1106">
        <v>10039.299999999999</v>
      </c>
      <c r="F1106">
        <v>9.9930800000000009</v>
      </c>
    </row>
    <row r="1107" spans="1:6" x14ac:dyDescent="0.25">
      <c r="A1107">
        <v>135</v>
      </c>
      <c r="B1107">
        <v>204.04</v>
      </c>
      <c r="C1107">
        <v>7981.8</v>
      </c>
      <c r="D1107">
        <v>2.2000000000000002</v>
      </c>
      <c r="E1107">
        <v>9960.1</v>
      </c>
      <c r="F1107">
        <v>9.7000499999999992</v>
      </c>
    </row>
    <row r="1108" spans="1:6" x14ac:dyDescent="0.25">
      <c r="A1108">
        <v>135</v>
      </c>
      <c r="B1108">
        <v>204.04</v>
      </c>
      <c r="C1108">
        <v>7981.8</v>
      </c>
      <c r="D1108">
        <v>2.5</v>
      </c>
      <c r="E1108">
        <v>9792.64</v>
      </c>
      <c r="F1108">
        <v>9.4641699999999993</v>
      </c>
    </row>
    <row r="1109" spans="1:6" x14ac:dyDescent="0.25">
      <c r="A1109">
        <v>135</v>
      </c>
      <c r="B1109">
        <v>204.04</v>
      </c>
      <c r="C1109">
        <v>7981.8</v>
      </c>
      <c r="D1109">
        <v>2.8</v>
      </c>
      <c r="E1109">
        <v>9645.2999999999993</v>
      </c>
      <c r="F1109">
        <v>9.2841000000000005</v>
      </c>
    </row>
    <row r="1110" spans="1:6" x14ac:dyDescent="0.25">
      <c r="A1110">
        <v>135</v>
      </c>
      <c r="B1110">
        <v>204.04</v>
      </c>
      <c r="C1110">
        <v>7981.8</v>
      </c>
      <c r="D1110">
        <v>3.1</v>
      </c>
      <c r="E1110">
        <v>9524.39</v>
      </c>
      <c r="F1110">
        <v>9.1595899999999997</v>
      </c>
    </row>
    <row r="1111" spans="1:6" x14ac:dyDescent="0.25">
      <c r="A1111">
        <v>135</v>
      </c>
      <c r="B1111">
        <v>204.04</v>
      </c>
      <c r="C1111">
        <v>7981.8</v>
      </c>
      <c r="D1111">
        <v>3.4</v>
      </c>
      <c r="E1111">
        <v>9469.3799999999992</v>
      </c>
      <c r="F1111">
        <v>9.0908899999999999</v>
      </c>
    </row>
    <row r="1112" spans="1:6" x14ac:dyDescent="0.25">
      <c r="A1112">
        <v>135</v>
      </c>
      <c r="B1112">
        <v>204.04</v>
      </c>
      <c r="C1112">
        <v>7981.8</v>
      </c>
      <c r="D1112">
        <v>3.7</v>
      </c>
      <c r="E1112">
        <v>9310.0400000000009</v>
      </c>
      <c r="F1112">
        <v>9.5208999999999993</v>
      </c>
    </row>
    <row r="1113" spans="1:6" x14ac:dyDescent="0.25">
      <c r="A1113">
        <v>135</v>
      </c>
      <c r="B1113">
        <v>204.04</v>
      </c>
      <c r="C1113">
        <v>7981.8</v>
      </c>
      <c r="D1113">
        <v>4</v>
      </c>
      <c r="E1113">
        <v>9310.9500000000007</v>
      </c>
      <c r="F1113">
        <v>10.999700000000001</v>
      </c>
    </row>
    <row r="1114" spans="1:6" x14ac:dyDescent="0.25">
      <c r="A1114">
        <v>135</v>
      </c>
      <c r="B1114">
        <v>204.04</v>
      </c>
      <c r="C1114">
        <v>9527.25</v>
      </c>
      <c r="D1114">
        <v>1</v>
      </c>
      <c r="E1114">
        <v>13319.4</v>
      </c>
      <c r="F1114">
        <v>10.9735</v>
      </c>
    </row>
    <row r="1115" spans="1:6" x14ac:dyDescent="0.25">
      <c r="A1115">
        <v>135</v>
      </c>
      <c r="B1115">
        <v>204.04</v>
      </c>
      <c r="C1115">
        <v>9527.25</v>
      </c>
      <c r="D1115">
        <v>1.3</v>
      </c>
      <c r="E1115">
        <v>12541.6</v>
      </c>
      <c r="F1115">
        <v>10.639099999999999</v>
      </c>
    </row>
    <row r="1116" spans="1:6" x14ac:dyDescent="0.25">
      <c r="A1116">
        <v>135</v>
      </c>
      <c r="B1116">
        <v>204.04</v>
      </c>
      <c r="C1116">
        <v>9527.25</v>
      </c>
      <c r="D1116">
        <v>1.6</v>
      </c>
      <c r="E1116">
        <v>12078.2</v>
      </c>
      <c r="F1116">
        <v>10.4512</v>
      </c>
    </row>
    <row r="1117" spans="1:6" x14ac:dyDescent="0.25">
      <c r="A1117">
        <v>135</v>
      </c>
      <c r="B1117">
        <v>204.04</v>
      </c>
      <c r="C1117">
        <v>9527.25</v>
      </c>
      <c r="D1117">
        <v>1.9</v>
      </c>
      <c r="E1117">
        <v>11781.2</v>
      </c>
      <c r="F1117">
        <v>10.456300000000001</v>
      </c>
    </row>
    <row r="1118" spans="1:6" x14ac:dyDescent="0.25">
      <c r="A1118">
        <v>135</v>
      </c>
      <c r="B1118">
        <v>204.04</v>
      </c>
      <c r="C1118">
        <v>9527.25</v>
      </c>
      <c r="D1118">
        <v>2.2000000000000002</v>
      </c>
      <c r="E1118">
        <v>11583.9</v>
      </c>
      <c r="F1118">
        <v>10.446899999999999</v>
      </c>
    </row>
    <row r="1119" spans="1:6" x14ac:dyDescent="0.25">
      <c r="A1119">
        <v>135</v>
      </c>
      <c r="B1119">
        <v>204.04</v>
      </c>
      <c r="C1119">
        <v>9527.25</v>
      </c>
      <c r="D1119">
        <v>2.5</v>
      </c>
      <c r="E1119">
        <v>11384.1</v>
      </c>
      <c r="F1119">
        <v>10.430400000000001</v>
      </c>
    </row>
    <row r="1120" spans="1:6" x14ac:dyDescent="0.25">
      <c r="A1120">
        <v>135</v>
      </c>
      <c r="B1120">
        <v>204.04</v>
      </c>
      <c r="C1120">
        <v>9527.25</v>
      </c>
      <c r="D1120">
        <v>2.8</v>
      </c>
      <c r="E1120">
        <v>11204</v>
      </c>
      <c r="F1120">
        <v>10.4077</v>
      </c>
    </row>
    <row r="1121" spans="1:6" x14ac:dyDescent="0.25">
      <c r="A1121">
        <v>135</v>
      </c>
      <c r="B1121">
        <v>204.04</v>
      </c>
      <c r="C1121">
        <v>9527.25</v>
      </c>
      <c r="D1121">
        <v>3.1</v>
      </c>
      <c r="E1121">
        <v>11153</v>
      </c>
      <c r="F1121">
        <v>10.381</v>
      </c>
    </row>
    <row r="1122" spans="1:6" x14ac:dyDescent="0.25">
      <c r="A1122">
        <v>135</v>
      </c>
      <c r="B1122">
        <v>204.04</v>
      </c>
      <c r="C1122">
        <v>9527.25</v>
      </c>
      <c r="D1122">
        <v>3.4</v>
      </c>
      <c r="E1122">
        <v>10998.1</v>
      </c>
      <c r="F1122">
        <v>10.3527</v>
      </c>
    </row>
    <row r="1123" spans="1:6" x14ac:dyDescent="0.25">
      <c r="A1123">
        <v>135</v>
      </c>
      <c r="B1123">
        <v>204.04</v>
      </c>
      <c r="C1123">
        <v>9527.25</v>
      </c>
      <c r="D1123">
        <v>3.7</v>
      </c>
      <c r="E1123">
        <v>10976.2</v>
      </c>
      <c r="F1123">
        <v>10.3224</v>
      </c>
    </row>
    <row r="1124" spans="1:6" x14ac:dyDescent="0.25">
      <c r="A1124">
        <v>135</v>
      </c>
      <c r="B1124">
        <v>204.04</v>
      </c>
      <c r="C1124">
        <v>9527.25</v>
      </c>
      <c r="D1124">
        <v>4</v>
      </c>
      <c r="E1124">
        <v>10919.6</v>
      </c>
      <c r="F1124">
        <v>10.2911</v>
      </c>
    </row>
    <row r="1125" spans="1:6" x14ac:dyDescent="0.25">
      <c r="A1125">
        <v>135</v>
      </c>
      <c r="B1125">
        <v>204.04</v>
      </c>
      <c r="C1125">
        <v>11072.7</v>
      </c>
      <c r="D1125">
        <v>1</v>
      </c>
      <c r="E1125">
        <v>14906.4</v>
      </c>
      <c r="F1125">
        <v>11.0045</v>
      </c>
    </row>
    <row r="1126" spans="1:6" x14ac:dyDescent="0.25">
      <c r="A1126">
        <v>135</v>
      </c>
      <c r="B1126">
        <v>204.04</v>
      </c>
      <c r="C1126">
        <v>11072.7</v>
      </c>
      <c r="D1126">
        <v>1.3</v>
      </c>
      <c r="E1126">
        <v>14129.9</v>
      </c>
      <c r="F1126">
        <v>11.046200000000001</v>
      </c>
    </row>
    <row r="1127" spans="1:6" x14ac:dyDescent="0.25">
      <c r="A1127">
        <v>135</v>
      </c>
      <c r="B1127">
        <v>204.04</v>
      </c>
      <c r="C1127">
        <v>11072.7</v>
      </c>
      <c r="D1127">
        <v>1.6</v>
      </c>
      <c r="E1127">
        <v>13809.6</v>
      </c>
      <c r="F1127">
        <v>11.0526</v>
      </c>
    </row>
    <row r="1128" spans="1:6" x14ac:dyDescent="0.25">
      <c r="A1128">
        <v>135</v>
      </c>
      <c r="B1128">
        <v>204.04</v>
      </c>
      <c r="C1128">
        <v>11072.7</v>
      </c>
      <c r="D1128">
        <v>1.9</v>
      </c>
      <c r="E1128">
        <v>13381.5</v>
      </c>
      <c r="F1128">
        <v>11.071999999999999</v>
      </c>
    </row>
    <row r="1129" spans="1:6" x14ac:dyDescent="0.25">
      <c r="A1129">
        <v>135</v>
      </c>
      <c r="B1129">
        <v>204.04</v>
      </c>
      <c r="C1129">
        <v>11072.7</v>
      </c>
      <c r="D1129">
        <v>2.2000000000000002</v>
      </c>
      <c r="E1129">
        <v>13076.5</v>
      </c>
      <c r="F1129">
        <v>11.097099999999999</v>
      </c>
    </row>
    <row r="1130" spans="1:6" x14ac:dyDescent="0.25">
      <c r="A1130">
        <v>135</v>
      </c>
      <c r="B1130">
        <v>204.04</v>
      </c>
      <c r="C1130">
        <v>11072.7</v>
      </c>
      <c r="D1130">
        <v>2.5</v>
      </c>
      <c r="E1130">
        <v>12884.4</v>
      </c>
      <c r="F1130">
        <v>11.124000000000001</v>
      </c>
    </row>
    <row r="1131" spans="1:6" x14ac:dyDescent="0.25">
      <c r="A1131">
        <v>135</v>
      </c>
      <c r="B1131">
        <v>204.04</v>
      </c>
      <c r="C1131">
        <v>11072.7</v>
      </c>
      <c r="D1131">
        <v>2.8</v>
      </c>
      <c r="E1131">
        <v>12827.2</v>
      </c>
      <c r="F1131">
        <v>11.1516</v>
      </c>
    </row>
    <row r="1132" spans="1:6" x14ac:dyDescent="0.25">
      <c r="A1132">
        <v>135</v>
      </c>
      <c r="B1132">
        <v>204.04</v>
      </c>
      <c r="C1132">
        <v>11072.7</v>
      </c>
      <c r="D1132">
        <v>3.1</v>
      </c>
      <c r="E1132">
        <v>12650.8</v>
      </c>
      <c r="F1132">
        <v>11.178599999999999</v>
      </c>
    </row>
    <row r="1133" spans="1:6" x14ac:dyDescent="0.25">
      <c r="A1133">
        <v>135</v>
      </c>
      <c r="B1133">
        <v>204.04</v>
      </c>
      <c r="C1133">
        <v>11072.7</v>
      </c>
      <c r="D1133">
        <v>3.4</v>
      </c>
      <c r="E1133">
        <v>12566.9</v>
      </c>
      <c r="F1133">
        <v>11.203900000000001</v>
      </c>
    </row>
    <row r="1134" spans="1:6" x14ac:dyDescent="0.25">
      <c r="A1134">
        <v>135</v>
      </c>
      <c r="B1134">
        <v>204.04</v>
      </c>
      <c r="C1134">
        <v>11072.7</v>
      </c>
      <c r="D1134">
        <v>3.7</v>
      </c>
      <c r="E1134">
        <v>12452</v>
      </c>
      <c r="F1134">
        <v>11.227499999999999</v>
      </c>
    </row>
    <row r="1135" spans="1:6" x14ac:dyDescent="0.25">
      <c r="A1135">
        <v>135</v>
      </c>
      <c r="B1135">
        <v>204.04</v>
      </c>
      <c r="C1135">
        <v>11072.7</v>
      </c>
      <c r="D1135">
        <v>4</v>
      </c>
      <c r="E1135">
        <v>12453.3</v>
      </c>
      <c r="F1135">
        <v>11.249000000000001</v>
      </c>
    </row>
    <row r="1136" spans="1:6" x14ac:dyDescent="0.25">
      <c r="A1136">
        <v>135</v>
      </c>
      <c r="B1136">
        <v>204.04</v>
      </c>
      <c r="C1136">
        <v>12618.2</v>
      </c>
      <c r="D1136">
        <v>1</v>
      </c>
      <c r="E1136">
        <v>16610</v>
      </c>
      <c r="F1136">
        <v>11.0045</v>
      </c>
    </row>
    <row r="1137" spans="1:6" x14ac:dyDescent="0.25">
      <c r="A1137">
        <v>135</v>
      </c>
      <c r="B1137">
        <v>204.04</v>
      </c>
      <c r="C1137">
        <v>12618.2</v>
      </c>
      <c r="D1137">
        <v>1.3</v>
      </c>
      <c r="E1137">
        <v>15885.7</v>
      </c>
      <c r="F1137">
        <v>11.046200000000001</v>
      </c>
    </row>
    <row r="1138" spans="1:6" x14ac:dyDescent="0.25">
      <c r="A1138">
        <v>135</v>
      </c>
      <c r="B1138">
        <v>204.04</v>
      </c>
      <c r="C1138">
        <v>12618.2</v>
      </c>
      <c r="D1138">
        <v>1.6</v>
      </c>
      <c r="E1138">
        <v>15206.7</v>
      </c>
      <c r="F1138">
        <v>11.0526</v>
      </c>
    </row>
    <row r="1139" spans="1:6" x14ac:dyDescent="0.25">
      <c r="A1139">
        <v>135</v>
      </c>
      <c r="B1139">
        <v>204.04</v>
      </c>
      <c r="C1139">
        <v>12618.2</v>
      </c>
      <c r="D1139">
        <v>1.9</v>
      </c>
      <c r="E1139">
        <v>14993.3</v>
      </c>
      <c r="F1139">
        <v>11.071999999999999</v>
      </c>
    </row>
    <row r="1140" spans="1:6" x14ac:dyDescent="0.25">
      <c r="A1140">
        <v>135</v>
      </c>
      <c r="B1140">
        <v>204.04</v>
      </c>
      <c r="C1140">
        <v>12618.2</v>
      </c>
      <c r="D1140">
        <v>2.2000000000000002</v>
      </c>
      <c r="E1140">
        <v>14612.5</v>
      </c>
      <c r="F1140">
        <v>11.097099999999999</v>
      </c>
    </row>
    <row r="1141" spans="1:6" x14ac:dyDescent="0.25">
      <c r="A1141">
        <v>135</v>
      </c>
      <c r="B1141">
        <v>204.04</v>
      </c>
      <c r="C1141">
        <v>12618.2</v>
      </c>
      <c r="D1141">
        <v>2.5</v>
      </c>
      <c r="E1141">
        <v>14467.1</v>
      </c>
      <c r="F1141">
        <v>11.124000000000001</v>
      </c>
    </row>
    <row r="1142" spans="1:6" x14ac:dyDescent="0.25">
      <c r="A1142">
        <v>135</v>
      </c>
      <c r="B1142">
        <v>204.04</v>
      </c>
      <c r="C1142">
        <v>12618.2</v>
      </c>
      <c r="D1142">
        <v>2.8</v>
      </c>
      <c r="E1142">
        <v>14395.3</v>
      </c>
      <c r="F1142">
        <v>11.1516</v>
      </c>
    </row>
    <row r="1143" spans="1:6" x14ac:dyDescent="0.25">
      <c r="A1143">
        <v>135</v>
      </c>
      <c r="B1143">
        <v>204.04</v>
      </c>
      <c r="C1143">
        <v>12618.2</v>
      </c>
      <c r="D1143">
        <v>3.1</v>
      </c>
      <c r="E1143">
        <v>14233.1</v>
      </c>
      <c r="F1143">
        <v>11.178599999999999</v>
      </c>
    </row>
    <row r="1144" spans="1:6" x14ac:dyDescent="0.25">
      <c r="A1144">
        <v>135</v>
      </c>
      <c r="B1144">
        <v>204.04</v>
      </c>
      <c r="C1144">
        <v>12618.2</v>
      </c>
      <c r="D1144">
        <v>3.4</v>
      </c>
      <c r="E1144">
        <v>14099.3</v>
      </c>
      <c r="F1144">
        <v>11.203900000000001</v>
      </c>
    </row>
    <row r="1145" spans="1:6" x14ac:dyDescent="0.25">
      <c r="A1145">
        <v>135</v>
      </c>
      <c r="B1145">
        <v>204.04</v>
      </c>
      <c r="C1145">
        <v>12618.2</v>
      </c>
      <c r="D1145">
        <v>3.7</v>
      </c>
      <c r="E1145">
        <v>14049.6</v>
      </c>
      <c r="F1145">
        <v>11.227499999999999</v>
      </c>
    </row>
    <row r="1146" spans="1:6" x14ac:dyDescent="0.25">
      <c r="A1146">
        <v>135</v>
      </c>
      <c r="B1146">
        <v>204.04</v>
      </c>
      <c r="C1146">
        <v>12618.2</v>
      </c>
      <c r="D1146">
        <v>4</v>
      </c>
      <c r="E1146">
        <v>13938.4</v>
      </c>
      <c r="F1146">
        <v>11.249000000000001</v>
      </c>
    </row>
    <row r="1147" spans="1:6" x14ac:dyDescent="0.25">
      <c r="A1147">
        <v>135</v>
      </c>
      <c r="B1147">
        <v>204.04</v>
      </c>
      <c r="C1147">
        <v>14163.6</v>
      </c>
      <c r="D1147">
        <v>1</v>
      </c>
      <c r="E1147">
        <v>18226.900000000001</v>
      </c>
      <c r="F1147">
        <v>11.0045</v>
      </c>
    </row>
    <row r="1148" spans="1:6" x14ac:dyDescent="0.25">
      <c r="A1148">
        <v>135</v>
      </c>
      <c r="B1148">
        <v>204.04</v>
      </c>
      <c r="C1148">
        <v>14163.6</v>
      </c>
      <c r="D1148">
        <v>1.3</v>
      </c>
      <c r="E1148">
        <v>17331.900000000001</v>
      </c>
      <c r="F1148">
        <v>11.046200000000001</v>
      </c>
    </row>
    <row r="1149" spans="1:6" x14ac:dyDescent="0.25">
      <c r="A1149">
        <v>135</v>
      </c>
      <c r="B1149">
        <v>204.04</v>
      </c>
      <c r="C1149">
        <v>14163.6</v>
      </c>
      <c r="D1149">
        <v>1.6</v>
      </c>
      <c r="E1149">
        <v>16837.7</v>
      </c>
      <c r="F1149">
        <v>11.0526</v>
      </c>
    </row>
    <row r="1150" spans="1:6" x14ac:dyDescent="0.25">
      <c r="A1150">
        <v>135</v>
      </c>
      <c r="B1150">
        <v>204.04</v>
      </c>
      <c r="C1150">
        <v>14163.6</v>
      </c>
      <c r="D1150">
        <v>1.9</v>
      </c>
      <c r="E1150">
        <v>16472</v>
      </c>
      <c r="F1150">
        <v>11.071999999999999</v>
      </c>
    </row>
    <row r="1151" spans="1:6" x14ac:dyDescent="0.25">
      <c r="A1151">
        <v>135</v>
      </c>
      <c r="B1151">
        <v>204.04</v>
      </c>
      <c r="C1151">
        <v>14163.6</v>
      </c>
      <c r="D1151">
        <v>2.2000000000000002</v>
      </c>
      <c r="E1151">
        <v>16291.1</v>
      </c>
      <c r="F1151">
        <v>11.097099999999999</v>
      </c>
    </row>
    <row r="1152" spans="1:6" x14ac:dyDescent="0.25">
      <c r="A1152">
        <v>135</v>
      </c>
      <c r="B1152">
        <v>204.04</v>
      </c>
      <c r="C1152">
        <v>14163.6</v>
      </c>
      <c r="D1152">
        <v>2.5</v>
      </c>
      <c r="E1152">
        <v>16050.8</v>
      </c>
      <c r="F1152">
        <v>11.124000000000001</v>
      </c>
    </row>
    <row r="1153" spans="1:6" x14ac:dyDescent="0.25">
      <c r="A1153">
        <v>135</v>
      </c>
      <c r="B1153">
        <v>204.04</v>
      </c>
      <c r="C1153">
        <v>14163.6</v>
      </c>
      <c r="D1153">
        <v>2.8</v>
      </c>
      <c r="E1153">
        <v>15884.8</v>
      </c>
      <c r="F1153">
        <v>11.1516</v>
      </c>
    </row>
    <row r="1154" spans="1:6" x14ac:dyDescent="0.25">
      <c r="A1154">
        <v>135</v>
      </c>
      <c r="B1154">
        <v>204.04</v>
      </c>
      <c r="C1154">
        <v>14163.6</v>
      </c>
      <c r="D1154">
        <v>3.1</v>
      </c>
      <c r="E1154">
        <v>15708.9</v>
      </c>
      <c r="F1154">
        <v>11.178599999999999</v>
      </c>
    </row>
    <row r="1155" spans="1:6" x14ac:dyDescent="0.25">
      <c r="A1155">
        <v>135</v>
      </c>
      <c r="B1155">
        <v>204.04</v>
      </c>
      <c r="C1155">
        <v>14163.6</v>
      </c>
      <c r="D1155">
        <v>3.4</v>
      </c>
      <c r="E1155">
        <v>15655.7</v>
      </c>
      <c r="F1155">
        <v>11.203900000000001</v>
      </c>
    </row>
    <row r="1156" spans="1:6" x14ac:dyDescent="0.25">
      <c r="A1156">
        <v>135</v>
      </c>
      <c r="B1156">
        <v>204.04</v>
      </c>
      <c r="C1156">
        <v>14163.6</v>
      </c>
      <c r="D1156">
        <v>3.7</v>
      </c>
      <c r="E1156">
        <v>15534.6</v>
      </c>
      <c r="F1156">
        <v>11.227499999999999</v>
      </c>
    </row>
    <row r="1157" spans="1:6" x14ac:dyDescent="0.25">
      <c r="A1157">
        <v>135</v>
      </c>
      <c r="B1157">
        <v>204.04</v>
      </c>
      <c r="C1157">
        <v>14163.6</v>
      </c>
      <c r="D1157">
        <v>4</v>
      </c>
      <c r="E1157">
        <v>15548.8</v>
      </c>
      <c r="F1157">
        <v>11.249000000000001</v>
      </c>
    </row>
    <row r="1158" spans="1:6" x14ac:dyDescent="0.25">
      <c r="A1158">
        <v>135</v>
      </c>
      <c r="B1158">
        <v>204.04</v>
      </c>
      <c r="C1158">
        <v>15709.1</v>
      </c>
      <c r="D1158">
        <v>1</v>
      </c>
      <c r="E1158">
        <v>19549.599999999999</v>
      </c>
      <c r="F1158">
        <v>11.0045</v>
      </c>
    </row>
    <row r="1159" spans="1:6" x14ac:dyDescent="0.25">
      <c r="A1159">
        <v>135</v>
      </c>
      <c r="B1159">
        <v>204.04</v>
      </c>
      <c r="C1159">
        <v>15709.1</v>
      </c>
      <c r="D1159">
        <v>1.3</v>
      </c>
      <c r="E1159">
        <v>18837.2</v>
      </c>
      <c r="F1159">
        <v>11.046200000000001</v>
      </c>
    </row>
    <row r="1160" spans="1:6" x14ac:dyDescent="0.25">
      <c r="A1160">
        <v>135</v>
      </c>
      <c r="B1160">
        <v>204.04</v>
      </c>
      <c r="C1160">
        <v>15709.1</v>
      </c>
      <c r="D1160">
        <v>1.6</v>
      </c>
      <c r="E1160">
        <v>18389.900000000001</v>
      </c>
      <c r="F1160">
        <v>11.0526</v>
      </c>
    </row>
    <row r="1161" spans="1:6" x14ac:dyDescent="0.25">
      <c r="A1161">
        <v>135</v>
      </c>
      <c r="B1161">
        <v>204.04</v>
      </c>
      <c r="C1161">
        <v>15709.1</v>
      </c>
      <c r="D1161">
        <v>1.9</v>
      </c>
      <c r="E1161">
        <v>18054</v>
      </c>
      <c r="F1161">
        <v>11.071999999999999</v>
      </c>
    </row>
    <row r="1162" spans="1:6" x14ac:dyDescent="0.25">
      <c r="A1162">
        <v>135</v>
      </c>
      <c r="B1162">
        <v>204.04</v>
      </c>
      <c r="C1162">
        <v>15709.1</v>
      </c>
      <c r="D1162">
        <v>2.2000000000000002</v>
      </c>
      <c r="E1162">
        <v>17780.2</v>
      </c>
      <c r="F1162">
        <v>11.097099999999999</v>
      </c>
    </row>
    <row r="1163" spans="1:6" x14ac:dyDescent="0.25">
      <c r="A1163">
        <v>135</v>
      </c>
      <c r="B1163">
        <v>204.04</v>
      </c>
      <c r="C1163">
        <v>15709.1</v>
      </c>
      <c r="D1163">
        <v>2.5</v>
      </c>
      <c r="E1163">
        <v>17536.2</v>
      </c>
      <c r="F1163">
        <v>11.124000000000001</v>
      </c>
    </row>
    <row r="1164" spans="1:6" x14ac:dyDescent="0.25">
      <c r="A1164">
        <v>135</v>
      </c>
      <c r="B1164">
        <v>204.04</v>
      </c>
      <c r="C1164">
        <v>15709.1</v>
      </c>
      <c r="D1164">
        <v>2.8</v>
      </c>
      <c r="E1164">
        <v>17457.900000000001</v>
      </c>
      <c r="F1164">
        <v>11.1516</v>
      </c>
    </row>
    <row r="1165" spans="1:6" x14ac:dyDescent="0.25">
      <c r="A1165">
        <v>135</v>
      </c>
      <c r="B1165">
        <v>204.04</v>
      </c>
      <c r="C1165">
        <v>15709.1</v>
      </c>
      <c r="D1165">
        <v>3.1</v>
      </c>
      <c r="E1165">
        <v>17360.3</v>
      </c>
      <c r="F1165">
        <v>11.178599999999999</v>
      </c>
    </row>
    <row r="1166" spans="1:6" x14ac:dyDescent="0.25">
      <c r="A1166">
        <v>135</v>
      </c>
      <c r="B1166">
        <v>204.04</v>
      </c>
      <c r="C1166">
        <v>15709.1</v>
      </c>
      <c r="D1166">
        <v>3.4</v>
      </c>
      <c r="E1166">
        <v>17205.2</v>
      </c>
      <c r="F1166">
        <v>11.203900000000001</v>
      </c>
    </row>
    <row r="1167" spans="1:6" x14ac:dyDescent="0.25">
      <c r="A1167">
        <v>135</v>
      </c>
      <c r="B1167">
        <v>204.04</v>
      </c>
      <c r="C1167">
        <v>15709.1</v>
      </c>
      <c r="D1167">
        <v>3.7</v>
      </c>
      <c r="E1167">
        <v>17088.400000000001</v>
      </c>
      <c r="F1167">
        <v>11.227499999999999</v>
      </c>
    </row>
    <row r="1168" spans="1:6" x14ac:dyDescent="0.25">
      <c r="A1168">
        <v>135</v>
      </c>
      <c r="B1168">
        <v>204.04</v>
      </c>
      <c r="C1168">
        <v>15709.1</v>
      </c>
      <c r="D1168">
        <v>4</v>
      </c>
      <c r="E1168">
        <v>17100.5</v>
      </c>
      <c r="F1168">
        <v>11.249000000000001</v>
      </c>
    </row>
    <row r="1169" spans="1:6" x14ac:dyDescent="0.25">
      <c r="A1169">
        <v>135</v>
      </c>
      <c r="B1169">
        <v>204.04</v>
      </c>
      <c r="C1169">
        <v>17254.5</v>
      </c>
      <c r="D1169">
        <v>1</v>
      </c>
      <c r="E1169">
        <v>21266.3</v>
      </c>
      <c r="F1169">
        <v>11.0045</v>
      </c>
    </row>
    <row r="1170" spans="1:6" x14ac:dyDescent="0.25">
      <c r="A1170">
        <v>135</v>
      </c>
      <c r="B1170">
        <v>204.04</v>
      </c>
      <c r="C1170">
        <v>17254.5</v>
      </c>
      <c r="D1170">
        <v>1.3</v>
      </c>
      <c r="E1170">
        <v>20350.5</v>
      </c>
      <c r="F1170">
        <v>11.046200000000001</v>
      </c>
    </row>
    <row r="1171" spans="1:6" x14ac:dyDescent="0.25">
      <c r="A1171">
        <v>135</v>
      </c>
      <c r="B1171">
        <v>204.04</v>
      </c>
      <c r="C1171">
        <v>17254.5</v>
      </c>
      <c r="D1171">
        <v>1.6</v>
      </c>
      <c r="E1171">
        <v>19845.900000000001</v>
      </c>
      <c r="F1171">
        <v>11.0526</v>
      </c>
    </row>
    <row r="1172" spans="1:6" x14ac:dyDescent="0.25">
      <c r="A1172">
        <v>135</v>
      </c>
      <c r="B1172">
        <v>204.04</v>
      </c>
      <c r="C1172">
        <v>17254.5</v>
      </c>
      <c r="D1172">
        <v>1.9</v>
      </c>
      <c r="E1172">
        <v>19612.5</v>
      </c>
      <c r="F1172">
        <v>11.071999999999999</v>
      </c>
    </row>
    <row r="1173" spans="1:6" x14ac:dyDescent="0.25">
      <c r="A1173">
        <v>135</v>
      </c>
      <c r="B1173">
        <v>204.04</v>
      </c>
      <c r="C1173">
        <v>17254.5</v>
      </c>
      <c r="D1173">
        <v>2.2000000000000002</v>
      </c>
      <c r="E1173">
        <v>19308.900000000001</v>
      </c>
      <c r="F1173">
        <v>11.097099999999999</v>
      </c>
    </row>
    <row r="1174" spans="1:6" x14ac:dyDescent="0.25">
      <c r="A1174">
        <v>135</v>
      </c>
      <c r="B1174">
        <v>204.04</v>
      </c>
      <c r="C1174">
        <v>17254.5</v>
      </c>
      <c r="D1174">
        <v>2.5</v>
      </c>
      <c r="E1174">
        <v>19088.7</v>
      </c>
      <c r="F1174">
        <v>11.124000000000001</v>
      </c>
    </row>
    <row r="1175" spans="1:6" x14ac:dyDescent="0.25">
      <c r="A1175">
        <v>135</v>
      </c>
      <c r="B1175">
        <v>204.04</v>
      </c>
      <c r="C1175">
        <v>17254.5</v>
      </c>
      <c r="D1175">
        <v>2.8</v>
      </c>
      <c r="E1175">
        <v>19002.2</v>
      </c>
      <c r="F1175">
        <v>11.1516</v>
      </c>
    </row>
    <row r="1176" spans="1:6" x14ac:dyDescent="0.25">
      <c r="A1176">
        <v>135</v>
      </c>
      <c r="B1176">
        <v>204.04</v>
      </c>
      <c r="C1176">
        <v>17254.5</v>
      </c>
      <c r="D1176">
        <v>3.1</v>
      </c>
      <c r="E1176">
        <v>18835.900000000001</v>
      </c>
      <c r="F1176">
        <v>11.178599999999999</v>
      </c>
    </row>
    <row r="1177" spans="1:6" x14ac:dyDescent="0.25">
      <c r="A1177">
        <v>135</v>
      </c>
      <c r="B1177">
        <v>204.04</v>
      </c>
      <c r="C1177">
        <v>17254.5</v>
      </c>
      <c r="D1177">
        <v>3.4</v>
      </c>
      <c r="E1177">
        <v>18755.8</v>
      </c>
      <c r="F1177">
        <v>11.203900000000001</v>
      </c>
    </row>
    <row r="1178" spans="1:6" x14ac:dyDescent="0.25">
      <c r="A1178">
        <v>135</v>
      </c>
      <c r="B1178">
        <v>204.04</v>
      </c>
      <c r="C1178">
        <v>17254.5</v>
      </c>
      <c r="D1178">
        <v>3.7</v>
      </c>
      <c r="E1178">
        <v>18613.5</v>
      </c>
      <c r="F1178">
        <v>11.227499999999999</v>
      </c>
    </row>
    <row r="1179" spans="1:6" x14ac:dyDescent="0.25">
      <c r="A1179">
        <v>135</v>
      </c>
      <c r="B1179">
        <v>204.04</v>
      </c>
      <c r="C1179">
        <v>17254.5</v>
      </c>
      <c r="D1179">
        <v>4</v>
      </c>
      <c r="E1179">
        <v>18570.8</v>
      </c>
      <c r="F1179">
        <v>11.249000000000001</v>
      </c>
    </row>
    <row r="1180" spans="1:6" x14ac:dyDescent="0.25">
      <c r="A1180">
        <v>135</v>
      </c>
      <c r="B1180">
        <v>204.04</v>
      </c>
      <c r="C1180">
        <v>18800</v>
      </c>
      <c r="D1180">
        <v>1</v>
      </c>
      <c r="E1180">
        <v>22766.6</v>
      </c>
      <c r="F1180">
        <v>11.0045</v>
      </c>
    </row>
    <row r="1181" spans="1:6" x14ac:dyDescent="0.25">
      <c r="A1181">
        <v>135</v>
      </c>
      <c r="B1181">
        <v>204.04</v>
      </c>
      <c r="C1181">
        <v>18800</v>
      </c>
      <c r="D1181">
        <v>1.3</v>
      </c>
      <c r="E1181">
        <v>21839.5</v>
      </c>
      <c r="F1181">
        <v>11.046200000000001</v>
      </c>
    </row>
    <row r="1182" spans="1:6" x14ac:dyDescent="0.25">
      <c r="A1182">
        <v>135</v>
      </c>
      <c r="B1182">
        <v>204.04</v>
      </c>
      <c r="C1182">
        <v>18800</v>
      </c>
      <c r="D1182">
        <v>1.6</v>
      </c>
      <c r="E1182">
        <v>21357.4</v>
      </c>
      <c r="F1182">
        <v>11.0526</v>
      </c>
    </row>
    <row r="1183" spans="1:6" x14ac:dyDescent="0.25">
      <c r="A1183">
        <v>135</v>
      </c>
      <c r="B1183">
        <v>204.04</v>
      </c>
      <c r="C1183">
        <v>18800</v>
      </c>
      <c r="D1183">
        <v>1.9</v>
      </c>
      <c r="E1183">
        <v>21125.9</v>
      </c>
      <c r="F1183">
        <v>11.071999999999999</v>
      </c>
    </row>
    <row r="1184" spans="1:6" x14ac:dyDescent="0.25">
      <c r="A1184">
        <v>135</v>
      </c>
      <c r="B1184">
        <v>204.04</v>
      </c>
      <c r="C1184">
        <v>18800</v>
      </c>
      <c r="D1184">
        <v>2.2000000000000002</v>
      </c>
      <c r="E1184">
        <v>20889.900000000001</v>
      </c>
      <c r="F1184">
        <v>11.097099999999999</v>
      </c>
    </row>
    <row r="1185" spans="1:6" x14ac:dyDescent="0.25">
      <c r="A1185">
        <v>135</v>
      </c>
      <c r="B1185">
        <v>204.04</v>
      </c>
      <c r="C1185">
        <v>18800</v>
      </c>
      <c r="D1185">
        <v>2.5</v>
      </c>
      <c r="E1185">
        <v>20626.8</v>
      </c>
      <c r="F1185">
        <v>11.124000000000001</v>
      </c>
    </row>
    <row r="1186" spans="1:6" x14ac:dyDescent="0.25">
      <c r="A1186">
        <v>135</v>
      </c>
      <c r="B1186">
        <v>204.04</v>
      </c>
      <c r="C1186">
        <v>18800</v>
      </c>
      <c r="D1186">
        <v>2.8</v>
      </c>
      <c r="E1186">
        <v>20549.099999999999</v>
      </c>
      <c r="F1186">
        <v>11.1516</v>
      </c>
    </row>
    <row r="1187" spans="1:6" x14ac:dyDescent="0.25">
      <c r="A1187">
        <v>135</v>
      </c>
      <c r="B1187">
        <v>204.04</v>
      </c>
      <c r="C1187">
        <v>18800</v>
      </c>
      <c r="D1187">
        <v>3.1</v>
      </c>
      <c r="E1187">
        <v>20376.2</v>
      </c>
      <c r="F1187">
        <v>11.178599999999999</v>
      </c>
    </row>
    <row r="1188" spans="1:6" x14ac:dyDescent="0.25">
      <c r="A1188">
        <v>135</v>
      </c>
      <c r="B1188">
        <v>204.04</v>
      </c>
      <c r="C1188">
        <v>18800</v>
      </c>
      <c r="D1188">
        <v>3.4</v>
      </c>
      <c r="E1188">
        <v>20323</v>
      </c>
      <c r="F1188">
        <v>11.203900000000001</v>
      </c>
    </row>
    <row r="1189" spans="1:6" x14ac:dyDescent="0.25">
      <c r="A1189">
        <v>135</v>
      </c>
      <c r="B1189">
        <v>204.04</v>
      </c>
      <c r="C1189">
        <v>18800</v>
      </c>
      <c r="D1189">
        <v>3.7</v>
      </c>
      <c r="E1189">
        <v>20187.5</v>
      </c>
      <c r="F1189">
        <v>11.227499999999999</v>
      </c>
    </row>
    <row r="1190" spans="1:6" x14ac:dyDescent="0.25">
      <c r="A1190">
        <v>135</v>
      </c>
      <c r="B1190">
        <v>204.04</v>
      </c>
      <c r="C1190">
        <v>18800</v>
      </c>
      <c r="D1190">
        <v>4</v>
      </c>
      <c r="E1190">
        <v>20101.2</v>
      </c>
      <c r="F1190">
        <v>11.249000000000001</v>
      </c>
    </row>
    <row r="1191" spans="1:6" x14ac:dyDescent="0.25">
      <c r="A1191">
        <v>135</v>
      </c>
      <c r="B1191">
        <v>207.67</v>
      </c>
      <c r="C1191">
        <v>1800</v>
      </c>
      <c r="D1191">
        <v>1</v>
      </c>
      <c r="E1191">
        <v>5758.29</v>
      </c>
      <c r="F1191">
        <v>63.430100000000003</v>
      </c>
    </row>
    <row r="1192" spans="1:6" x14ac:dyDescent="0.25">
      <c r="A1192">
        <v>135</v>
      </c>
      <c r="B1192">
        <v>207.67</v>
      </c>
      <c r="C1192">
        <v>1800</v>
      </c>
      <c r="D1192">
        <v>1.3</v>
      </c>
      <c r="E1192">
        <v>5081.7299999999996</v>
      </c>
      <c r="F1192">
        <v>77.202100000000002</v>
      </c>
    </row>
    <row r="1193" spans="1:6" x14ac:dyDescent="0.25">
      <c r="A1193">
        <v>135</v>
      </c>
      <c r="B1193">
        <v>207.67</v>
      </c>
      <c r="C1193">
        <v>1800</v>
      </c>
      <c r="D1193">
        <v>1.6</v>
      </c>
      <c r="E1193">
        <v>4659.0200000000004</v>
      </c>
      <c r="F1193">
        <v>88.6524</v>
      </c>
    </row>
    <row r="1194" spans="1:6" x14ac:dyDescent="0.25">
      <c r="A1194">
        <v>135</v>
      </c>
      <c r="B1194">
        <v>207.67</v>
      </c>
      <c r="C1194">
        <v>1800</v>
      </c>
      <c r="D1194">
        <v>1.9</v>
      </c>
      <c r="E1194">
        <v>4344.12</v>
      </c>
      <c r="F1194">
        <v>93.207499999999996</v>
      </c>
    </row>
    <row r="1195" spans="1:6" x14ac:dyDescent="0.25">
      <c r="A1195">
        <v>135</v>
      </c>
      <c r="B1195">
        <v>207.67</v>
      </c>
      <c r="C1195">
        <v>1800</v>
      </c>
      <c r="D1195">
        <v>2.2000000000000002</v>
      </c>
      <c r="E1195">
        <v>4100.58</v>
      </c>
      <c r="F1195">
        <v>98.927199999999999</v>
      </c>
    </row>
    <row r="1196" spans="1:6" x14ac:dyDescent="0.25">
      <c r="A1196">
        <v>135</v>
      </c>
      <c r="B1196">
        <v>207.67</v>
      </c>
      <c r="C1196">
        <v>1800</v>
      </c>
      <c r="D1196">
        <v>2.5</v>
      </c>
      <c r="E1196">
        <v>3879.71</v>
      </c>
      <c r="F1196">
        <v>102.60899999999999</v>
      </c>
    </row>
    <row r="1197" spans="1:6" x14ac:dyDescent="0.25">
      <c r="A1197">
        <v>135</v>
      </c>
      <c r="B1197">
        <v>207.67</v>
      </c>
      <c r="C1197">
        <v>1800</v>
      </c>
      <c r="D1197">
        <v>2.8</v>
      </c>
      <c r="E1197">
        <v>3728.47</v>
      </c>
      <c r="F1197">
        <v>106.381</v>
      </c>
    </row>
    <row r="1198" spans="1:6" x14ac:dyDescent="0.25">
      <c r="A1198">
        <v>135</v>
      </c>
      <c r="B1198">
        <v>207.67</v>
      </c>
      <c r="C1198">
        <v>1800</v>
      </c>
      <c r="D1198">
        <v>3.1</v>
      </c>
      <c r="E1198">
        <v>3625.03</v>
      </c>
      <c r="F1198">
        <v>105.24299999999999</v>
      </c>
    </row>
    <row r="1199" spans="1:6" x14ac:dyDescent="0.25">
      <c r="A1199">
        <v>135</v>
      </c>
      <c r="B1199">
        <v>207.67</v>
      </c>
      <c r="C1199">
        <v>1800</v>
      </c>
      <c r="D1199">
        <v>3.4</v>
      </c>
      <c r="E1199">
        <v>3496.43</v>
      </c>
      <c r="F1199">
        <v>112.295</v>
      </c>
    </row>
    <row r="1200" spans="1:6" x14ac:dyDescent="0.25">
      <c r="A1200">
        <v>135</v>
      </c>
      <c r="B1200">
        <v>207.67</v>
      </c>
      <c r="C1200">
        <v>1800</v>
      </c>
      <c r="D1200">
        <v>3.7</v>
      </c>
      <c r="E1200">
        <v>3448.13</v>
      </c>
      <c r="F1200">
        <v>116.64700000000001</v>
      </c>
    </row>
    <row r="1201" spans="1:6" x14ac:dyDescent="0.25">
      <c r="A1201">
        <v>135</v>
      </c>
      <c r="B1201">
        <v>207.67</v>
      </c>
      <c r="C1201">
        <v>1800</v>
      </c>
      <c r="D1201">
        <v>4</v>
      </c>
      <c r="E1201">
        <v>3361.69</v>
      </c>
      <c r="F1201">
        <v>120.306</v>
      </c>
    </row>
    <row r="1202" spans="1:6" x14ac:dyDescent="0.25">
      <c r="A1202">
        <v>135</v>
      </c>
      <c r="B1202">
        <v>207.67</v>
      </c>
      <c r="C1202">
        <v>3345.45</v>
      </c>
      <c r="D1202">
        <v>1</v>
      </c>
      <c r="E1202">
        <v>7033.95</v>
      </c>
      <c r="F1202">
        <v>39.825299999999999</v>
      </c>
    </row>
    <row r="1203" spans="1:6" x14ac:dyDescent="0.25">
      <c r="A1203">
        <v>135</v>
      </c>
      <c r="B1203">
        <v>207.67</v>
      </c>
      <c r="C1203">
        <v>3345.45</v>
      </c>
      <c r="D1203">
        <v>1.3</v>
      </c>
      <c r="E1203">
        <v>6449.67</v>
      </c>
      <c r="F1203">
        <v>50.488500000000002</v>
      </c>
    </row>
    <row r="1204" spans="1:6" x14ac:dyDescent="0.25">
      <c r="A1204">
        <v>135</v>
      </c>
      <c r="B1204">
        <v>207.67</v>
      </c>
      <c r="C1204">
        <v>3345.45</v>
      </c>
      <c r="D1204">
        <v>1.6</v>
      </c>
      <c r="E1204">
        <v>6138.83</v>
      </c>
      <c r="F1204">
        <v>59.515700000000002</v>
      </c>
    </row>
    <row r="1205" spans="1:6" x14ac:dyDescent="0.25">
      <c r="A1205">
        <v>135</v>
      </c>
      <c r="B1205">
        <v>207.67</v>
      </c>
      <c r="C1205">
        <v>3345.45</v>
      </c>
      <c r="D1205">
        <v>1.9</v>
      </c>
      <c r="E1205">
        <v>5802.84</v>
      </c>
      <c r="F1205">
        <v>67.434100000000001</v>
      </c>
    </row>
    <row r="1206" spans="1:6" x14ac:dyDescent="0.25">
      <c r="A1206">
        <v>135</v>
      </c>
      <c r="B1206">
        <v>207.67</v>
      </c>
      <c r="C1206">
        <v>3345.45</v>
      </c>
      <c r="D1206">
        <v>2.2000000000000002</v>
      </c>
      <c r="E1206">
        <v>5541.81</v>
      </c>
      <c r="F1206">
        <v>73.283100000000005</v>
      </c>
    </row>
    <row r="1207" spans="1:6" x14ac:dyDescent="0.25">
      <c r="A1207">
        <v>135</v>
      </c>
      <c r="B1207">
        <v>207.67</v>
      </c>
      <c r="C1207">
        <v>3345.45</v>
      </c>
      <c r="D1207">
        <v>2.5</v>
      </c>
      <c r="E1207">
        <v>5372.8</v>
      </c>
      <c r="F1207">
        <v>75.828100000000006</v>
      </c>
    </row>
    <row r="1208" spans="1:6" x14ac:dyDescent="0.25">
      <c r="A1208">
        <v>135</v>
      </c>
      <c r="B1208">
        <v>207.67</v>
      </c>
      <c r="C1208">
        <v>3345.45</v>
      </c>
      <c r="D1208">
        <v>2.8</v>
      </c>
      <c r="E1208">
        <v>5201.8599999999997</v>
      </c>
      <c r="F1208">
        <v>79.625799999999998</v>
      </c>
    </row>
    <row r="1209" spans="1:6" x14ac:dyDescent="0.25">
      <c r="A1209">
        <v>135</v>
      </c>
      <c r="B1209">
        <v>207.67</v>
      </c>
      <c r="C1209">
        <v>3345.45</v>
      </c>
      <c r="D1209">
        <v>3.1</v>
      </c>
      <c r="E1209">
        <v>5072.38</v>
      </c>
      <c r="F1209">
        <v>83.778400000000005</v>
      </c>
    </row>
    <row r="1210" spans="1:6" x14ac:dyDescent="0.25">
      <c r="A1210">
        <v>135</v>
      </c>
      <c r="B1210">
        <v>207.67</v>
      </c>
      <c r="C1210">
        <v>3345.45</v>
      </c>
      <c r="D1210">
        <v>3.4</v>
      </c>
      <c r="E1210">
        <v>4973.3100000000004</v>
      </c>
      <c r="F1210">
        <v>84.28</v>
      </c>
    </row>
    <row r="1211" spans="1:6" x14ac:dyDescent="0.25">
      <c r="A1211">
        <v>135</v>
      </c>
      <c r="B1211">
        <v>207.67</v>
      </c>
      <c r="C1211">
        <v>3345.45</v>
      </c>
      <c r="D1211">
        <v>3.7</v>
      </c>
      <c r="E1211">
        <v>4876.58</v>
      </c>
      <c r="F1211">
        <v>88.916799999999995</v>
      </c>
    </row>
    <row r="1212" spans="1:6" x14ac:dyDescent="0.25">
      <c r="A1212">
        <v>135</v>
      </c>
      <c r="B1212">
        <v>207.67</v>
      </c>
      <c r="C1212">
        <v>3345.45</v>
      </c>
      <c r="D1212">
        <v>4</v>
      </c>
      <c r="E1212">
        <v>4833.5</v>
      </c>
      <c r="F1212">
        <v>89.577399999999997</v>
      </c>
    </row>
    <row r="1213" spans="1:6" x14ac:dyDescent="0.25">
      <c r="A1213">
        <v>135</v>
      </c>
      <c r="B1213">
        <v>207.67</v>
      </c>
      <c r="C1213">
        <v>4890.8999999999996</v>
      </c>
      <c r="D1213">
        <v>1</v>
      </c>
      <c r="E1213">
        <v>8428.23</v>
      </c>
      <c r="F1213">
        <v>22.860700000000001</v>
      </c>
    </row>
    <row r="1214" spans="1:6" x14ac:dyDescent="0.25">
      <c r="A1214">
        <v>135</v>
      </c>
      <c r="B1214">
        <v>207.67</v>
      </c>
      <c r="C1214">
        <v>4890.8999999999996</v>
      </c>
      <c r="D1214">
        <v>1.3</v>
      </c>
      <c r="E1214">
        <v>7915.73</v>
      </c>
      <c r="F1214">
        <v>28.7224</v>
      </c>
    </row>
    <row r="1215" spans="1:6" x14ac:dyDescent="0.25">
      <c r="A1215">
        <v>135</v>
      </c>
      <c r="B1215">
        <v>207.67</v>
      </c>
      <c r="C1215">
        <v>4890.8999999999996</v>
      </c>
      <c r="D1215">
        <v>1.6</v>
      </c>
      <c r="E1215">
        <v>7449.17</v>
      </c>
      <c r="F1215">
        <v>32.956200000000003</v>
      </c>
    </row>
    <row r="1216" spans="1:6" x14ac:dyDescent="0.25">
      <c r="A1216">
        <v>135</v>
      </c>
      <c r="B1216">
        <v>207.67</v>
      </c>
      <c r="C1216">
        <v>4890.8999999999996</v>
      </c>
      <c r="D1216">
        <v>1.9</v>
      </c>
      <c r="E1216">
        <v>7269.09</v>
      </c>
      <c r="F1216">
        <v>37.492899999999999</v>
      </c>
    </row>
    <row r="1217" spans="1:6" x14ac:dyDescent="0.25">
      <c r="A1217">
        <v>135</v>
      </c>
      <c r="B1217">
        <v>207.67</v>
      </c>
      <c r="C1217">
        <v>4890.8999999999996</v>
      </c>
      <c r="D1217">
        <v>2.2000000000000002</v>
      </c>
      <c r="E1217">
        <v>7060.21</v>
      </c>
      <c r="F1217">
        <v>39.771000000000001</v>
      </c>
    </row>
    <row r="1218" spans="1:6" x14ac:dyDescent="0.25">
      <c r="A1218">
        <v>135</v>
      </c>
      <c r="B1218">
        <v>207.67</v>
      </c>
      <c r="C1218">
        <v>4890.8999999999996</v>
      </c>
      <c r="D1218">
        <v>2.5</v>
      </c>
      <c r="E1218">
        <v>6834.11</v>
      </c>
      <c r="F1218">
        <v>44.000500000000002</v>
      </c>
    </row>
    <row r="1219" spans="1:6" x14ac:dyDescent="0.25">
      <c r="A1219">
        <v>135</v>
      </c>
      <c r="B1219">
        <v>207.67</v>
      </c>
      <c r="C1219">
        <v>4890.8999999999996</v>
      </c>
      <c r="D1219">
        <v>2.8</v>
      </c>
      <c r="E1219">
        <v>6652.68</v>
      </c>
      <c r="F1219">
        <v>48.244199999999999</v>
      </c>
    </row>
    <row r="1220" spans="1:6" x14ac:dyDescent="0.25">
      <c r="A1220">
        <v>135</v>
      </c>
      <c r="B1220">
        <v>207.67</v>
      </c>
      <c r="C1220">
        <v>4890.8999999999996</v>
      </c>
      <c r="D1220">
        <v>3.1</v>
      </c>
      <c r="E1220">
        <v>6619.83</v>
      </c>
      <c r="F1220">
        <v>49.4955</v>
      </c>
    </row>
    <row r="1221" spans="1:6" x14ac:dyDescent="0.25">
      <c r="A1221">
        <v>135</v>
      </c>
      <c r="B1221">
        <v>207.67</v>
      </c>
      <c r="C1221">
        <v>4890.8999999999996</v>
      </c>
      <c r="D1221">
        <v>3.4</v>
      </c>
      <c r="E1221">
        <v>6490.76</v>
      </c>
      <c r="F1221">
        <v>52.445999999999998</v>
      </c>
    </row>
    <row r="1222" spans="1:6" x14ac:dyDescent="0.25">
      <c r="A1222">
        <v>135</v>
      </c>
      <c r="B1222">
        <v>207.67</v>
      </c>
      <c r="C1222">
        <v>4890.8999999999996</v>
      </c>
      <c r="D1222">
        <v>3.7</v>
      </c>
      <c r="E1222">
        <v>6406.59</v>
      </c>
      <c r="F1222">
        <v>54.239800000000002</v>
      </c>
    </row>
    <row r="1223" spans="1:6" x14ac:dyDescent="0.25">
      <c r="A1223">
        <v>135</v>
      </c>
      <c r="B1223">
        <v>207.67</v>
      </c>
      <c r="C1223">
        <v>4890.8999999999996</v>
      </c>
      <c r="D1223">
        <v>4</v>
      </c>
      <c r="E1223">
        <v>6298.19</v>
      </c>
      <c r="F1223">
        <v>55.495899999999999</v>
      </c>
    </row>
    <row r="1224" spans="1:6" x14ac:dyDescent="0.25">
      <c r="A1224">
        <v>135</v>
      </c>
      <c r="B1224">
        <v>207.67</v>
      </c>
      <c r="C1224">
        <v>6436.35</v>
      </c>
      <c r="D1224">
        <v>1</v>
      </c>
      <c r="E1224">
        <v>10016.9</v>
      </c>
      <c r="F1224">
        <v>9.5771800000000002</v>
      </c>
    </row>
    <row r="1225" spans="1:6" x14ac:dyDescent="0.25">
      <c r="A1225">
        <v>135</v>
      </c>
      <c r="B1225">
        <v>207.67</v>
      </c>
      <c r="C1225">
        <v>6436.35</v>
      </c>
      <c r="D1225">
        <v>1.3</v>
      </c>
      <c r="E1225">
        <v>9381.51</v>
      </c>
      <c r="F1225">
        <v>11.1136</v>
      </c>
    </row>
    <row r="1226" spans="1:6" x14ac:dyDescent="0.25">
      <c r="A1226">
        <v>135</v>
      </c>
      <c r="B1226">
        <v>207.67</v>
      </c>
      <c r="C1226">
        <v>6436.35</v>
      </c>
      <c r="D1226">
        <v>1.6</v>
      </c>
      <c r="E1226">
        <v>8901.19</v>
      </c>
      <c r="F1226">
        <v>13.2204</v>
      </c>
    </row>
    <row r="1227" spans="1:6" x14ac:dyDescent="0.25">
      <c r="A1227">
        <v>135</v>
      </c>
      <c r="B1227">
        <v>207.67</v>
      </c>
      <c r="C1227">
        <v>6436.35</v>
      </c>
      <c r="D1227">
        <v>1.9</v>
      </c>
      <c r="E1227">
        <v>8829.65</v>
      </c>
      <c r="F1227">
        <v>15.043799999999999</v>
      </c>
    </row>
    <row r="1228" spans="1:6" x14ac:dyDescent="0.25">
      <c r="A1228">
        <v>135</v>
      </c>
      <c r="B1228">
        <v>207.67</v>
      </c>
      <c r="C1228">
        <v>6436.35</v>
      </c>
      <c r="D1228">
        <v>2.2000000000000002</v>
      </c>
      <c r="E1228">
        <v>8554.89</v>
      </c>
      <c r="F1228">
        <v>16.5717</v>
      </c>
    </row>
    <row r="1229" spans="1:6" x14ac:dyDescent="0.25">
      <c r="A1229">
        <v>135</v>
      </c>
      <c r="B1229">
        <v>207.67</v>
      </c>
      <c r="C1229">
        <v>6436.35</v>
      </c>
      <c r="D1229">
        <v>2.5</v>
      </c>
      <c r="E1229">
        <v>8337.44</v>
      </c>
      <c r="F1229">
        <v>16.343599999999999</v>
      </c>
    </row>
    <row r="1230" spans="1:6" x14ac:dyDescent="0.25">
      <c r="A1230">
        <v>135</v>
      </c>
      <c r="B1230">
        <v>207.67</v>
      </c>
      <c r="C1230">
        <v>6436.35</v>
      </c>
      <c r="D1230">
        <v>2.8</v>
      </c>
      <c r="E1230">
        <v>8189.58</v>
      </c>
      <c r="F1230">
        <v>17.042999999999999</v>
      </c>
    </row>
    <row r="1231" spans="1:6" x14ac:dyDescent="0.25">
      <c r="A1231">
        <v>135</v>
      </c>
      <c r="B1231">
        <v>207.67</v>
      </c>
      <c r="C1231">
        <v>6436.35</v>
      </c>
      <c r="D1231">
        <v>3.1</v>
      </c>
      <c r="E1231">
        <v>8021.98</v>
      </c>
      <c r="F1231">
        <v>18.1724</v>
      </c>
    </row>
    <row r="1232" spans="1:6" x14ac:dyDescent="0.25">
      <c r="A1232">
        <v>135</v>
      </c>
      <c r="B1232">
        <v>207.67</v>
      </c>
      <c r="C1232">
        <v>6436.35</v>
      </c>
      <c r="D1232">
        <v>3.4</v>
      </c>
      <c r="E1232">
        <v>7917.45</v>
      </c>
      <c r="F1232">
        <v>21.019500000000001</v>
      </c>
    </row>
    <row r="1233" spans="1:6" x14ac:dyDescent="0.25">
      <c r="A1233">
        <v>135</v>
      </c>
      <c r="B1233">
        <v>207.67</v>
      </c>
      <c r="C1233">
        <v>6436.35</v>
      </c>
      <c r="D1233">
        <v>3.7</v>
      </c>
      <c r="E1233">
        <v>7881.65</v>
      </c>
      <c r="F1233">
        <v>23.488099999999999</v>
      </c>
    </row>
    <row r="1234" spans="1:6" x14ac:dyDescent="0.25">
      <c r="A1234">
        <v>135</v>
      </c>
      <c r="B1234">
        <v>207.67</v>
      </c>
      <c r="C1234">
        <v>6436.35</v>
      </c>
      <c r="D1234">
        <v>4</v>
      </c>
      <c r="E1234">
        <v>7850.85</v>
      </c>
      <c r="F1234">
        <v>27.582899999999999</v>
      </c>
    </row>
    <row r="1235" spans="1:6" x14ac:dyDescent="0.25">
      <c r="A1235">
        <v>135</v>
      </c>
      <c r="B1235">
        <v>207.67</v>
      </c>
      <c r="C1235">
        <v>7981.8</v>
      </c>
      <c r="D1235">
        <v>1</v>
      </c>
      <c r="E1235">
        <v>11734.1</v>
      </c>
      <c r="F1235">
        <v>10.394399999999999</v>
      </c>
    </row>
    <row r="1236" spans="1:6" x14ac:dyDescent="0.25">
      <c r="A1236">
        <v>135</v>
      </c>
      <c r="B1236">
        <v>207.67</v>
      </c>
      <c r="C1236">
        <v>7981.8</v>
      </c>
      <c r="D1236">
        <v>1.3</v>
      </c>
      <c r="E1236">
        <v>10862.1</v>
      </c>
      <c r="F1236">
        <v>10.417400000000001</v>
      </c>
    </row>
    <row r="1237" spans="1:6" x14ac:dyDescent="0.25">
      <c r="A1237">
        <v>135</v>
      </c>
      <c r="B1237">
        <v>207.67</v>
      </c>
      <c r="C1237">
        <v>7981.8</v>
      </c>
      <c r="D1237">
        <v>1.6</v>
      </c>
      <c r="E1237">
        <v>10360.799999999999</v>
      </c>
      <c r="F1237">
        <v>10.3386</v>
      </c>
    </row>
    <row r="1238" spans="1:6" x14ac:dyDescent="0.25">
      <c r="A1238">
        <v>135</v>
      </c>
      <c r="B1238">
        <v>207.67</v>
      </c>
      <c r="C1238">
        <v>7981.8</v>
      </c>
      <c r="D1238">
        <v>1.9</v>
      </c>
      <c r="E1238">
        <v>10039.299999999999</v>
      </c>
      <c r="F1238">
        <v>9.9930800000000009</v>
      </c>
    </row>
    <row r="1239" spans="1:6" x14ac:dyDescent="0.25">
      <c r="A1239">
        <v>135</v>
      </c>
      <c r="B1239">
        <v>207.67</v>
      </c>
      <c r="C1239">
        <v>7981.8</v>
      </c>
      <c r="D1239">
        <v>2.2000000000000002</v>
      </c>
      <c r="E1239">
        <v>9960.1</v>
      </c>
      <c r="F1239">
        <v>9.7000499999999992</v>
      </c>
    </row>
    <row r="1240" spans="1:6" x14ac:dyDescent="0.25">
      <c r="A1240">
        <v>135</v>
      </c>
      <c r="B1240">
        <v>207.67</v>
      </c>
      <c r="C1240">
        <v>7981.8</v>
      </c>
      <c r="D1240">
        <v>2.5</v>
      </c>
      <c r="E1240">
        <v>9779.24</v>
      </c>
      <c r="F1240">
        <v>9.4641699999999993</v>
      </c>
    </row>
    <row r="1241" spans="1:6" x14ac:dyDescent="0.25">
      <c r="A1241">
        <v>135</v>
      </c>
      <c r="B1241">
        <v>207.67</v>
      </c>
      <c r="C1241">
        <v>7981.8</v>
      </c>
      <c r="D1241">
        <v>2.8</v>
      </c>
      <c r="E1241">
        <v>9635.01</v>
      </c>
      <c r="F1241">
        <v>9.2841000000000005</v>
      </c>
    </row>
    <row r="1242" spans="1:6" x14ac:dyDescent="0.25">
      <c r="A1242">
        <v>135</v>
      </c>
      <c r="B1242">
        <v>207.67</v>
      </c>
      <c r="C1242">
        <v>7981.8</v>
      </c>
      <c r="D1242">
        <v>3.1</v>
      </c>
      <c r="E1242">
        <v>9512.2099999999991</v>
      </c>
      <c r="F1242">
        <v>9.1595899999999997</v>
      </c>
    </row>
    <row r="1243" spans="1:6" x14ac:dyDescent="0.25">
      <c r="A1243">
        <v>135</v>
      </c>
      <c r="B1243">
        <v>207.67</v>
      </c>
      <c r="C1243">
        <v>7981.8</v>
      </c>
      <c r="D1243">
        <v>3.4</v>
      </c>
      <c r="E1243">
        <v>9463.2199999999993</v>
      </c>
      <c r="F1243">
        <v>9.0908899999999999</v>
      </c>
    </row>
    <row r="1244" spans="1:6" x14ac:dyDescent="0.25">
      <c r="A1244">
        <v>135</v>
      </c>
      <c r="B1244">
        <v>207.67</v>
      </c>
      <c r="C1244">
        <v>7981.8</v>
      </c>
      <c r="D1244">
        <v>3.7</v>
      </c>
      <c r="E1244">
        <v>9311.06</v>
      </c>
      <c r="F1244">
        <v>9.0752299999999995</v>
      </c>
    </row>
    <row r="1245" spans="1:6" x14ac:dyDescent="0.25">
      <c r="A1245">
        <v>135</v>
      </c>
      <c r="B1245">
        <v>207.67</v>
      </c>
      <c r="C1245">
        <v>7981.8</v>
      </c>
      <c r="D1245">
        <v>4</v>
      </c>
      <c r="E1245">
        <v>9311.75</v>
      </c>
      <c r="F1245">
        <v>10.1851</v>
      </c>
    </row>
    <row r="1246" spans="1:6" x14ac:dyDescent="0.25">
      <c r="A1246">
        <v>135</v>
      </c>
      <c r="B1246">
        <v>207.67</v>
      </c>
      <c r="C1246">
        <v>9527.25</v>
      </c>
      <c r="D1246">
        <v>1</v>
      </c>
      <c r="E1246">
        <v>13319.4</v>
      </c>
      <c r="F1246">
        <v>10.9735</v>
      </c>
    </row>
    <row r="1247" spans="1:6" x14ac:dyDescent="0.25">
      <c r="A1247">
        <v>135</v>
      </c>
      <c r="B1247">
        <v>207.67</v>
      </c>
      <c r="C1247">
        <v>9527.25</v>
      </c>
      <c r="D1247">
        <v>1.3</v>
      </c>
      <c r="E1247">
        <v>12541.6</v>
      </c>
      <c r="F1247">
        <v>10.639099999999999</v>
      </c>
    </row>
    <row r="1248" spans="1:6" x14ac:dyDescent="0.25">
      <c r="A1248">
        <v>135</v>
      </c>
      <c r="B1248">
        <v>207.67</v>
      </c>
      <c r="C1248">
        <v>9527.25</v>
      </c>
      <c r="D1248">
        <v>1.6</v>
      </c>
      <c r="E1248">
        <v>12078.2</v>
      </c>
      <c r="F1248">
        <v>10.4512</v>
      </c>
    </row>
    <row r="1249" spans="1:6" x14ac:dyDescent="0.25">
      <c r="A1249">
        <v>135</v>
      </c>
      <c r="B1249">
        <v>207.67</v>
      </c>
      <c r="C1249">
        <v>9527.25</v>
      </c>
      <c r="D1249">
        <v>1.9</v>
      </c>
      <c r="E1249">
        <v>11750.8</v>
      </c>
      <c r="F1249">
        <v>10.456300000000001</v>
      </c>
    </row>
    <row r="1250" spans="1:6" x14ac:dyDescent="0.25">
      <c r="A1250">
        <v>135</v>
      </c>
      <c r="B1250">
        <v>207.67</v>
      </c>
      <c r="C1250">
        <v>9527.25</v>
      </c>
      <c r="D1250">
        <v>2.2000000000000002</v>
      </c>
      <c r="E1250">
        <v>11583.9</v>
      </c>
      <c r="F1250">
        <v>10.446899999999999</v>
      </c>
    </row>
    <row r="1251" spans="1:6" x14ac:dyDescent="0.25">
      <c r="A1251">
        <v>135</v>
      </c>
      <c r="B1251">
        <v>207.67</v>
      </c>
      <c r="C1251">
        <v>9527.25</v>
      </c>
      <c r="D1251">
        <v>2.5</v>
      </c>
      <c r="E1251">
        <v>11384.1</v>
      </c>
      <c r="F1251">
        <v>10.430400000000001</v>
      </c>
    </row>
    <row r="1252" spans="1:6" x14ac:dyDescent="0.25">
      <c r="A1252">
        <v>135</v>
      </c>
      <c r="B1252">
        <v>207.67</v>
      </c>
      <c r="C1252">
        <v>9527.25</v>
      </c>
      <c r="D1252">
        <v>2.8</v>
      </c>
      <c r="E1252">
        <v>11204</v>
      </c>
      <c r="F1252">
        <v>10.4077</v>
      </c>
    </row>
    <row r="1253" spans="1:6" x14ac:dyDescent="0.25">
      <c r="A1253">
        <v>135</v>
      </c>
      <c r="B1253">
        <v>207.67</v>
      </c>
      <c r="C1253">
        <v>9527.25</v>
      </c>
      <c r="D1253">
        <v>3.1</v>
      </c>
      <c r="E1253">
        <v>11153</v>
      </c>
      <c r="F1253">
        <v>10.381</v>
      </c>
    </row>
    <row r="1254" spans="1:6" x14ac:dyDescent="0.25">
      <c r="A1254">
        <v>135</v>
      </c>
      <c r="B1254">
        <v>207.67</v>
      </c>
      <c r="C1254">
        <v>9527.25</v>
      </c>
      <c r="D1254">
        <v>3.4</v>
      </c>
      <c r="E1254">
        <v>10998.1</v>
      </c>
      <c r="F1254">
        <v>10.3527</v>
      </c>
    </row>
    <row r="1255" spans="1:6" x14ac:dyDescent="0.25">
      <c r="A1255">
        <v>135</v>
      </c>
      <c r="B1255">
        <v>207.67</v>
      </c>
      <c r="C1255">
        <v>9527.25</v>
      </c>
      <c r="D1255">
        <v>3.7</v>
      </c>
      <c r="E1255">
        <v>10976.2</v>
      </c>
      <c r="F1255">
        <v>10.3224</v>
      </c>
    </row>
    <row r="1256" spans="1:6" x14ac:dyDescent="0.25">
      <c r="A1256">
        <v>135</v>
      </c>
      <c r="B1256">
        <v>207.67</v>
      </c>
      <c r="C1256">
        <v>9527.25</v>
      </c>
      <c r="D1256">
        <v>4</v>
      </c>
      <c r="E1256">
        <v>10919.6</v>
      </c>
      <c r="F1256">
        <v>10.2911</v>
      </c>
    </row>
    <row r="1257" spans="1:6" x14ac:dyDescent="0.25">
      <c r="A1257">
        <v>135</v>
      </c>
      <c r="B1257">
        <v>207.67</v>
      </c>
      <c r="C1257">
        <v>11072.7</v>
      </c>
      <c r="D1257">
        <v>1</v>
      </c>
      <c r="E1257">
        <v>14906.4</v>
      </c>
      <c r="F1257">
        <v>11.0045</v>
      </c>
    </row>
    <row r="1258" spans="1:6" x14ac:dyDescent="0.25">
      <c r="A1258">
        <v>135</v>
      </c>
      <c r="B1258">
        <v>207.67</v>
      </c>
      <c r="C1258">
        <v>11072.7</v>
      </c>
      <c r="D1258">
        <v>1.3</v>
      </c>
      <c r="E1258">
        <v>14129.9</v>
      </c>
      <c r="F1258">
        <v>11.046200000000001</v>
      </c>
    </row>
    <row r="1259" spans="1:6" x14ac:dyDescent="0.25">
      <c r="A1259">
        <v>135</v>
      </c>
      <c r="B1259">
        <v>207.67</v>
      </c>
      <c r="C1259">
        <v>11072.7</v>
      </c>
      <c r="D1259">
        <v>1.6</v>
      </c>
      <c r="E1259">
        <v>13809.6</v>
      </c>
      <c r="F1259">
        <v>11.0526</v>
      </c>
    </row>
    <row r="1260" spans="1:6" x14ac:dyDescent="0.25">
      <c r="A1260">
        <v>135</v>
      </c>
      <c r="B1260">
        <v>207.67</v>
      </c>
      <c r="C1260">
        <v>11072.7</v>
      </c>
      <c r="D1260">
        <v>1.9</v>
      </c>
      <c r="E1260">
        <v>13381.5</v>
      </c>
      <c r="F1260">
        <v>11.071999999999999</v>
      </c>
    </row>
    <row r="1261" spans="1:6" x14ac:dyDescent="0.25">
      <c r="A1261">
        <v>135</v>
      </c>
      <c r="B1261">
        <v>207.67</v>
      </c>
      <c r="C1261">
        <v>11072.7</v>
      </c>
      <c r="D1261">
        <v>2.2000000000000002</v>
      </c>
      <c r="E1261">
        <v>13076.5</v>
      </c>
      <c r="F1261">
        <v>11.097099999999999</v>
      </c>
    </row>
    <row r="1262" spans="1:6" x14ac:dyDescent="0.25">
      <c r="A1262">
        <v>135</v>
      </c>
      <c r="B1262">
        <v>207.67</v>
      </c>
      <c r="C1262">
        <v>11072.7</v>
      </c>
      <c r="D1262">
        <v>2.5</v>
      </c>
      <c r="E1262">
        <v>12884.4</v>
      </c>
      <c r="F1262">
        <v>11.124000000000001</v>
      </c>
    </row>
    <row r="1263" spans="1:6" x14ac:dyDescent="0.25">
      <c r="A1263">
        <v>135</v>
      </c>
      <c r="B1263">
        <v>207.67</v>
      </c>
      <c r="C1263">
        <v>11072.7</v>
      </c>
      <c r="D1263">
        <v>2.8</v>
      </c>
      <c r="E1263">
        <v>12827.2</v>
      </c>
      <c r="F1263">
        <v>11.1516</v>
      </c>
    </row>
    <row r="1264" spans="1:6" x14ac:dyDescent="0.25">
      <c r="A1264">
        <v>135</v>
      </c>
      <c r="B1264">
        <v>207.67</v>
      </c>
      <c r="C1264">
        <v>11072.7</v>
      </c>
      <c r="D1264">
        <v>3.1</v>
      </c>
      <c r="E1264">
        <v>12650.8</v>
      </c>
      <c r="F1264">
        <v>11.178599999999999</v>
      </c>
    </row>
    <row r="1265" spans="1:6" x14ac:dyDescent="0.25">
      <c r="A1265">
        <v>135</v>
      </c>
      <c r="B1265">
        <v>207.67</v>
      </c>
      <c r="C1265">
        <v>11072.7</v>
      </c>
      <c r="D1265">
        <v>3.4</v>
      </c>
      <c r="E1265">
        <v>12566.9</v>
      </c>
      <c r="F1265">
        <v>11.203900000000001</v>
      </c>
    </row>
    <row r="1266" spans="1:6" x14ac:dyDescent="0.25">
      <c r="A1266">
        <v>135</v>
      </c>
      <c r="B1266">
        <v>207.67</v>
      </c>
      <c r="C1266">
        <v>11072.7</v>
      </c>
      <c r="D1266">
        <v>3.7</v>
      </c>
      <c r="E1266">
        <v>12452</v>
      </c>
      <c r="F1266">
        <v>11.227499999999999</v>
      </c>
    </row>
    <row r="1267" spans="1:6" x14ac:dyDescent="0.25">
      <c r="A1267">
        <v>135</v>
      </c>
      <c r="B1267">
        <v>207.67</v>
      </c>
      <c r="C1267">
        <v>11072.7</v>
      </c>
      <c r="D1267">
        <v>4</v>
      </c>
      <c r="E1267">
        <v>12408.4</v>
      </c>
      <c r="F1267">
        <v>11.249000000000001</v>
      </c>
    </row>
    <row r="1268" spans="1:6" x14ac:dyDescent="0.25">
      <c r="A1268">
        <v>135</v>
      </c>
      <c r="B1268">
        <v>207.67</v>
      </c>
      <c r="C1268">
        <v>12618.2</v>
      </c>
      <c r="D1268">
        <v>1</v>
      </c>
      <c r="E1268">
        <v>16610</v>
      </c>
      <c r="F1268">
        <v>11.0045</v>
      </c>
    </row>
    <row r="1269" spans="1:6" x14ac:dyDescent="0.25">
      <c r="A1269">
        <v>135</v>
      </c>
      <c r="B1269">
        <v>207.67</v>
      </c>
      <c r="C1269">
        <v>12618.2</v>
      </c>
      <c r="D1269">
        <v>1.3</v>
      </c>
      <c r="E1269">
        <v>15885.7</v>
      </c>
      <c r="F1269">
        <v>11.046200000000001</v>
      </c>
    </row>
    <row r="1270" spans="1:6" x14ac:dyDescent="0.25">
      <c r="A1270">
        <v>135</v>
      </c>
      <c r="B1270">
        <v>207.67</v>
      </c>
      <c r="C1270">
        <v>12618.2</v>
      </c>
      <c r="D1270">
        <v>1.6</v>
      </c>
      <c r="E1270">
        <v>15206.7</v>
      </c>
      <c r="F1270">
        <v>11.0526</v>
      </c>
    </row>
    <row r="1271" spans="1:6" x14ac:dyDescent="0.25">
      <c r="A1271">
        <v>135</v>
      </c>
      <c r="B1271">
        <v>207.67</v>
      </c>
      <c r="C1271">
        <v>12618.2</v>
      </c>
      <c r="D1271">
        <v>1.9</v>
      </c>
      <c r="E1271">
        <v>14993.3</v>
      </c>
      <c r="F1271">
        <v>11.071999999999999</v>
      </c>
    </row>
    <row r="1272" spans="1:6" x14ac:dyDescent="0.25">
      <c r="A1272">
        <v>135</v>
      </c>
      <c r="B1272">
        <v>207.67</v>
      </c>
      <c r="C1272">
        <v>12618.2</v>
      </c>
      <c r="D1272">
        <v>2.2000000000000002</v>
      </c>
      <c r="E1272">
        <v>14612.5</v>
      </c>
      <c r="F1272">
        <v>11.097099999999999</v>
      </c>
    </row>
    <row r="1273" spans="1:6" x14ac:dyDescent="0.25">
      <c r="A1273">
        <v>135</v>
      </c>
      <c r="B1273">
        <v>207.67</v>
      </c>
      <c r="C1273">
        <v>12618.2</v>
      </c>
      <c r="D1273">
        <v>2.5</v>
      </c>
      <c r="E1273">
        <v>14467.1</v>
      </c>
      <c r="F1273">
        <v>11.124000000000001</v>
      </c>
    </row>
    <row r="1274" spans="1:6" x14ac:dyDescent="0.25">
      <c r="A1274">
        <v>135</v>
      </c>
      <c r="B1274">
        <v>207.67</v>
      </c>
      <c r="C1274">
        <v>12618.2</v>
      </c>
      <c r="D1274">
        <v>2.8</v>
      </c>
      <c r="E1274">
        <v>14395.3</v>
      </c>
      <c r="F1274">
        <v>11.1516</v>
      </c>
    </row>
    <row r="1275" spans="1:6" x14ac:dyDescent="0.25">
      <c r="A1275">
        <v>135</v>
      </c>
      <c r="B1275">
        <v>207.67</v>
      </c>
      <c r="C1275">
        <v>12618.2</v>
      </c>
      <c r="D1275">
        <v>3.1</v>
      </c>
      <c r="E1275">
        <v>14233.1</v>
      </c>
      <c r="F1275">
        <v>11.178599999999999</v>
      </c>
    </row>
    <row r="1276" spans="1:6" x14ac:dyDescent="0.25">
      <c r="A1276">
        <v>135</v>
      </c>
      <c r="B1276">
        <v>207.67</v>
      </c>
      <c r="C1276">
        <v>12618.2</v>
      </c>
      <c r="D1276">
        <v>3.4</v>
      </c>
      <c r="E1276">
        <v>14099.3</v>
      </c>
      <c r="F1276">
        <v>11.203900000000001</v>
      </c>
    </row>
    <row r="1277" spans="1:6" x14ac:dyDescent="0.25">
      <c r="A1277">
        <v>135</v>
      </c>
      <c r="B1277">
        <v>207.67</v>
      </c>
      <c r="C1277">
        <v>12618.2</v>
      </c>
      <c r="D1277">
        <v>3.7</v>
      </c>
      <c r="E1277">
        <v>14042.9</v>
      </c>
      <c r="F1277">
        <v>11.227499999999999</v>
      </c>
    </row>
    <row r="1278" spans="1:6" x14ac:dyDescent="0.25">
      <c r="A1278">
        <v>135</v>
      </c>
      <c r="B1278">
        <v>207.67</v>
      </c>
      <c r="C1278">
        <v>12618.2</v>
      </c>
      <c r="D1278">
        <v>4</v>
      </c>
      <c r="E1278">
        <v>13933.5</v>
      </c>
      <c r="F1278">
        <v>11.249000000000001</v>
      </c>
    </row>
    <row r="1279" spans="1:6" x14ac:dyDescent="0.25">
      <c r="A1279">
        <v>135</v>
      </c>
      <c r="B1279">
        <v>207.67</v>
      </c>
      <c r="C1279">
        <v>14163.6</v>
      </c>
      <c r="D1279">
        <v>1</v>
      </c>
      <c r="E1279">
        <v>18226.900000000001</v>
      </c>
      <c r="F1279">
        <v>11.0045</v>
      </c>
    </row>
    <row r="1280" spans="1:6" x14ac:dyDescent="0.25">
      <c r="A1280">
        <v>135</v>
      </c>
      <c r="B1280">
        <v>207.67</v>
      </c>
      <c r="C1280">
        <v>14163.6</v>
      </c>
      <c r="D1280">
        <v>1.3</v>
      </c>
      <c r="E1280">
        <v>17331.900000000001</v>
      </c>
      <c r="F1280">
        <v>11.046200000000001</v>
      </c>
    </row>
    <row r="1281" spans="1:6" x14ac:dyDescent="0.25">
      <c r="A1281">
        <v>135</v>
      </c>
      <c r="B1281">
        <v>207.67</v>
      </c>
      <c r="C1281">
        <v>14163.6</v>
      </c>
      <c r="D1281">
        <v>1.6</v>
      </c>
      <c r="E1281">
        <v>16837.7</v>
      </c>
      <c r="F1281">
        <v>11.0526</v>
      </c>
    </row>
    <row r="1282" spans="1:6" x14ac:dyDescent="0.25">
      <c r="A1282">
        <v>135</v>
      </c>
      <c r="B1282">
        <v>207.67</v>
      </c>
      <c r="C1282">
        <v>14163.6</v>
      </c>
      <c r="D1282">
        <v>1.9</v>
      </c>
      <c r="E1282">
        <v>16472</v>
      </c>
      <c r="F1282">
        <v>11.071999999999999</v>
      </c>
    </row>
    <row r="1283" spans="1:6" x14ac:dyDescent="0.25">
      <c r="A1283">
        <v>135</v>
      </c>
      <c r="B1283">
        <v>207.67</v>
      </c>
      <c r="C1283">
        <v>14163.6</v>
      </c>
      <c r="D1283">
        <v>2.2000000000000002</v>
      </c>
      <c r="E1283">
        <v>16291.1</v>
      </c>
      <c r="F1283">
        <v>11.097099999999999</v>
      </c>
    </row>
    <row r="1284" spans="1:6" x14ac:dyDescent="0.25">
      <c r="A1284">
        <v>135</v>
      </c>
      <c r="B1284">
        <v>207.67</v>
      </c>
      <c r="C1284">
        <v>14163.6</v>
      </c>
      <c r="D1284">
        <v>2.5</v>
      </c>
      <c r="E1284">
        <v>16050.8</v>
      </c>
      <c r="F1284">
        <v>11.124000000000001</v>
      </c>
    </row>
    <row r="1285" spans="1:6" x14ac:dyDescent="0.25">
      <c r="A1285">
        <v>135</v>
      </c>
      <c r="B1285">
        <v>207.67</v>
      </c>
      <c r="C1285">
        <v>14163.6</v>
      </c>
      <c r="D1285">
        <v>2.8</v>
      </c>
      <c r="E1285">
        <v>15884.8</v>
      </c>
      <c r="F1285">
        <v>11.1516</v>
      </c>
    </row>
    <row r="1286" spans="1:6" x14ac:dyDescent="0.25">
      <c r="A1286">
        <v>135</v>
      </c>
      <c r="B1286">
        <v>207.67</v>
      </c>
      <c r="C1286">
        <v>14163.6</v>
      </c>
      <c r="D1286">
        <v>3.1</v>
      </c>
      <c r="E1286">
        <v>15708.9</v>
      </c>
      <c r="F1286">
        <v>11.178599999999999</v>
      </c>
    </row>
    <row r="1287" spans="1:6" x14ac:dyDescent="0.25">
      <c r="A1287">
        <v>135</v>
      </c>
      <c r="B1287">
        <v>207.67</v>
      </c>
      <c r="C1287">
        <v>14163.6</v>
      </c>
      <c r="D1287">
        <v>3.4</v>
      </c>
      <c r="E1287">
        <v>15655.7</v>
      </c>
      <c r="F1287">
        <v>11.203900000000001</v>
      </c>
    </row>
    <row r="1288" spans="1:6" x14ac:dyDescent="0.25">
      <c r="A1288">
        <v>135</v>
      </c>
      <c r="B1288">
        <v>207.67</v>
      </c>
      <c r="C1288">
        <v>14163.6</v>
      </c>
      <c r="D1288">
        <v>3.7</v>
      </c>
      <c r="E1288">
        <v>15534.6</v>
      </c>
      <c r="F1288">
        <v>11.227499999999999</v>
      </c>
    </row>
    <row r="1289" spans="1:6" x14ac:dyDescent="0.25">
      <c r="A1289">
        <v>135</v>
      </c>
      <c r="B1289">
        <v>207.67</v>
      </c>
      <c r="C1289">
        <v>14163.6</v>
      </c>
      <c r="D1289">
        <v>4</v>
      </c>
      <c r="E1289">
        <v>15548.8</v>
      </c>
      <c r="F1289">
        <v>11.249000000000001</v>
      </c>
    </row>
    <row r="1290" spans="1:6" x14ac:dyDescent="0.25">
      <c r="A1290">
        <v>135</v>
      </c>
      <c r="B1290">
        <v>207.67</v>
      </c>
      <c r="C1290">
        <v>15709.1</v>
      </c>
      <c r="D1290">
        <v>1</v>
      </c>
      <c r="E1290">
        <v>19549.599999999999</v>
      </c>
      <c r="F1290">
        <v>11.0045</v>
      </c>
    </row>
    <row r="1291" spans="1:6" x14ac:dyDescent="0.25">
      <c r="A1291">
        <v>135</v>
      </c>
      <c r="B1291">
        <v>207.67</v>
      </c>
      <c r="C1291">
        <v>15709.1</v>
      </c>
      <c r="D1291">
        <v>1.3</v>
      </c>
      <c r="E1291">
        <v>18837.2</v>
      </c>
      <c r="F1291">
        <v>11.046200000000001</v>
      </c>
    </row>
    <row r="1292" spans="1:6" x14ac:dyDescent="0.25">
      <c r="A1292">
        <v>135</v>
      </c>
      <c r="B1292">
        <v>207.67</v>
      </c>
      <c r="C1292">
        <v>15709.1</v>
      </c>
      <c r="D1292">
        <v>1.6</v>
      </c>
      <c r="E1292">
        <v>18389.900000000001</v>
      </c>
      <c r="F1292">
        <v>11.0526</v>
      </c>
    </row>
    <row r="1293" spans="1:6" x14ac:dyDescent="0.25">
      <c r="A1293">
        <v>135</v>
      </c>
      <c r="B1293">
        <v>207.67</v>
      </c>
      <c r="C1293">
        <v>15709.1</v>
      </c>
      <c r="D1293">
        <v>1.9</v>
      </c>
      <c r="E1293">
        <v>18054</v>
      </c>
      <c r="F1293">
        <v>11.071999999999999</v>
      </c>
    </row>
    <row r="1294" spans="1:6" x14ac:dyDescent="0.25">
      <c r="A1294">
        <v>135</v>
      </c>
      <c r="B1294">
        <v>207.67</v>
      </c>
      <c r="C1294">
        <v>15709.1</v>
      </c>
      <c r="D1294">
        <v>2.2000000000000002</v>
      </c>
      <c r="E1294">
        <v>17780.2</v>
      </c>
      <c r="F1294">
        <v>11.097099999999999</v>
      </c>
    </row>
    <row r="1295" spans="1:6" x14ac:dyDescent="0.25">
      <c r="A1295">
        <v>135</v>
      </c>
      <c r="B1295">
        <v>207.67</v>
      </c>
      <c r="C1295">
        <v>15709.1</v>
      </c>
      <c r="D1295">
        <v>2.5</v>
      </c>
      <c r="E1295">
        <v>17536.2</v>
      </c>
      <c r="F1295">
        <v>11.124000000000001</v>
      </c>
    </row>
    <row r="1296" spans="1:6" x14ac:dyDescent="0.25">
      <c r="A1296">
        <v>135</v>
      </c>
      <c r="B1296">
        <v>207.67</v>
      </c>
      <c r="C1296">
        <v>15709.1</v>
      </c>
      <c r="D1296">
        <v>2.8</v>
      </c>
      <c r="E1296">
        <v>17457.900000000001</v>
      </c>
      <c r="F1296">
        <v>11.1516</v>
      </c>
    </row>
    <row r="1297" spans="1:6" x14ac:dyDescent="0.25">
      <c r="A1297">
        <v>135</v>
      </c>
      <c r="B1297">
        <v>207.67</v>
      </c>
      <c r="C1297">
        <v>15709.1</v>
      </c>
      <c r="D1297">
        <v>3.1</v>
      </c>
      <c r="E1297">
        <v>17360.3</v>
      </c>
      <c r="F1297">
        <v>11.178599999999999</v>
      </c>
    </row>
    <row r="1298" spans="1:6" x14ac:dyDescent="0.25">
      <c r="A1298">
        <v>135</v>
      </c>
      <c r="B1298">
        <v>207.67</v>
      </c>
      <c r="C1298">
        <v>15709.1</v>
      </c>
      <c r="D1298">
        <v>3.4</v>
      </c>
      <c r="E1298">
        <v>17205.2</v>
      </c>
      <c r="F1298">
        <v>11.203900000000001</v>
      </c>
    </row>
    <row r="1299" spans="1:6" x14ac:dyDescent="0.25">
      <c r="A1299">
        <v>135</v>
      </c>
      <c r="B1299">
        <v>207.67</v>
      </c>
      <c r="C1299">
        <v>15709.1</v>
      </c>
      <c r="D1299">
        <v>3.7</v>
      </c>
      <c r="E1299">
        <v>17088.400000000001</v>
      </c>
      <c r="F1299">
        <v>11.227499999999999</v>
      </c>
    </row>
    <row r="1300" spans="1:6" x14ac:dyDescent="0.25">
      <c r="A1300">
        <v>135</v>
      </c>
      <c r="B1300">
        <v>207.67</v>
      </c>
      <c r="C1300">
        <v>15709.1</v>
      </c>
      <c r="D1300">
        <v>4</v>
      </c>
      <c r="E1300">
        <v>17100.5</v>
      </c>
      <c r="F1300">
        <v>11.249000000000001</v>
      </c>
    </row>
    <row r="1301" spans="1:6" x14ac:dyDescent="0.25">
      <c r="A1301">
        <v>135</v>
      </c>
      <c r="B1301">
        <v>207.67</v>
      </c>
      <c r="C1301">
        <v>17254.5</v>
      </c>
      <c r="D1301">
        <v>1</v>
      </c>
      <c r="E1301">
        <v>21266.3</v>
      </c>
      <c r="F1301">
        <v>11.0045</v>
      </c>
    </row>
    <row r="1302" spans="1:6" x14ac:dyDescent="0.25">
      <c r="A1302">
        <v>135</v>
      </c>
      <c r="B1302">
        <v>207.67</v>
      </c>
      <c r="C1302">
        <v>17254.5</v>
      </c>
      <c r="D1302">
        <v>1.3</v>
      </c>
      <c r="E1302">
        <v>20350.5</v>
      </c>
      <c r="F1302">
        <v>11.046200000000001</v>
      </c>
    </row>
    <row r="1303" spans="1:6" x14ac:dyDescent="0.25">
      <c r="A1303">
        <v>135</v>
      </c>
      <c r="B1303">
        <v>207.67</v>
      </c>
      <c r="C1303">
        <v>17254.5</v>
      </c>
      <c r="D1303">
        <v>1.6</v>
      </c>
      <c r="E1303">
        <v>19845.900000000001</v>
      </c>
      <c r="F1303">
        <v>11.0526</v>
      </c>
    </row>
    <row r="1304" spans="1:6" x14ac:dyDescent="0.25">
      <c r="A1304">
        <v>135</v>
      </c>
      <c r="B1304">
        <v>207.67</v>
      </c>
      <c r="C1304">
        <v>17254.5</v>
      </c>
      <c r="D1304">
        <v>1.9</v>
      </c>
      <c r="E1304">
        <v>19612.5</v>
      </c>
      <c r="F1304">
        <v>11.071999999999999</v>
      </c>
    </row>
    <row r="1305" spans="1:6" x14ac:dyDescent="0.25">
      <c r="A1305">
        <v>135</v>
      </c>
      <c r="B1305">
        <v>207.67</v>
      </c>
      <c r="C1305">
        <v>17254.5</v>
      </c>
      <c r="D1305">
        <v>2.2000000000000002</v>
      </c>
      <c r="E1305">
        <v>19308.900000000001</v>
      </c>
      <c r="F1305">
        <v>11.097099999999999</v>
      </c>
    </row>
    <row r="1306" spans="1:6" x14ac:dyDescent="0.25">
      <c r="A1306">
        <v>135</v>
      </c>
      <c r="B1306">
        <v>207.67</v>
      </c>
      <c r="C1306">
        <v>17254.5</v>
      </c>
      <c r="D1306">
        <v>2.5</v>
      </c>
      <c r="E1306">
        <v>19088.7</v>
      </c>
      <c r="F1306">
        <v>11.124000000000001</v>
      </c>
    </row>
    <row r="1307" spans="1:6" x14ac:dyDescent="0.25">
      <c r="A1307">
        <v>135</v>
      </c>
      <c r="B1307">
        <v>207.67</v>
      </c>
      <c r="C1307">
        <v>17254.5</v>
      </c>
      <c r="D1307">
        <v>2.8</v>
      </c>
      <c r="E1307">
        <v>19002.2</v>
      </c>
      <c r="F1307">
        <v>11.1516</v>
      </c>
    </row>
    <row r="1308" spans="1:6" x14ac:dyDescent="0.25">
      <c r="A1308">
        <v>135</v>
      </c>
      <c r="B1308">
        <v>207.67</v>
      </c>
      <c r="C1308">
        <v>17254.5</v>
      </c>
      <c r="D1308">
        <v>3.1</v>
      </c>
      <c r="E1308">
        <v>18835.900000000001</v>
      </c>
      <c r="F1308">
        <v>11.178599999999999</v>
      </c>
    </row>
    <row r="1309" spans="1:6" x14ac:dyDescent="0.25">
      <c r="A1309">
        <v>135</v>
      </c>
      <c r="B1309">
        <v>207.67</v>
      </c>
      <c r="C1309">
        <v>17254.5</v>
      </c>
      <c r="D1309">
        <v>3.4</v>
      </c>
      <c r="E1309">
        <v>18749.7</v>
      </c>
      <c r="F1309">
        <v>11.203900000000001</v>
      </c>
    </row>
    <row r="1310" spans="1:6" x14ac:dyDescent="0.25">
      <c r="A1310">
        <v>135</v>
      </c>
      <c r="B1310">
        <v>207.67</v>
      </c>
      <c r="C1310">
        <v>17254.5</v>
      </c>
      <c r="D1310">
        <v>3.7</v>
      </c>
      <c r="E1310">
        <v>18610.3</v>
      </c>
      <c r="F1310">
        <v>11.227499999999999</v>
      </c>
    </row>
    <row r="1311" spans="1:6" x14ac:dyDescent="0.25">
      <c r="A1311">
        <v>135</v>
      </c>
      <c r="B1311">
        <v>207.67</v>
      </c>
      <c r="C1311">
        <v>17254.5</v>
      </c>
      <c r="D1311">
        <v>4</v>
      </c>
      <c r="E1311">
        <v>18570.8</v>
      </c>
      <c r="F1311">
        <v>11.249000000000001</v>
      </c>
    </row>
    <row r="1312" spans="1:6" x14ac:dyDescent="0.25">
      <c r="A1312">
        <v>135</v>
      </c>
      <c r="B1312">
        <v>207.67</v>
      </c>
      <c r="C1312">
        <v>18800</v>
      </c>
      <c r="D1312">
        <v>1</v>
      </c>
      <c r="E1312">
        <v>22766.6</v>
      </c>
      <c r="F1312">
        <v>11.0045</v>
      </c>
    </row>
    <row r="1313" spans="1:6" x14ac:dyDescent="0.25">
      <c r="A1313">
        <v>135</v>
      </c>
      <c r="B1313">
        <v>207.67</v>
      </c>
      <c r="C1313">
        <v>18800</v>
      </c>
      <c r="D1313">
        <v>1.3</v>
      </c>
      <c r="E1313">
        <v>21839.5</v>
      </c>
      <c r="F1313">
        <v>11.046200000000001</v>
      </c>
    </row>
    <row r="1314" spans="1:6" x14ac:dyDescent="0.25">
      <c r="A1314">
        <v>135</v>
      </c>
      <c r="B1314">
        <v>207.67</v>
      </c>
      <c r="C1314">
        <v>18800</v>
      </c>
      <c r="D1314">
        <v>1.6</v>
      </c>
      <c r="E1314">
        <v>21357.4</v>
      </c>
      <c r="F1314">
        <v>11.0526</v>
      </c>
    </row>
    <row r="1315" spans="1:6" x14ac:dyDescent="0.25">
      <c r="A1315">
        <v>135</v>
      </c>
      <c r="B1315">
        <v>207.67</v>
      </c>
      <c r="C1315">
        <v>18800</v>
      </c>
      <c r="D1315">
        <v>1.9</v>
      </c>
      <c r="E1315">
        <v>21125.9</v>
      </c>
      <c r="F1315">
        <v>11.071999999999999</v>
      </c>
    </row>
    <row r="1316" spans="1:6" x14ac:dyDescent="0.25">
      <c r="A1316">
        <v>135</v>
      </c>
      <c r="B1316">
        <v>207.67</v>
      </c>
      <c r="C1316">
        <v>18800</v>
      </c>
      <c r="D1316">
        <v>2.2000000000000002</v>
      </c>
      <c r="E1316">
        <v>20889.900000000001</v>
      </c>
      <c r="F1316">
        <v>11.097099999999999</v>
      </c>
    </row>
    <row r="1317" spans="1:6" x14ac:dyDescent="0.25">
      <c r="A1317">
        <v>135</v>
      </c>
      <c r="B1317">
        <v>207.67</v>
      </c>
      <c r="C1317">
        <v>18800</v>
      </c>
      <c r="D1317">
        <v>2.5</v>
      </c>
      <c r="E1317">
        <v>20626.8</v>
      </c>
      <c r="F1317">
        <v>11.124000000000001</v>
      </c>
    </row>
    <row r="1318" spans="1:6" x14ac:dyDescent="0.25">
      <c r="A1318">
        <v>135</v>
      </c>
      <c r="B1318">
        <v>207.67</v>
      </c>
      <c r="C1318">
        <v>18800</v>
      </c>
      <c r="D1318">
        <v>2.8</v>
      </c>
      <c r="E1318">
        <v>20549.099999999999</v>
      </c>
      <c r="F1318">
        <v>11.1516</v>
      </c>
    </row>
    <row r="1319" spans="1:6" x14ac:dyDescent="0.25">
      <c r="A1319">
        <v>135</v>
      </c>
      <c r="B1319">
        <v>207.67</v>
      </c>
      <c r="C1319">
        <v>18800</v>
      </c>
      <c r="D1319">
        <v>3.1</v>
      </c>
      <c r="E1319">
        <v>20376.2</v>
      </c>
      <c r="F1319">
        <v>11.178599999999999</v>
      </c>
    </row>
    <row r="1320" spans="1:6" x14ac:dyDescent="0.25">
      <c r="A1320">
        <v>135</v>
      </c>
      <c r="B1320">
        <v>207.67</v>
      </c>
      <c r="C1320">
        <v>18800</v>
      </c>
      <c r="D1320">
        <v>3.4</v>
      </c>
      <c r="E1320">
        <v>20315.599999999999</v>
      </c>
      <c r="F1320">
        <v>11.203900000000001</v>
      </c>
    </row>
    <row r="1321" spans="1:6" x14ac:dyDescent="0.25">
      <c r="A1321">
        <v>135</v>
      </c>
      <c r="B1321">
        <v>207.67</v>
      </c>
      <c r="C1321">
        <v>18800</v>
      </c>
      <c r="D1321">
        <v>3.7</v>
      </c>
      <c r="E1321">
        <v>20181.400000000001</v>
      </c>
      <c r="F1321">
        <v>11.227499999999999</v>
      </c>
    </row>
    <row r="1322" spans="1:6" x14ac:dyDescent="0.25">
      <c r="A1322">
        <v>135</v>
      </c>
      <c r="B1322">
        <v>207.67</v>
      </c>
      <c r="C1322">
        <v>18800</v>
      </c>
      <c r="D1322">
        <v>4</v>
      </c>
      <c r="E1322">
        <v>20153.400000000001</v>
      </c>
      <c r="F1322">
        <v>11.249000000000001</v>
      </c>
    </row>
    <row r="1323" spans="1:6" x14ac:dyDescent="0.25">
      <c r="A1323">
        <v>135</v>
      </c>
      <c r="B1323">
        <v>211.3</v>
      </c>
      <c r="C1323">
        <v>1800</v>
      </c>
      <c r="D1323">
        <v>1</v>
      </c>
      <c r="E1323">
        <v>5758.29</v>
      </c>
      <c r="F1323">
        <v>63.430100000000003</v>
      </c>
    </row>
    <row r="1324" spans="1:6" x14ac:dyDescent="0.25">
      <c r="A1324">
        <v>135</v>
      </c>
      <c r="B1324">
        <v>211.3</v>
      </c>
      <c r="C1324">
        <v>1800</v>
      </c>
      <c r="D1324">
        <v>1.3</v>
      </c>
      <c r="E1324">
        <v>5081.7299999999996</v>
      </c>
      <c r="F1324">
        <v>77.202100000000002</v>
      </c>
    </row>
    <row r="1325" spans="1:6" x14ac:dyDescent="0.25">
      <c r="A1325">
        <v>135</v>
      </c>
      <c r="B1325">
        <v>211.3</v>
      </c>
      <c r="C1325">
        <v>1800</v>
      </c>
      <c r="D1325">
        <v>1.6</v>
      </c>
      <c r="E1325">
        <v>4659.0200000000004</v>
      </c>
      <c r="F1325">
        <v>88.6524</v>
      </c>
    </row>
    <row r="1326" spans="1:6" x14ac:dyDescent="0.25">
      <c r="A1326">
        <v>135</v>
      </c>
      <c r="B1326">
        <v>211.3</v>
      </c>
      <c r="C1326">
        <v>1800</v>
      </c>
      <c r="D1326">
        <v>1.9</v>
      </c>
      <c r="E1326">
        <v>4344.12</v>
      </c>
      <c r="F1326">
        <v>93.207499999999996</v>
      </c>
    </row>
    <row r="1327" spans="1:6" x14ac:dyDescent="0.25">
      <c r="A1327">
        <v>135</v>
      </c>
      <c r="B1327">
        <v>211.3</v>
      </c>
      <c r="C1327">
        <v>1800</v>
      </c>
      <c r="D1327">
        <v>2.2000000000000002</v>
      </c>
      <c r="E1327">
        <v>4100.58</v>
      </c>
      <c r="F1327">
        <v>98.927199999999999</v>
      </c>
    </row>
    <row r="1328" spans="1:6" x14ac:dyDescent="0.25">
      <c r="A1328">
        <v>135</v>
      </c>
      <c r="B1328">
        <v>211.3</v>
      </c>
      <c r="C1328">
        <v>1800</v>
      </c>
      <c r="D1328">
        <v>2.5</v>
      </c>
      <c r="E1328">
        <v>3879.71</v>
      </c>
      <c r="F1328">
        <v>102.60899999999999</v>
      </c>
    </row>
    <row r="1329" spans="1:6" x14ac:dyDescent="0.25">
      <c r="A1329">
        <v>135</v>
      </c>
      <c r="B1329">
        <v>211.3</v>
      </c>
      <c r="C1329">
        <v>1800</v>
      </c>
      <c r="D1329">
        <v>2.8</v>
      </c>
      <c r="E1329">
        <v>3728.47</v>
      </c>
      <c r="F1329">
        <v>106.381</v>
      </c>
    </row>
    <row r="1330" spans="1:6" x14ac:dyDescent="0.25">
      <c r="A1330">
        <v>135</v>
      </c>
      <c r="B1330">
        <v>211.3</v>
      </c>
      <c r="C1330">
        <v>1800</v>
      </c>
      <c r="D1330">
        <v>3.1</v>
      </c>
      <c r="E1330">
        <v>3625.03</v>
      </c>
      <c r="F1330">
        <v>105.24299999999999</v>
      </c>
    </row>
    <row r="1331" spans="1:6" x14ac:dyDescent="0.25">
      <c r="A1331">
        <v>135</v>
      </c>
      <c r="B1331">
        <v>211.3</v>
      </c>
      <c r="C1331">
        <v>1800</v>
      </c>
      <c r="D1331">
        <v>3.4</v>
      </c>
      <c r="E1331">
        <v>3496.43</v>
      </c>
      <c r="F1331">
        <v>109.57299999999999</v>
      </c>
    </row>
    <row r="1332" spans="1:6" x14ac:dyDescent="0.25">
      <c r="A1332">
        <v>135</v>
      </c>
      <c r="B1332">
        <v>211.3</v>
      </c>
      <c r="C1332">
        <v>1800</v>
      </c>
      <c r="D1332">
        <v>3.7</v>
      </c>
      <c r="E1332">
        <v>3412.42</v>
      </c>
      <c r="F1332">
        <v>113.34099999999999</v>
      </c>
    </row>
    <row r="1333" spans="1:6" x14ac:dyDescent="0.25">
      <c r="A1333">
        <v>135</v>
      </c>
      <c r="B1333">
        <v>211.3</v>
      </c>
      <c r="C1333">
        <v>1800</v>
      </c>
      <c r="D1333">
        <v>4</v>
      </c>
      <c r="E1333">
        <v>3327.06</v>
      </c>
      <c r="F1333">
        <v>113.958</v>
      </c>
    </row>
    <row r="1334" spans="1:6" x14ac:dyDescent="0.25">
      <c r="A1334">
        <v>135</v>
      </c>
      <c r="B1334">
        <v>211.3</v>
      </c>
      <c r="C1334">
        <v>3345.45</v>
      </c>
      <c r="D1334">
        <v>1</v>
      </c>
      <c r="E1334">
        <v>7033.95</v>
      </c>
      <c r="F1334">
        <v>39.825299999999999</v>
      </c>
    </row>
    <row r="1335" spans="1:6" x14ac:dyDescent="0.25">
      <c r="A1335">
        <v>135</v>
      </c>
      <c r="B1335">
        <v>211.3</v>
      </c>
      <c r="C1335">
        <v>3345.45</v>
      </c>
      <c r="D1335">
        <v>1.3</v>
      </c>
      <c r="E1335">
        <v>6449.67</v>
      </c>
      <c r="F1335">
        <v>50.488500000000002</v>
      </c>
    </row>
    <row r="1336" spans="1:6" x14ac:dyDescent="0.25">
      <c r="A1336">
        <v>135</v>
      </c>
      <c r="B1336">
        <v>211.3</v>
      </c>
      <c r="C1336">
        <v>3345.45</v>
      </c>
      <c r="D1336">
        <v>1.6</v>
      </c>
      <c r="E1336">
        <v>6138.83</v>
      </c>
      <c r="F1336">
        <v>59.515700000000002</v>
      </c>
    </row>
    <row r="1337" spans="1:6" x14ac:dyDescent="0.25">
      <c r="A1337">
        <v>135</v>
      </c>
      <c r="B1337">
        <v>211.3</v>
      </c>
      <c r="C1337">
        <v>3345.45</v>
      </c>
      <c r="D1337">
        <v>1.9</v>
      </c>
      <c r="E1337">
        <v>5802.84</v>
      </c>
      <c r="F1337">
        <v>67.434100000000001</v>
      </c>
    </row>
    <row r="1338" spans="1:6" x14ac:dyDescent="0.25">
      <c r="A1338">
        <v>135</v>
      </c>
      <c r="B1338">
        <v>211.3</v>
      </c>
      <c r="C1338">
        <v>3345.45</v>
      </c>
      <c r="D1338">
        <v>2.2000000000000002</v>
      </c>
      <c r="E1338">
        <v>5541.81</v>
      </c>
      <c r="F1338">
        <v>73.283100000000005</v>
      </c>
    </row>
    <row r="1339" spans="1:6" x14ac:dyDescent="0.25">
      <c r="A1339">
        <v>135</v>
      </c>
      <c r="B1339">
        <v>211.3</v>
      </c>
      <c r="C1339">
        <v>3345.45</v>
      </c>
      <c r="D1339">
        <v>2.5</v>
      </c>
      <c r="E1339">
        <v>5372.8</v>
      </c>
      <c r="F1339">
        <v>75.828100000000006</v>
      </c>
    </row>
    <row r="1340" spans="1:6" x14ac:dyDescent="0.25">
      <c r="A1340">
        <v>135</v>
      </c>
      <c r="B1340">
        <v>211.3</v>
      </c>
      <c r="C1340">
        <v>3345.45</v>
      </c>
      <c r="D1340">
        <v>2.8</v>
      </c>
      <c r="E1340">
        <v>5201.8599999999997</v>
      </c>
      <c r="F1340">
        <v>79.625799999999998</v>
      </c>
    </row>
    <row r="1341" spans="1:6" x14ac:dyDescent="0.25">
      <c r="A1341">
        <v>135</v>
      </c>
      <c r="B1341">
        <v>211.3</v>
      </c>
      <c r="C1341">
        <v>3345.45</v>
      </c>
      <c r="D1341">
        <v>3.1</v>
      </c>
      <c r="E1341">
        <v>5072.38</v>
      </c>
      <c r="F1341">
        <v>83.778400000000005</v>
      </c>
    </row>
    <row r="1342" spans="1:6" x14ac:dyDescent="0.25">
      <c r="A1342">
        <v>135</v>
      </c>
      <c r="B1342">
        <v>211.3</v>
      </c>
      <c r="C1342">
        <v>3345.45</v>
      </c>
      <c r="D1342">
        <v>3.4</v>
      </c>
      <c r="E1342">
        <v>4973.3100000000004</v>
      </c>
      <c r="F1342">
        <v>84.28</v>
      </c>
    </row>
    <row r="1343" spans="1:6" x14ac:dyDescent="0.25">
      <c r="A1343">
        <v>135</v>
      </c>
      <c r="B1343">
        <v>211.3</v>
      </c>
      <c r="C1343">
        <v>3345.45</v>
      </c>
      <c r="D1343">
        <v>3.7</v>
      </c>
      <c r="E1343">
        <v>4876.58</v>
      </c>
      <c r="F1343">
        <v>87.246300000000005</v>
      </c>
    </row>
    <row r="1344" spans="1:6" x14ac:dyDescent="0.25">
      <c r="A1344">
        <v>135</v>
      </c>
      <c r="B1344">
        <v>211.3</v>
      </c>
      <c r="C1344">
        <v>3345.45</v>
      </c>
      <c r="D1344">
        <v>4</v>
      </c>
      <c r="E1344">
        <v>4796.24</v>
      </c>
      <c r="F1344">
        <v>86.114800000000002</v>
      </c>
    </row>
    <row r="1345" spans="1:6" x14ac:dyDescent="0.25">
      <c r="A1345">
        <v>135</v>
      </c>
      <c r="B1345">
        <v>211.3</v>
      </c>
      <c r="C1345">
        <v>4890.8999999999996</v>
      </c>
      <c r="D1345">
        <v>1</v>
      </c>
      <c r="E1345">
        <v>8428.23</v>
      </c>
      <c r="F1345">
        <v>22.860700000000001</v>
      </c>
    </row>
    <row r="1346" spans="1:6" x14ac:dyDescent="0.25">
      <c r="A1346">
        <v>135</v>
      </c>
      <c r="B1346">
        <v>211.3</v>
      </c>
      <c r="C1346">
        <v>4890.8999999999996</v>
      </c>
      <c r="D1346">
        <v>1.3</v>
      </c>
      <c r="E1346">
        <v>7915.73</v>
      </c>
      <c r="F1346">
        <v>28.7224</v>
      </c>
    </row>
    <row r="1347" spans="1:6" x14ac:dyDescent="0.25">
      <c r="A1347">
        <v>135</v>
      </c>
      <c r="B1347">
        <v>211.3</v>
      </c>
      <c r="C1347">
        <v>4890.8999999999996</v>
      </c>
      <c r="D1347">
        <v>1.6</v>
      </c>
      <c r="E1347">
        <v>7449.17</v>
      </c>
      <c r="F1347">
        <v>32.956200000000003</v>
      </c>
    </row>
    <row r="1348" spans="1:6" x14ac:dyDescent="0.25">
      <c r="A1348">
        <v>135</v>
      </c>
      <c r="B1348">
        <v>211.3</v>
      </c>
      <c r="C1348">
        <v>4890.8999999999996</v>
      </c>
      <c r="D1348">
        <v>1.9</v>
      </c>
      <c r="E1348">
        <v>7269.09</v>
      </c>
      <c r="F1348">
        <v>37.492899999999999</v>
      </c>
    </row>
    <row r="1349" spans="1:6" x14ac:dyDescent="0.25">
      <c r="A1349">
        <v>135</v>
      </c>
      <c r="B1349">
        <v>211.3</v>
      </c>
      <c r="C1349">
        <v>4890.8999999999996</v>
      </c>
      <c r="D1349">
        <v>2.2000000000000002</v>
      </c>
      <c r="E1349">
        <v>7060.21</v>
      </c>
      <c r="F1349">
        <v>39.771000000000001</v>
      </c>
    </row>
    <row r="1350" spans="1:6" x14ac:dyDescent="0.25">
      <c r="A1350">
        <v>135</v>
      </c>
      <c r="B1350">
        <v>211.3</v>
      </c>
      <c r="C1350">
        <v>4890.8999999999996</v>
      </c>
      <c r="D1350">
        <v>2.5</v>
      </c>
      <c r="E1350">
        <v>6834.11</v>
      </c>
      <c r="F1350">
        <v>44.000500000000002</v>
      </c>
    </row>
    <row r="1351" spans="1:6" x14ac:dyDescent="0.25">
      <c r="A1351">
        <v>135</v>
      </c>
      <c r="B1351">
        <v>211.3</v>
      </c>
      <c r="C1351">
        <v>4890.8999999999996</v>
      </c>
      <c r="D1351">
        <v>2.8</v>
      </c>
      <c r="E1351">
        <v>6652.68</v>
      </c>
      <c r="F1351">
        <v>48.244199999999999</v>
      </c>
    </row>
    <row r="1352" spans="1:6" x14ac:dyDescent="0.25">
      <c r="A1352">
        <v>135</v>
      </c>
      <c r="B1352">
        <v>211.3</v>
      </c>
      <c r="C1352">
        <v>4890.8999999999996</v>
      </c>
      <c r="D1352">
        <v>3.1</v>
      </c>
      <c r="E1352">
        <v>6619.83</v>
      </c>
      <c r="F1352">
        <v>49.4955</v>
      </c>
    </row>
    <row r="1353" spans="1:6" x14ac:dyDescent="0.25">
      <c r="A1353">
        <v>135</v>
      </c>
      <c r="B1353">
        <v>211.3</v>
      </c>
      <c r="C1353">
        <v>4890.8999999999996</v>
      </c>
      <c r="D1353">
        <v>3.4</v>
      </c>
      <c r="E1353">
        <v>6490.76</v>
      </c>
      <c r="F1353">
        <v>52.445999999999998</v>
      </c>
    </row>
    <row r="1354" spans="1:6" x14ac:dyDescent="0.25">
      <c r="A1354">
        <v>135</v>
      </c>
      <c r="B1354">
        <v>211.3</v>
      </c>
      <c r="C1354">
        <v>4890.8999999999996</v>
      </c>
      <c r="D1354">
        <v>3.7</v>
      </c>
      <c r="E1354">
        <v>6406.59</v>
      </c>
      <c r="F1354">
        <v>53.596699999999998</v>
      </c>
    </row>
    <row r="1355" spans="1:6" x14ac:dyDescent="0.25">
      <c r="A1355">
        <v>135</v>
      </c>
      <c r="B1355">
        <v>211.3</v>
      </c>
      <c r="C1355">
        <v>4890.8999999999996</v>
      </c>
      <c r="D1355">
        <v>4</v>
      </c>
      <c r="E1355">
        <v>6298.19</v>
      </c>
      <c r="F1355">
        <v>52.7727</v>
      </c>
    </row>
    <row r="1356" spans="1:6" x14ac:dyDescent="0.25">
      <c r="A1356">
        <v>135</v>
      </c>
      <c r="B1356">
        <v>211.3</v>
      </c>
      <c r="C1356">
        <v>6436.35</v>
      </c>
      <c r="D1356">
        <v>1</v>
      </c>
      <c r="E1356">
        <v>10016.9</v>
      </c>
      <c r="F1356">
        <v>9.5771800000000002</v>
      </c>
    </row>
    <row r="1357" spans="1:6" x14ac:dyDescent="0.25">
      <c r="A1357">
        <v>135</v>
      </c>
      <c r="B1357">
        <v>211.3</v>
      </c>
      <c r="C1357">
        <v>6436.35</v>
      </c>
      <c r="D1357">
        <v>1.3</v>
      </c>
      <c r="E1357">
        <v>9381.51</v>
      </c>
      <c r="F1357">
        <v>11.1136</v>
      </c>
    </row>
    <row r="1358" spans="1:6" x14ac:dyDescent="0.25">
      <c r="A1358">
        <v>135</v>
      </c>
      <c r="B1358">
        <v>211.3</v>
      </c>
      <c r="C1358">
        <v>6436.35</v>
      </c>
      <c r="D1358">
        <v>1.6</v>
      </c>
      <c r="E1358">
        <v>8901.19</v>
      </c>
      <c r="F1358">
        <v>13.2204</v>
      </c>
    </row>
    <row r="1359" spans="1:6" x14ac:dyDescent="0.25">
      <c r="A1359">
        <v>135</v>
      </c>
      <c r="B1359">
        <v>211.3</v>
      </c>
      <c r="C1359">
        <v>6436.35</v>
      </c>
      <c r="D1359">
        <v>1.9</v>
      </c>
      <c r="E1359">
        <v>8829.65</v>
      </c>
      <c r="F1359">
        <v>15.043799999999999</v>
      </c>
    </row>
    <row r="1360" spans="1:6" x14ac:dyDescent="0.25">
      <c r="A1360">
        <v>135</v>
      </c>
      <c r="B1360">
        <v>211.3</v>
      </c>
      <c r="C1360">
        <v>6436.35</v>
      </c>
      <c r="D1360">
        <v>2.2000000000000002</v>
      </c>
      <c r="E1360">
        <v>8554.89</v>
      </c>
      <c r="F1360">
        <v>16.5717</v>
      </c>
    </row>
    <row r="1361" spans="1:6" x14ac:dyDescent="0.25">
      <c r="A1361">
        <v>135</v>
      </c>
      <c r="B1361">
        <v>211.3</v>
      </c>
      <c r="C1361">
        <v>6436.35</v>
      </c>
      <c r="D1361">
        <v>2.5</v>
      </c>
      <c r="E1361">
        <v>8337.44</v>
      </c>
      <c r="F1361">
        <v>16.343599999999999</v>
      </c>
    </row>
    <row r="1362" spans="1:6" x14ac:dyDescent="0.25">
      <c r="A1362">
        <v>135</v>
      </c>
      <c r="B1362">
        <v>211.3</v>
      </c>
      <c r="C1362">
        <v>6436.35</v>
      </c>
      <c r="D1362">
        <v>2.8</v>
      </c>
      <c r="E1362">
        <v>8189.58</v>
      </c>
      <c r="F1362">
        <v>17.042999999999999</v>
      </c>
    </row>
    <row r="1363" spans="1:6" x14ac:dyDescent="0.25">
      <c r="A1363">
        <v>135</v>
      </c>
      <c r="B1363">
        <v>211.3</v>
      </c>
      <c r="C1363">
        <v>6436.35</v>
      </c>
      <c r="D1363">
        <v>3.1</v>
      </c>
      <c r="E1363">
        <v>8021.98</v>
      </c>
      <c r="F1363">
        <v>18.1724</v>
      </c>
    </row>
    <row r="1364" spans="1:6" x14ac:dyDescent="0.25">
      <c r="A1364">
        <v>135</v>
      </c>
      <c r="B1364">
        <v>211.3</v>
      </c>
      <c r="C1364">
        <v>6436.35</v>
      </c>
      <c r="D1364">
        <v>3.4</v>
      </c>
      <c r="E1364">
        <v>7917.45</v>
      </c>
      <c r="F1364">
        <v>18.7347</v>
      </c>
    </row>
    <row r="1365" spans="1:6" x14ac:dyDescent="0.25">
      <c r="A1365">
        <v>135</v>
      </c>
      <c r="B1365">
        <v>211.3</v>
      </c>
      <c r="C1365">
        <v>6436.35</v>
      </c>
      <c r="D1365">
        <v>3.7</v>
      </c>
      <c r="E1365">
        <v>7881.65</v>
      </c>
      <c r="F1365">
        <v>20.546700000000001</v>
      </c>
    </row>
    <row r="1366" spans="1:6" x14ac:dyDescent="0.25">
      <c r="A1366">
        <v>135</v>
      </c>
      <c r="B1366">
        <v>211.3</v>
      </c>
      <c r="C1366">
        <v>6436.35</v>
      </c>
      <c r="D1366">
        <v>4</v>
      </c>
      <c r="E1366">
        <v>7850.85</v>
      </c>
      <c r="F1366">
        <v>25.112500000000001</v>
      </c>
    </row>
    <row r="1367" spans="1:6" x14ac:dyDescent="0.25">
      <c r="A1367">
        <v>135</v>
      </c>
      <c r="B1367">
        <v>211.3</v>
      </c>
      <c r="C1367">
        <v>7981.8</v>
      </c>
      <c r="D1367">
        <v>1</v>
      </c>
      <c r="E1367">
        <v>11734.1</v>
      </c>
      <c r="F1367">
        <v>10.394399999999999</v>
      </c>
    </row>
    <row r="1368" spans="1:6" x14ac:dyDescent="0.25">
      <c r="A1368">
        <v>135</v>
      </c>
      <c r="B1368">
        <v>211.3</v>
      </c>
      <c r="C1368">
        <v>7981.8</v>
      </c>
      <c r="D1368">
        <v>1.3</v>
      </c>
      <c r="E1368">
        <v>10862.1</v>
      </c>
      <c r="F1368">
        <v>10.417400000000001</v>
      </c>
    </row>
    <row r="1369" spans="1:6" x14ac:dyDescent="0.25">
      <c r="A1369">
        <v>135</v>
      </c>
      <c r="B1369">
        <v>211.3</v>
      </c>
      <c r="C1369">
        <v>7981.8</v>
      </c>
      <c r="D1369">
        <v>1.6</v>
      </c>
      <c r="E1369">
        <v>10360.799999999999</v>
      </c>
      <c r="F1369">
        <v>10.3386</v>
      </c>
    </row>
    <row r="1370" spans="1:6" x14ac:dyDescent="0.25">
      <c r="A1370">
        <v>135</v>
      </c>
      <c r="B1370">
        <v>211.3</v>
      </c>
      <c r="C1370">
        <v>7981.8</v>
      </c>
      <c r="D1370">
        <v>1.9</v>
      </c>
      <c r="E1370">
        <v>10039.299999999999</v>
      </c>
      <c r="F1370">
        <v>9.9930800000000009</v>
      </c>
    </row>
    <row r="1371" spans="1:6" x14ac:dyDescent="0.25">
      <c r="A1371">
        <v>135</v>
      </c>
      <c r="B1371">
        <v>211.3</v>
      </c>
      <c r="C1371">
        <v>7981.8</v>
      </c>
      <c r="D1371">
        <v>2.2000000000000002</v>
      </c>
      <c r="E1371">
        <v>9960.1</v>
      </c>
      <c r="F1371">
        <v>9.7000499999999992</v>
      </c>
    </row>
    <row r="1372" spans="1:6" x14ac:dyDescent="0.25">
      <c r="A1372">
        <v>135</v>
      </c>
      <c r="B1372">
        <v>211.3</v>
      </c>
      <c r="C1372">
        <v>7981.8</v>
      </c>
      <c r="D1372">
        <v>2.5</v>
      </c>
      <c r="E1372">
        <v>9779.24</v>
      </c>
      <c r="F1372">
        <v>9.4641699999999993</v>
      </c>
    </row>
    <row r="1373" spans="1:6" x14ac:dyDescent="0.25">
      <c r="A1373">
        <v>135</v>
      </c>
      <c r="B1373">
        <v>211.3</v>
      </c>
      <c r="C1373">
        <v>7981.8</v>
      </c>
      <c r="D1373">
        <v>2.8</v>
      </c>
      <c r="E1373">
        <v>9635.01</v>
      </c>
      <c r="F1373">
        <v>9.2841000000000005</v>
      </c>
    </row>
    <row r="1374" spans="1:6" x14ac:dyDescent="0.25">
      <c r="A1374">
        <v>135</v>
      </c>
      <c r="B1374">
        <v>211.3</v>
      </c>
      <c r="C1374">
        <v>7981.8</v>
      </c>
      <c r="D1374">
        <v>3.1</v>
      </c>
      <c r="E1374">
        <v>9512.2099999999991</v>
      </c>
      <c r="F1374">
        <v>9.1595899999999997</v>
      </c>
    </row>
    <row r="1375" spans="1:6" x14ac:dyDescent="0.25">
      <c r="A1375">
        <v>135</v>
      </c>
      <c r="B1375">
        <v>211.3</v>
      </c>
      <c r="C1375">
        <v>7981.8</v>
      </c>
      <c r="D1375">
        <v>3.4</v>
      </c>
      <c r="E1375">
        <v>9463.2199999999993</v>
      </c>
      <c r="F1375">
        <v>9.0908899999999999</v>
      </c>
    </row>
    <row r="1376" spans="1:6" x14ac:dyDescent="0.25">
      <c r="A1376">
        <v>135</v>
      </c>
      <c r="B1376">
        <v>211.3</v>
      </c>
      <c r="C1376">
        <v>7981.8</v>
      </c>
      <c r="D1376">
        <v>3.7</v>
      </c>
      <c r="E1376">
        <v>9311.06</v>
      </c>
      <c r="F1376">
        <v>9.0752299999999995</v>
      </c>
    </row>
    <row r="1377" spans="1:6" x14ac:dyDescent="0.25">
      <c r="A1377">
        <v>135</v>
      </c>
      <c r="B1377">
        <v>211.3</v>
      </c>
      <c r="C1377">
        <v>7981.8</v>
      </c>
      <c r="D1377">
        <v>4</v>
      </c>
      <c r="E1377">
        <v>9311.75</v>
      </c>
      <c r="F1377">
        <v>9.1115600000000008</v>
      </c>
    </row>
    <row r="1378" spans="1:6" x14ac:dyDescent="0.25">
      <c r="A1378">
        <v>135</v>
      </c>
      <c r="B1378">
        <v>211.3</v>
      </c>
      <c r="C1378">
        <v>9527.25</v>
      </c>
      <c r="D1378">
        <v>1</v>
      </c>
      <c r="E1378">
        <v>13319.4</v>
      </c>
      <c r="F1378">
        <v>10.9735</v>
      </c>
    </row>
    <row r="1379" spans="1:6" x14ac:dyDescent="0.25">
      <c r="A1379">
        <v>135</v>
      </c>
      <c r="B1379">
        <v>211.3</v>
      </c>
      <c r="C1379">
        <v>9527.25</v>
      </c>
      <c r="D1379">
        <v>1.3</v>
      </c>
      <c r="E1379">
        <v>12541.6</v>
      </c>
      <c r="F1379">
        <v>10.639099999999999</v>
      </c>
    </row>
    <row r="1380" spans="1:6" x14ac:dyDescent="0.25">
      <c r="A1380">
        <v>135</v>
      </c>
      <c r="B1380">
        <v>211.3</v>
      </c>
      <c r="C1380">
        <v>9527.25</v>
      </c>
      <c r="D1380">
        <v>1.6</v>
      </c>
      <c r="E1380">
        <v>12078.2</v>
      </c>
      <c r="F1380">
        <v>10.4512</v>
      </c>
    </row>
    <row r="1381" spans="1:6" x14ac:dyDescent="0.25">
      <c r="A1381">
        <v>135</v>
      </c>
      <c r="B1381">
        <v>211.3</v>
      </c>
      <c r="C1381">
        <v>9527.25</v>
      </c>
      <c r="D1381">
        <v>1.9</v>
      </c>
      <c r="E1381">
        <v>11750.8</v>
      </c>
      <c r="F1381">
        <v>10.456300000000001</v>
      </c>
    </row>
    <row r="1382" spans="1:6" x14ac:dyDescent="0.25">
      <c r="A1382">
        <v>135</v>
      </c>
      <c r="B1382">
        <v>211.3</v>
      </c>
      <c r="C1382">
        <v>9527.25</v>
      </c>
      <c r="D1382">
        <v>2.2000000000000002</v>
      </c>
      <c r="E1382">
        <v>11583.9</v>
      </c>
      <c r="F1382">
        <v>10.446899999999999</v>
      </c>
    </row>
    <row r="1383" spans="1:6" x14ac:dyDescent="0.25">
      <c r="A1383">
        <v>135</v>
      </c>
      <c r="B1383">
        <v>211.3</v>
      </c>
      <c r="C1383">
        <v>9527.25</v>
      </c>
      <c r="D1383">
        <v>2.5</v>
      </c>
      <c r="E1383">
        <v>11384.1</v>
      </c>
      <c r="F1383">
        <v>10.430400000000001</v>
      </c>
    </row>
    <row r="1384" spans="1:6" x14ac:dyDescent="0.25">
      <c r="A1384">
        <v>135</v>
      </c>
      <c r="B1384">
        <v>211.3</v>
      </c>
      <c r="C1384">
        <v>9527.25</v>
      </c>
      <c r="D1384">
        <v>2.8</v>
      </c>
      <c r="E1384">
        <v>11204</v>
      </c>
      <c r="F1384">
        <v>10.4077</v>
      </c>
    </row>
    <row r="1385" spans="1:6" x14ac:dyDescent="0.25">
      <c r="A1385">
        <v>135</v>
      </c>
      <c r="B1385">
        <v>211.3</v>
      </c>
      <c r="C1385">
        <v>9527.25</v>
      </c>
      <c r="D1385">
        <v>3.1</v>
      </c>
      <c r="E1385">
        <v>11153</v>
      </c>
      <c r="F1385">
        <v>10.381</v>
      </c>
    </row>
    <row r="1386" spans="1:6" x14ac:dyDescent="0.25">
      <c r="A1386">
        <v>135</v>
      </c>
      <c r="B1386">
        <v>211.3</v>
      </c>
      <c r="C1386">
        <v>9527.25</v>
      </c>
      <c r="D1386">
        <v>3.4</v>
      </c>
      <c r="E1386">
        <v>10998.1</v>
      </c>
      <c r="F1386">
        <v>10.3527</v>
      </c>
    </row>
    <row r="1387" spans="1:6" x14ac:dyDescent="0.25">
      <c r="A1387">
        <v>135</v>
      </c>
      <c r="B1387">
        <v>211.3</v>
      </c>
      <c r="C1387">
        <v>9527.25</v>
      </c>
      <c r="D1387">
        <v>3.7</v>
      </c>
      <c r="E1387">
        <v>10976.2</v>
      </c>
      <c r="F1387">
        <v>10.3224</v>
      </c>
    </row>
    <row r="1388" spans="1:6" x14ac:dyDescent="0.25">
      <c r="A1388">
        <v>135</v>
      </c>
      <c r="B1388">
        <v>211.3</v>
      </c>
      <c r="C1388">
        <v>9527.25</v>
      </c>
      <c r="D1388">
        <v>4</v>
      </c>
      <c r="E1388">
        <v>10919.6</v>
      </c>
      <c r="F1388">
        <v>10.2911</v>
      </c>
    </row>
    <row r="1389" spans="1:6" x14ac:dyDescent="0.25">
      <c r="A1389">
        <v>135</v>
      </c>
      <c r="B1389">
        <v>211.3</v>
      </c>
      <c r="C1389">
        <v>11072.7</v>
      </c>
      <c r="D1389">
        <v>1</v>
      </c>
      <c r="E1389">
        <v>14906.4</v>
      </c>
      <c r="F1389">
        <v>11.0045</v>
      </c>
    </row>
    <row r="1390" spans="1:6" x14ac:dyDescent="0.25">
      <c r="A1390">
        <v>135</v>
      </c>
      <c r="B1390">
        <v>211.3</v>
      </c>
      <c r="C1390">
        <v>11072.7</v>
      </c>
      <c r="D1390">
        <v>1.3</v>
      </c>
      <c r="E1390">
        <v>14129.9</v>
      </c>
      <c r="F1390">
        <v>11.046200000000001</v>
      </c>
    </row>
    <row r="1391" spans="1:6" x14ac:dyDescent="0.25">
      <c r="A1391">
        <v>135</v>
      </c>
      <c r="B1391">
        <v>211.3</v>
      </c>
      <c r="C1391">
        <v>11072.7</v>
      </c>
      <c r="D1391">
        <v>1.6</v>
      </c>
      <c r="E1391">
        <v>13809.6</v>
      </c>
      <c r="F1391">
        <v>11.0526</v>
      </c>
    </row>
    <row r="1392" spans="1:6" x14ac:dyDescent="0.25">
      <c r="A1392">
        <v>135</v>
      </c>
      <c r="B1392">
        <v>211.3</v>
      </c>
      <c r="C1392">
        <v>11072.7</v>
      </c>
      <c r="D1392">
        <v>1.9</v>
      </c>
      <c r="E1392">
        <v>13381.5</v>
      </c>
      <c r="F1392">
        <v>11.071999999999999</v>
      </c>
    </row>
    <row r="1393" spans="1:6" x14ac:dyDescent="0.25">
      <c r="A1393">
        <v>135</v>
      </c>
      <c r="B1393">
        <v>211.3</v>
      </c>
      <c r="C1393">
        <v>11072.7</v>
      </c>
      <c r="D1393">
        <v>2.2000000000000002</v>
      </c>
      <c r="E1393">
        <v>13076.5</v>
      </c>
      <c r="F1393">
        <v>11.097099999999999</v>
      </c>
    </row>
    <row r="1394" spans="1:6" x14ac:dyDescent="0.25">
      <c r="A1394">
        <v>135</v>
      </c>
      <c r="B1394">
        <v>211.3</v>
      </c>
      <c r="C1394">
        <v>11072.7</v>
      </c>
      <c r="D1394">
        <v>2.5</v>
      </c>
      <c r="E1394">
        <v>12884.4</v>
      </c>
      <c r="F1394">
        <v>11.124000000000001</v>
      </c>
    </row>
    <row r="1395" spans="1:6" x14ac:dyDescent="0.25">
      <c r="A1395">
        <v>135</v>
      </c>
      <c r="B1395">
        <v>211.3</v>
      </c>
      <c r="C1395">
        <v>11072.7</v>
      </c>
      <c r="D1395">
        <v>2.8</v>
      </c>
      <c r="E1395">
        <v>12827.2</v>
      </c>
      <c r="F1395">
        <v>11.1516</v>
      </c>
    </row>
    <row r="1396" spans="1:6" x14ac:dyDescent="0.25">
      <c r="A1396">
        <v>135</v>
      </c>
      <c r="B1396">
        <v>211.3</v>
      </c>
      <c r="C1396">
        <v>11072.7</v>
      </c>
      <c r="D1396">
        <v>3.1</v>
      </c>
      <c r="E1396">
        <v>12650.8</v>
      </c>
      <c r="F1396">
        <v>11.178599999999999</v>
      </c>
    </row>
    <row r="1397" spans="1:6" x14ac:dyDescent="0.25">
      <c r="A1397">
        <v>135</v>
      </c>
      <c r="B1397">
        <v>211.3</v>
      </c>
      <c r="C1397">
        <v>11072.7</v>
      </c>
      <c r="D1397">
        <v>3.4</v>
      </c>
      <c r="E1397">
        <v>12566.9</v>
      </c>
      <c r="F1397">
        <v>11.203900000000001</v>
      </c>
    </row>
    <row r="1398" spans="1:6" x14ac:dyDescent="0.25">
      <c r="A1398">
        <v>135</v>
      </c>
      <c r="B1398">
        <v>211.3</v>
      </c>
      <c r="C1398">
        <v>11072.7</v>
      </c>
      <c r="D1398">
        <v>3.7</v>
      </c>
      <c r="E1398">
        <v>12452</v>
      </c>
      <c r="F1398">
        <v>11.227499999999999</v>
      </c>
    </row>
    <row r="1399" spans="1:6" x14ac:dyDescent="0.25">
      <c r="A1399">
        <v>135</v>
      </c>
      <c r="B1399">
        <v>211.3</v>
      </c>
      <c r="C1399">
        <v>11072.7</v>
      </c>
      <c r="D1399">
        <v>4</v>
      </c>
      <c r="E1399">
        <v>12408.4</v>
      </c>
      <c r="F1399">
        <v>11.249000000000001</v>
      </c>
    </row>
    <row r="1400" spans="1:6" x14ac:dyDescent="0.25">
      <c r="A1400">
        <v>135</v>
      </c>
      <c r="B1400">
        <v>211.3</v>
      </c>
      <c r="C1400">
        <v>12618.2</v>
      </c>
      <c r="D1400">
        <v>1</v>
      </c>
      <c r="E1400">
        <v>16610</v>
      </c>
      <c r="F1400">
        <v>11.0045</v>
      </c>
    </row>
    <row r="1401" spans="1:6" x14ac:dyDescent="0.25">
      <c r="A1401">
        <v>135</v>
      </c>
      <c r="B1401">
        <v>211.3</v>
      </c>
      <c r="C1401">
        <v>12618.2</v>
      </c>
      <c r="D1401">
        <v>1.3</v>
      </c>
      <c r="E1401">
        <v>15885.7</v>
      </c>
      <c r="F1401">
        <v>11.046200000000001</v>
      </c>
    </row>
    <row r="1402" spans="1:6" x14ac:dyDescent="0.25">
      <c r="A1402">
        <v>135</v>
      </c>
      <c r="B1402">
        <v>211.3</v>
      </c>
      <c r="C1402">
        <v>12618.2</v>
      </c>
      <c r="D1402">
        <v>1.6</v>
      </c>
      <c r="E1402">
        <v>15206.7</v>
      </c>
      <c r="F1402">
        <v>11.0526</v>
      </c>
    </row>
    <row r="1403" spans="1:6" x14ac:dyDescent="0.25">
      <c r="A1403">
        <v>135</v>
      </c>
      <c r="B1403">
        <v>211.3</v>
      </c>
      <c r="C1403">
        <v>12618.2</v>
      </c>
      <c r="D1403">
        <v>1.9</v>
      </c>
      <c r="E1403">
        <v>14993.3</v>
      </c>
      <c r="F1403">
        <v>11.071999999999999</v>
      </c>
    </row>
    <row r="1404" spans="1:6" x14ac:dyDescent="0.25">
      <c r="A1404">
        <v>135</v>
      </c>
      <c r="B1404">
        <v>211.3</v>
      </c>
      <c r="C1404">
        <v>12618.2</v>
      </c>
      <c r="D1404">
        <v>2.2000000000000002</v>
      </c>
      <c r="E1404">
        <v>14612.5</v>
      </c>
      <c r="F1404">
        <v>11.097099999999999</v>
      </c>
    </row>
    <row r="1405" spans="1:6" x14ac:dyDescent="0.25">
      <c r="A1405">
        <v>135</v>
      </c>
      <c r="B1405">
        <v>211.3</v>
      </c>
      <c r="C1405">
        <v>12618.2</v>
      </c>
      <c r="D1405">
        <v>2.5</v>
      </c>
      <c r="E1405">
        <v>14467.1</v>
      </c>
      <c r="F1405">
        <v>11.124000000000001</v>
      </c>
    </row>
    <row r="1406" spans="1:6" x14ac:dyDescent="0.25">
      <c r="A1406">
        <v>135</v>
      </c>
      <c r="B1406">
        <v>211.3</v>
      </c>
      <c r="C1406">
        <v>12618.2</v>
      </c>
      <c r="D1406">
        <v>2.8</v>
      </c>
      <c r="E1406">
        <v>14395.3</v>
      </c>
      <c r="F1406">
        <v>11.1516</v>
      </c>
    </row>
    <row r="1407" spans="1:6" x14ac:dyDescent="0.25">
      <c r="A1407">
        <v>135</v>
      </c>
      <c r="B1407">
        <v>211.3</v>
      </c>
      <c r="C1407">
        <v>12618.2</v>
      </c>
      <c r="D1407">
        <v>3.1</v>
      </c>
      <c r="E1407">
        <v>14233.1</v>
      </c>
      <c r="F1407">
        <v>11.178599999999999</v>
      </c>
    </row>
    <row r="1408" spans="1:6" x14ac:dyDescent="0.25">
      <c r="A1408">
        <v>135</v>
      </c>
      <c r="B1408">
        <v>211.3</v>
      </c>
      <c r="C1408">
        <v>12618.2</v>
      </c>
      <c r="D1408">
        <v>3.4</v>
      </c>
      <c r="E1408">
        <v>14099.3</v>
      </c>
      <c r="F1408">
        <v>11.203900000000001</v>
      </c>
    </row>
    <row r="1409" spans="1:6" x14ac:dyDescent="0.25">
      <c r="A1409">
        <v>135</v>
      </c>
      <c r="B1409">
        <v>211.3</v>
      </c>
      <c r="C1409">
        <v>12618.2</v>
      </c>
      <c r="D1409">
        <v>3.7</v>
      </c>
      <c r="E1409">
        <v>14042.9</v>
      </c>
      <c r="F1409">
        <v>11.227499999999999</v>
      </c>
    </row>
    <row r="1410" spans="1:6" x14ac:dyDescent="0.25">
      <c r="A1410">
        <v>135</v>
      </c>
      <c r="B1410">
        <v>211.3</v>
      </c>
      <c r="C1410">
        <v>12618.2</v>
      </c>
      <c r="D1410">
        <v>4</v>
      </c>
      <c r="E1410">
        <v>13933.5</v>
      </c>
      <c r="F1410">
        <v>11.249000000000001</v>
      </c>
    </row>
    <row r="1411" spans="1:6" x14ac:dyDescent="0.25">
      <c r="A1411">
        <v>135</v>
      </c>
      <c r="B1411">
        <v>211.3</v>
      </c>
      <c r="C1411">
        <v>14163.6</v>
      </c>
      <c r="D1411">
        <v>1</v>
      </c>
      <c r="E1411">
        <v>18226.900000000001</v>
      </c>
      <c r="F1411">
        <v>11.0045</v>
      </c>
    </row>
    <row r="1412" spans="1:6" x14ac:dyDescent="0.25">
      <c r="A1412">
        <v>135</v>
      </c>
      <c r="B1412">
        <v>211.3</v>
      </c>
      <c r="C1412">
        <v>14163.6</v>
      </c>
      <c r="D1412">
        <v>1.3</v>
      </c>
      <c r="E1412">
        <v>17331.900000000001</v>
      </c>
      <c r="F1412">
        <v>11.046200000000001</v>
      </c>
    </row>
    <row r="1413" spans="1:6" x14ac:dyDescent="0.25">
      <c r="A1413">
        <v>135</v>
      </c>
      <c r="B1413">
        <v>211.3</v>
      </c>
      <c r="C1413">
        <v>14163.6</v>
      </c>
      <c r="D1413">
        <v>1.6</v>
      </c>
      <c r="E1413">
        <v>16837.7</v>
      </c>
      <c r="F1413">
        <v>11.0526</v>
      </c>
    </row>
    <row r="1414" spans="1:6" x14ac:dyDescent="0.25">
      <c r="A1414">
        <v>135</v>
      </c>
      <c r="B1414">
        <v>211.3</v>
      </c>
      <c r="C1414">
        <v>14163.6</v>
      </c>
      <c r="D1414">
        <v>1.9</v>
      </c>
      <c r="E1414">
        <v>16472</v>
      </c>
      <c r="F1414">
        <v>11.071999999999999</v>
      </c>
    </row>
    <row r="1415" spans="1:6" x14ac:dyDescent="0.25">
      <c r="A1415">
        <v>135</v>
      </c>
      <c r="B1415">
        <v>211.3</v>
      </c>
      <c r="C1415">
        <v>14163.6</v>
      </c>
      <c r="D1415">
        <v>2.2000000000000002</v>
      </c>
      <c r="E1415">
        <v>16291.1</v>
      </c>
      <c r="F1415">
        <v>11.097099999999999</v>
      </c>
    </row>
    <row r="1416" spans="1:6" x14ac:dyDescent="0.25">
      <c r="A1416">
        <v>135</v>
      </c>
      <c r="B1416">
        <v>211.3</v>
      </c>
      <c r="C1416">
        <v>14163.6</v>
      </c>
      <c r="D1416">
        <v>2.5</v>
      </c>
      <c r="E1416">
        <v>16050.8</v>
      </c>
      <c r="F1416">
        <v>11.124000000000001</v>
      </c>
    </row>
    <row r="1417" spans="1:6" x14ac:dyDescent="0.25">
      <c r="A1417">
        <v>135</v>
      </c>
      <c r="B1417">
        <v>211.3</v>
      </c>
      <c r="C1417">
        <v>14163.6</v>
      </c>
      <c r="D1417">
        <v>2.8</v>
      </c>
      <c r="E1417">
        <v>15884.8</v>
      </c>
      <c r="F1417">
        <v>11.1516</v>
      </c>
    </row>
    <row r="1418" spans="1:6" x14ac:dyDescent="0.25">
      <c r="A1418">
        <v>135</v>
      </c>
      <c r="B1418">
        <v>211.3</v>
      </c>
      <c r="C1418">
        <v>14163.6</v>
      </c>
      <c r="D1418">
        <v>3.1</v>
      </c>
      <c r="E1418">
        <v>15708.9</v>
      </c>
      <c r="F1418">
        <v>11.178599999999999</v>
      </c>
    </row>
    <row r="1419" spans="1:6" x14ac:dyDescent="0.25">
      <c r="A1419">
        <v>135</v>
      </c>
      <c r="B1419">
        <v>211.3</v>
      </c>
      <c r="C1419">
        <v>14163.6</v>
      </c>
      <c r="D1419">
        <v>3.4</v>
      </c>
      <c r="E1419">
        <v>15655.7</v>
      </c>
      <c r="F1419">
        <v>11.203900000000001</v>
      </c>
    </row>
    <row r="1420" spans="1:6" x14ac:dyDescent="0.25">
      <c r="A1420">
        <v>135</v>
      </c>
      <c r="B1420">
        <v>211.3</v>
      </c>
      <c r="C1420">
        <v>14163.6</v>
      </c>
      <c r="D1420">
        <v>3.7</v>
      </c>
      <c r="E1420">
        <v>15534.6</v>
      </c>
      <c r="F1420">
        <v>11.227499999999999</v>
      </c>
    </row>
    <row r="1421" spans="1:6" x14ac:dyDescent="0.25">
      <c r="A1421">
        <v>135</v>
      </c>
      <c r="B1421">
        <v>211.3</v>
      </c>
      <c r="C1421">
        <v>14163.6</v>
      </c>
      <c r="D1421">
        <v>4</v>
      </c>
      <c r="E1421">
        <v>15517.3</v>
      </c>
      <c r="F1421">
        <v>11.249000000000001</v>
      </c>
    </row>
    <row r="1422" spans="1:6" x14ac:dyDescent="0.25">
      <c r="A1422">
        <v>135</v>
      </c>
      <c r="B1422">
        <v>211.3</v>
      </c>
      <c r="C1422">
        <v>15709.1</v>
      </c>
      <c r="D1422">
        <v>1</v>
      </c>
      <c r="E1422">
        <v>19549.599999999999</v>
      </c>
      <c r="F1422">
        <v>11.0045</v>
      </c>
    </row>
    <row r="1423" spans="1:6" x14ac:dyDescent="0.25">
      <c r="A1423">
        <v>135</v>
      </c>
      <c r="B1423">
        <v>211.3</v>
      </c>
      <c r="C1423">
        <v>15709.1</v>
      </c>
      <c r="D1423">
        <v>1.3</v>
      </c>
      <c r="E1423">
        <v>18837.2</v>
      </c>
      <c r="F1423">
        <v>11.046200000000001</v>
      </c>
    </row>
    <row r="1424" spans="1:6" x14ac:dyDescent="0.25">
      <c r="A1424">
        <v>135</v>
      </c>
      <c r="B1424">
        <v>211.3</v>
      </c>
      <c r="C1424">
        <v>15709.1</v>
      </c>
      <c r="D1424">
        <v>1.6</v>
      </c>
      <c r="E1424">
        <v>18389.900000000001</v>
      </c>
      <c r="F1424">
        <v>11.0526</v>
      </c>
    </row>
    <row r="1425" spans="1:6" x14ac:dyDescent="0.25">
      <c r="A1425">
        <v>135</v>
      </c>
      <c r="B1425">
        <v>211.3</v>
      </c>
      <c r="C1425">
        <v>15709.1</v>
      </c>
      <c r="D1425">
        <v>1.9</v>
      </c>
      <c r="E1425">
        <v>18054</v>
      </c>
      <c r="F1425">
        <v>11.071999999999999</v>
      </c>
    </row>
    <row r="1426" spans="1:6" x14ac:dyDescent="0.25">
      <c r="A1426">
        <v>135</v>
      </c>
      <c r="B1426">
        <v>211.3</v>
      </c>
      <c r="C1426">
        <v>15709.1</v>
      </c>
      <c r="D1426">
        <v>2.2000000000000002</v>
      </c>
      <c r="E1426">
        <v>17780.2</v>
      </c>
      <c r="F1426">
        <v>11.097099999999999</v>
      </c>
    </row>
    <row r="1427" spans="1:6" x14ac:dyDescent="0.25">
      <c r="A1427">
        <v>135</v>
      </c>
      <c r="B1427">
        <v>211.3</v>
      </c>
      <c r="C1427">
        <v>15709.1</v>
      </c>
      <c r="D1427">
        <v>2.5</v>
      </c>
      <c r="E1427">
        <v>17536.2</v>
      </c>
      <c r="F1427">
        <v>11.124000000000001</v>
      </c>
    </row>
    <row r="1428" spans="1:6" x14ac:dyDescent="0.25">
      <c r="A1428">
        <v>135</v>
      </c>
      <c r="B1428">
        <v>211.3</v>
      </c>
      <c r="C1428">
        <v>15709.1</v>
      </c>
      <c r="D1428">
        <v>2.8</v>
      </c>
      <c r="E1428">
        <v>17457.900000000001</v>
      </c>
      <c r="F1428">
        <v>11.1516</v>
      </c>
    </row>
    <row r="1429" spans="1:6" x14ac:dyDescent="0.25">
      <c r="A1429">
        <v>135</v>
      </c>
      <c r="B1429">
        <v>211.3</v>
      </c>
      <c r="C1429">
        <v>15709.1</v>
      </c>
      <c r="D1429">
        <v>3.1</v>
      </c>
      <c r="E1429">
        <v>17360.3</v>
      </c>
      <c r="F1429">
        <v>11.178599999999999</v>
      </c>
    </row>
    <row r="1430" spans="1:6" x14ac:dyDescent="0.25">
      <c r="A1430">
        <v>135</v>
      </c>
      <c r="B1430">
        <v>211.3</v>
      </c>
      <c r="C1430">
        <v>15709.1</v>
      </c>
      <c r="D1430">
        <v>3.4</v>
      </c>
      <c r="E1430">
        <v>17205.2</v>
      </c>
      <c r="F1430">
        <v>11.203900000000001</v>
      </c>
    </row>
    <row r="1431" spans="1:6" x14ac:dyDescent="0.25">
      <c r="A1431">
        <v>135</v>
      </c>
      <c r="B1431">
        <v>211.3</v>
      </c>
      <c r="C1431">
        <v>15709.1</v>
      </c>
      <c r="D1431">
        <v>3.7</v>
      </c>
      <c r="E1431">
        <v>17088.400000000001</v>
      </c>
      <c r="F1431">
        <v>11.227499999999999</v>
      </c>
    </row>
    <row r="1432" spans="1:6" x14ac:dyDescent="0.25">
      <c r="A1432">
        <v>135</v>
      </c>
      <c r="B1432">
        <v>211.3</v>
      </c>
      <c r="C1432">
        <v>15709.1</v>
      </c>
      <c r="D1432">
        <v>4</v>
      </c>
      <c r="E1432">
        <v>17069.8</v>
      </c>
      <c r="F1432">
        <v>11.249000000000001</v>
      </c>
    </row>
    <row r="1433" spans="1:6" x14ac:dyDescent="0.25">
      <c r="A1433">
        <v>135</v>
      </c>
      <c r="B1433">
        <v>211.3</v>
      </c>
      <c r="C1433">
        <v>17254.5</v>
      </c>
      <c r="D1433">
        <v>1</v>
      </c>
      <c r="E1433">
        <v>21266.3</v>
      </c>
      <c r="F1433">
        <v>11.0045</v>
      </c>
    </row>
    <row r="1434" spans="1:6" x14ac:dyDescent="0.25">
      <c r="A1434">
        <v>135</v>
      </c>
      <c r="B1434">
        <v>211.3</v>
      </c>
      <c r="C1434">
        <v>17254.5</v>
      </c>
      <c r="D1434">
        <v>1.3</v>
      </c>
      <c r="E1434">
        <v>20350.5</v>
      </c>
      <c r="F1434">
        <v>11.046200000000001</v>
      </c>
    </row>
    <row r="1435" spans="1:6" x14ac:dyDescent="0.25">
      <c r="A1435">
        <v>135</v>
      </c>
      <c r="B1435">
        <v>211.3</v>
      </c>
      <c r="C1435">
        <v>17254.5</v>
      </c>
      <c r="D1435">
        <v>1.6</v>
      </c>
      <c r="E1435">
        <v>19845.900000000001</v>
      </c>
      <c r="F1435">
        <v>11.0526</v>
      </c>
    </row>
    <row r="1436" spans="1:6" x14ac:dyDescent="0.25">
      <c r="A1436">
        <v>135</v>
      </c>
      <c r="B1436">
        <v>211.3</v>
      </c>
      <c r="C1436">
        <v>17254.5</v>
      </c>
      <c r="D1436">
        <v>1.9</v>
      </c>
      <c r="E1436">
        <v>19612.5</v>
      </c>
      <c r="F1436">
        <v>11.071999999999999</v>
      </c>
    </row>
    <row r="1437" spans="1:6" x14ac:dyDescent="0.25">
      <c r="A1437">
        <v>135</v>
      </c>
      <c r="B1437">
        <v>211.3</v>
      </c>
      <c r="C1437">
        <v>17254.5</v>
      </c>
      <c r="D1437">
        <v>2.2000000000000002</v>
      </c>
      <c r="E1437">
        <v>19308.900000000001</v>
      </c>
      <c r="F1437">
        <v>11.097099999999999</v>
      </c>
    </row>
    <row r="1438" spans="1:6" x14ac:dyDescent="0.25">
      <c r="A1438">
        <v>135</v>
      </c>
      <c r="B1438">
        <v>211.3</v>
      </c>
      <c r="C1438">
        <v>17254.5</v>
      </c>
      <c r="D1438">
        <v>2.5</v>
      </c>
      <c r="E1438">
        <v>19088.7</v>
      </c>
      <c r="F1438">
        <v>11.124000000000001</v>
      </c>
    </row>
    <row r="1439" spans="1:6" x14ac:dyDescent="0.25">
      <c r="A1439">
        <v>135</v>
      </c>
      <c r="B1439">
        <v>211.3</v>
      </c>
      <c r="C1439">
        <v>17254.5</v>
      </c>
      <c r="D1439">
        <v>2.8</v>
      </c>
      <c r="E1439">
        <v>19002.2</v>
      </c>
      <c r="F1439">
        <v>11.1516</v>
      </c>
    </row>
    <row r="1440" spans="1:6" x14ac:dyDescent="0.25">
      <c r="A1440">
        <v>135</v>
      </c>
      <c r="B1440">
        <v>211.3</v>
      </c>
      <c r="C1440">
        <v>17254.5</v>
      </c>
      <c r="D1440">
        <v>3.1</v>
      </c>
      <c r="E1440">
        <v>18835.900000000001</v>
      </c>
      <c r="F1440">
        <v>11.178599999999999</v>
      </c>
    </row>
    <row r="1441" spans="1:6" x14ac:dyDescent="0.25">
      <c r="A1441">
        <v>135</v>
      </c>
      <c r="B1441">
        <v>211.3</v>
      </c>
      <c r="C1441">
        <v>17254.5</v>
      </c>
      <c r="D1441">
        <v>3.4</v>
      </c>
      <c r="E1441">
        <v>18749.7</v>
      </c>
      <c r="F1441">
        <v>11.203900000000001</v>
      </c>
    </row>
    <row r="1442" spans="1:6" x14ac:dyDescent="0.25">
      <c r="A1442">
        <v>135</v>
      </c>
      <c r="B1442">
        <v>211.3</v>
      </c>
      <c r="C1442">
        <v>17254.5</v>
      </c>
      <c r="D1442">
        <v>3.7</v>
      </c>
      <c r="E1442">
        <v>18610.3</v>
      </c>
      <c r="F1442">
        <v>11.227499999999999</v>
      </c>
    </row>
    <row r="1443" spans="1:6" x14ac:dyDescent="0.25">
      <c r="A1443">
        <v>135</v>
      </c>
      <c r="B1443">
        <v>211.3</v>
      </c>
      <c r="C1443">
        <v>17254.5</v>
      </c>
      <c r="D1443">
        <v>4</v>
      </c>
      <c r="E1443">
        <v>18570.8</v>
      </c>
      <c r="F1443">
        <v>11.249000000000001</v>
      </c>
    </row>
    <row r="1444" spans="1:6" x14ac:dyDescent="0.25">
      <c r="A1444">
        <v>135</v>
      </c>
      <c r="B1444">
        <v>211.3</v>
      </c>
      <c r="C1444">
        <v>18800</v>
      </c>
      <c r="D1444">
        <v>1</v>
      </c>
      <c r="E1444">
        <v>22766.6</v>
      </c>
      <c r="F1444">
        <v>11.0045</v>
      </c>
    </row>
    <row r="1445" spans="1:6" x14ac:dyDescent="0.25">
      <c r="A1445">
        <v>135</v>
      </c>
      <c r="B1445">
        <v>211.3</v>
      </c>
      <c r="C1445">
        <v>18800</v>
      </c>
      <c r="D1445">
        <v>1.3</v>
      </c>
      <c r="E1445">
        <v>21839.5</v>
      </c>
      <c r="F1445">
        <v>11.046200000000001</v>
      </c>
    </row>
    <row r="1446" spans="1:6" x14ac:dyDescent="0.25">
      <c r="A1446">
        <v>135</v>
      </c>
      <c r="B1446">
        <v>211.3</v>
      </c>
      <c r="C1446">
        <v>18800</v>
      </c>
      <c r="D1446">
        <v>1.6</v>
      </c>
      <c r="E1446">
        <v>21357.4</v>
      </c>
      <c r="F1446">
        <v>11.0526</v>
      </c>
    </row>
    <row r="1447" spans="1:6" x14ac:dyDescent="0.25">
      <c r="A1447">
        <v>135</v>
      </c>
      <c r="B1447">
        <v>211.3</v>
      </c>
      <c r="C1447">
        <v>18800</v>
      </c>
      <c r="D1447">
        <v>1.9</v>
      </c>
      <c r="E1447">
        <v>21125.9</v>
      </c>
      <c r="F1447">
        <v>11.071999999999999</v>
      </c>
    </row>
    <row r="1448" spans="1:6" x14ac:dyDescent="0.25">
      <c r="A1448">
        <v>135</v>
      </c>
      <c r="B1448">
        <v>211.3</v>
      </c>
      <c r="C1448">
        <v>18800</v>
      </c>
      <c r="D1448">
        <v>2.2000000000000002</v>
      </c>
      <c r="E1448">
        <v>20889.900000000001</v>
      </c>
      <c r="F1448">
        <v>11.097099999999999</v>
      </c>
    </row>
    <row r="1449" spans="1:6" x14ac:dyDescent="0.25">
      <c r="A1449">
        <v>135</v>
      </c>
      <c r="B1449">
        <v>211.3</v>
      </c>
      <c r="C1449">
        <v>18800</v>
      </c>
      <c r="D1449">
        <v>2.5</v>
      </c>
      <c r="E1449">
        <v>20626.8</v>
      </c>
      <c r="F1449">
        <v>11.124000000000001</v>
      </c>
    </row>
    <row r="1450" spans="1:6" x14ac:dyDescent="0.25">
      <c r="A1450">
        <v>135</v>
      </c>
      <c r="B1450">
        <v>211.3</v>
      </c>
      <c r="C1450">
        <v>18800</v>
      </c>
      <c r="D1450">
        <v>2.8</v>
      </c>
      <c r="E1450">
        <v>20549.099999999999</v>
      </c>
      <c r="F1450">
        <v>11.1516</v>
      </c>
    </row>
    <row r="1451" spans="1:6" x14ac:dyDescent="0.25">
      <c r="A1451">
        <v>135</v>
      </c>
      <c r="B1451">
        <v>211.3</v>
      </c>
      <c r="C1451">
        <v>18800</v>
      </c>
      <c r="D1451">
        <v>3.1</v>
      </c>
      <c r="E1451">
        <v>20376.2</v>
      </c>
      <c r="F1451">
        <v>11.178599999999999</v>
      </c>
    </row>
    <row r="1452" spans="1:6" x14ac:dyDescent="0.25">
      <c r="A1452">
        <v>135</v>
      </c>
      <c r="B1452">
        <v>211.3</v>
      </c>
      <c r="C1452">
        <v>18800</v>
      </c>
      <c r="D1452">
        <v>3.4</v>
      </c>
      <c r="E1452">
        <v>20314.8</v>
      </c>
      <c r="F1452">
        <v>11.203900000000001</v>
      </c>
    </row>
    <row r="1453" spans="1:6" x14ac:dyDescent="0.25">
      <c r="A1453">
        <v>135</v>
      </c>
      <c r="B1453">
        <v>211.3</v>
      </c>
      <c r="C1453">
        <v>18800</v>
      </c>
      <c r="D1453">
        <v>3.7</v>
      </c>
      <c r="E1453">
        <v>20181.400000000001</v>
      </c>
      <c r="F1453">
        <v>11.227499999999999</v>
      </c>
    </row>
    <row r="1454" spans="1:6" x14ac:dyDescent="0.25">
      <c r="A1454">
        <v>135</v>
      </c>
      <c r="B1454">
        <v>211.3</v>
      </c>
      <c r="C1454">
        <v>18800</v>
      </c>
      <c r="D1454">
        <v>4</v>
      </c>
      <c r="E1454">
        <v>20153.400000000001</v>
      </c>
      <c r="F1454">
        <v>11.249000000000001</v>
      </c>
    </row>
    <row r="1455" spans="1:6" x14ac:dyDescent="0.25">
      <c r="A1455">
        <v>135</v>
      </c>
      <c r="B1455">
        <v>214.93</v>
      </c>
      <c r="C1455">
        <v>1800</v>
      </c>
      <c r="D1455">
        <v>1</v>
      </c>
      <c r="E1455">
        <v>5758.29</v>
      </c>
      <c r="F1455">
        <v>63.430100000000003</v>
      </c>
    </row>
    <row r="1456" spans="1:6" x14ac:dyDescent="0.25">
      <c r="A1456">
        <v>135</v>
      </c>
      <c r="B1456">
        <v>214.93</v>
      </c>
      <c r="C1456">
        <v>1800</v>
      </c>
      <c r="D1456">
        <v>1.3</v>
      </c>
      <c r="E1456">
        <v>5081.7299999999996</v>
      </c>
      <c r="F1456">
        <v>77.202100000000002</v>
      </c>
    </row>
    <row r="1457" spans="1:6" x14ac:dyDescent="0.25">
      <c r="A1457">
        <v>135</v>
      </c>
      <c r="B1457">
        <v>214.93</v>
      </c>
      <c r="C1457">
        <v>1800</v>
      </c>
      <c r="D1457">
        <v>1.6</v>
      </c>
      <c r="E1457">
        <v>4659.0200000000004</v>
      </c>
      <c r="F1457">
        <v>88.6524</v>
      </c>
    </row>
    <row r="1458" spans="1:6" x14ac:dyDescent="0.25">
      <c r="A1458">
        <v>135</v>
      </c>
      <c r="B1458">
        <v>214.93</v>
      </c>
      <c r="C1458">
        <v>1800</v>
      </c>
      <c r="D1458">
        <v>1.9</v>
      </c>
      <c r="E1458">
        <v>4344.12</v>
      </c>
      <c r="F1458">
        <v>93.207499999999996</v>
      </c>
    </row>
    <row r="1459" spans="1:6" x14ac:dyDescent="0.25">
      <c r="A1459">
        <v>135</v>
      </c>
      <c r="B1459">
        <v>214.93</v>
      </c>
      <c r="C1459">
        <v>1800</v>
      </c>
      <c r="D1459">
        <v>2.2000000000000002</v>
      </c>
      <c r="E1459">
        <v>4100.58</v>
      </c>
      <c r="F1459">
        <v>98.927199999999999</v>
      </c>
    </row>
    <row r="1460" spans="1:6" x14ac:dyDescent="0.25">
      <c r="A1460">
        <v>135</v>
      </c>
      <c r="B1460">
        <v>214.93</v>
      </c>
      <c r="C1460">
        <v>1800</v>
      </c>
      <c r="D1460">
        <v>2.5</v>
      </c>
      <c r="E1460">
        <v>3879.71</v>
      </c>
      <c r="F1460">
        <v>102.60899999999999</v>
      </c>
    </row>
    <row r="1461" spans="1:6" x14ac:dyDescent="0.25">
      <c r="A1461">
        <v>135</v>
      </c>
      <c r="B1461">
        <v>214.93</v>
      </c>
      <c r="C1461">
        <v>1800</v>
      </c>
      <c r="D1461">
        <v>2.8</v>
      </c>
      <c r="E1461">
        <v>3728.47</v>
      </c>
      <c r="F1461">
        <v>106.381</v>
      </c>
    </row>
    <row r="1462" spans="1:6" x14ac:dyDescent="0.25">
      <c r="A1462">
        <v>135</v>
      </c>
      <c r="B1462">
        <v>214.93</v>
      </c>
      <c r="C1462">
        <v>1800</v>
      </c>
      <c r="D1462">
        <v>3.1</v>
      </c>
      <c r="E1462">
        <v>3625.03</v>
      </c>
      <c r="F1462">
        <v>105.24299999999999</v>
      </c>
    </row>
    <row r="1463" spans="1:6" x14ac:dyDescent="0.25">
      <c r="A1463">
        <v>135</v>
      </c>
      <c r="B1463">
        <v>214.93</v>
      </c>
      <c r="C1463">
        <v>1800</v>
      </c>
      <c r="D1463">
        <v>3.4</v>
      </c>
      <c r="E1463">
        <v>3496.43</v>
      </c>
      <c r="F1463">
        <v>109.57299999999999</v>
      </c>
    </row>
    <row r="1464" spans="1:6" x14ac:dyDescent="0.25">
      <c r="A1464">
        <v>135</v>
      </c>
      <c r="B1464">
        <v>214.93</v>
      </c>
      <c r="C1464">
        <v>1800</v>
      </c>
      <c r="D1464">
        <v>3.7</v>
      </c>
      <c r="E1464">
        <v>3412.42</v>
      </c>
      <c r="F1464">
        <v>110.881</v>
      </c>
    </row>
    <row r="1465" spans="1:6" x14ac:dyDescent="0.25">
      <c r="A1465">
        <v>135</v>
      </c>
      <c r="B1465">
        <v>214.93</v>
      </c>
      <c r="C1465">
        <v>1800</v>
      </c>
      <c r="D1465">
        <v>4</v>
      </c>
      <c r="E1465">
        <v>3326.9</v>
      </c>
      <c r="F1465">
        <v>110.496</v>
      </c>
    </row>
    <row r="1466" spans="1:6" x14ac:dyDescent="0.25">
      <c r="A1466">
        <v>135</v>
      </c>
      <c r="B1466">
        <v>214.93</v>
      </c>
      <c r="C1466">
        <v>3345.45</v>
      </c>
      <c r="D1466">
        <v>1</v>
      </c>
      <c r="E1466">
        <v>7033.95</v>
      </c>
      <c r="F1466">
        <v>39.825299999999999</v>
      </c>
    </row>
    <row r="1467" spans="1:6" x14ac:dyDescent="0.25">
      <c r="A1467">
        <v>135</v>
      </c>
      <c r="B1467">
        <v>214.93</v>
      </c>
      <c r="C1467">
        <v>3345.45</v>
      </c>
      <c r="D1467">
        <v>1.3</v>
      </c>
      <c r="E1467">
        <v>6449.67</v>
      </c>
      <c r="F1467">
        <v>50.488500000000002</v>
      </c>
    </row>
    <row r="1468" spans="1:6" x14ac:dyDescent="0.25">
      <c r="A1468">
        <v>135</v>
      </c>
      <c r="B1468">
        <v>214.93</v>
      </c>
      <c r="C1468">
        <v>3345.45</v>
      </c>
      <c r="D1468">
        <v>1.6</v>
      </c>
      <c r="E1468">
        <v>6138.83</v>
      </c>
      <c r="F1468">
        <v>59.515700000000002</v>
      </c>
    </row>
    <row r="1469" spans="1:6" x14ac:dyDescent="0.25">
      <c r="A1469">
        <v>135</v>
      </c>
      <c r="B1469">
        <v>214.93</v>
      </c>
      <c r="C1469">
        <v>3345.45</v>
      </c>
      <c r="D1469">
        <v>1.9</v>
      </c>
      <c r="E1469">
        <v>5802.84</v>
      </c>
      <c r="F1469">
        <v>67.434100000000001</v>
      </c>
    </row>
    <row r="1470" spans="1:6" x14ac:dyDescent="0.25">
      <c r="A1470">
        <v>135</v>
      </c>
      <c r="B1470">
        <v>214.93</v>
      </c>
      <c r="C1470">
        <v>3345.45</v>
      </c>
      <c r="D1470">
        <v>2.2000000000000002</v>
      </c>
      <c r="E1470">
        <v>5541.81</v>
      </c>
      <c r="F1470">
        <v>73.283100000000005</v>
      </c>
    </row>
    <row r="1471" spans="1:6" x14ac:dyDescent="0.25">
      <c r="A1471">
        <v>135</v>
      </c>
      <c r="B1471">
        <v>214.93</v>
      </c>
      <c r="C1471">
        <v>3345.45</v>
      </c>
      <c r="D1471">
        <v>2.5</v>
      </c>
      <c r="E1471">
        <v>5372.8</v>
      </c>
      <c r="F1471">
        <v>75.828100000000006</v>
      </c>
    </row>
    <row r="1472" spans="1:6" x14ac:dyDescent="0.25">
      <c r="A1472">
        <v>135</v>
      </c>
      <c r="B1472">
        <v>214.93</v>
      </c>
      <c r="C1472">
        <v>3345.45</v>
      </c>
      <c r="D1472">
        <v>2.8</v>
      </c>
      <c r="E1472">
        <v>5201.8599999999997</v>
      </c>
      <c r="F1472">
        <v>79.625799999999998</v>
      </c>
    </row>
    <row r="1473" spans="1:6" x14ac:dyDescent="0.25">
      <c r="A1473">
        <v>135</v>
      </c>
      <c r="B1473">
        <v>214.93</v>
      </c>
      <c r="C1473">
        <v>3345.45</v>
      </c>
      <c r="D1473">
        <v>3.1</v>
      </c>
      <c r="E1473">
        <v>5072.38</v>
      </c>
      <c r="F1473">
        <v>83.778400000000005</v>
      </c>
    </row>
    <row r="1474" spans="1:6" x14ac:dyDescent="0.25">
      <c r="A1474">
        <v>135</v>
      </c>
      <c r="B1474">
        <v>214.93</v>
      </c>
      <c r="C1474">
        <v>3345.45</v>
      </c>
      <c r="D1474">
        <v>3.4</v>
      </c>
      <c r="E1474">
        <v>4973.3100000000004</v>
      </c>
      <c r="F1474">
        <v>84.28</v>
      </c>
    </row>
    <row r="1475" spans="1:6" x14ac:dyDescent="0.25">
      <c r="A1475">
        <v>135</v>
      </c>
      <c r="B1475">
        <v>214.93</v>
      </c>
      <c r="C1475">
        <v>3345.45</v>
      </c>
      <c r="D1475">
        <v>3.7</v>
      </c>
      <c r="E1475">
        <v>4876.58</v>
      </c>
      <c r="F1475">
        <v>87.246300000000005</v>
      </c>
    </row>
    <row r="1476" spans="1:6" x14ac:dyDescent="0.25">
      <c r="A1476">
        <v>135</v>
      </c>
      <c r="B1476">
        <v>214.93</v>
      </c>
      <c r="C1476">
        <v>3345.45</v>
      </c>
      <c r="D1476">
        <v>4</v>
      </c>
      <c r="E1476">
        <v>4796.24</v>
      </c>
      <c r="F1476">
        <v>85.766400000000004</v>
      </c>
    </row>
    <row r="1477" spans="1:6" x14ac:dyDescent="0.25">
      <c r="A1477">
        <v>135</v>
      </c>
      <c r="B1477">
        <v>214.93</v>
      </c>
      <c r="C1477">
        <v>4890.8999999999996</v>
      </c>
      <c r="D1477">
        <v>1</v>
      </c>
      <c r="E1477">
        <v>8428.23</v>
      </c>
      <c r="F1477">
        <v>22.860700000000001</v>
      </c>
    </row>
    <row r="1478" spans="1:6" x14ac:dyDescent="0.25">
      <c r="A1478">
        <v>135</v>
      </c>
      <c r="B1478">
        <v>214.93</v>
      </c>
      <c r="C1478">
        <v>4890.8999999999996</v>
      </c>
      <c r="D1478">
        <v>1.3</v>
      </c>
      <c r="E1478">
        <v>7915.73</v>
      </c>
      <c r="F1478">
        <v>28.7224</v>
      </c>
    </row>
    <row r="1479" spans="1:6" x14ac:dyDescent="0.25">
      <c r="A1479">
        <v>135</v>
      </c>
      <c r="B1479">
        <v>214.93</v>
      </c>
      <c r="C1479">
        <v>4890.8999999999996</v>
      </c>
      <c r="D1479">
        <v>1.6</v>
      </c>
      <c r="E1479">
        <v>7449.17</v>
      </c>
      <c r="F1479">
        <v>32.956200000000003</v>
      </c>
    </row>
    <row r="1480" spans="1:6" x14ac:dyDescent="0.25">
      <c r="A1480">
        <v>135</v>
      </c>
      <c r="B1480">
        <v>214.93</v>
      </c>
      <c r="C1480">
        <v>4890.8999999999996</v>
      </c>
      <c r="D1480">
        <v>1.9</v>
      </c>
      <c r="E1480">
        <v>7269.09</v>
      </c>
      <c r="F1480">
        <v>37.492899999999999</v>
      </c>
    </row>
    <row r="1481" spans="1:6" x14ac:dyDescent="0.25">
      <c r="A1481">
        <v>135</v>
      </c>
      <c r="B1481">
        <v>214.93</v>
      </c>
      <c r="C1481">
        <v>4890.8999999999996</v>
      </c>
      <c r="D1481">
        <v>2.2000000000000002</v>
      </c>
      <c r="E1481">
        <v>7060.21</v>
      </c>
      <c r="F1481">
        <v>39.771000000000001</v>
      </c>
    </row>
    <row r="1482" spans="1:6" x14ac:dyDescent="0.25">
      <c r="A1482">
        <v>135</v>
      </c>
      <c r="B1482">
        <v>214.93</v>
      </c>
      <c r="C1482">
        <v>4890.8999999999996</v>
      </c>
      <c r="D1482">
        <v>2.5</v>
      </c>
      <c r="E1482">
        <v>6834.11</v>
      </c>
      <c r="F1482">
        <v>44.000500000000002</v>
      </c>
    </row>
    <row r="1483" spans="1:6" x14ac:dyDescent="0.25">
      <c r="A1483">
        <v>135</v>
      </c>
      <c r="B1483">
        <v>214.93</v>
      </c>
      <c r="C1483">
        <v>4890.8999999999996</v>
      </c>
      <c r="D1483">
        <v>2.8</v>
      </c>
      <c r="E1483">
        <v>6652.68</v>
      </c>
      <c r="F1483">
        <v>48.244199999999999</v>
      </c>
    </row>
    <row r="1484" spans="1:6" x14ac:dyDescent="0.25">
      <c r="A1484">
        <v>135</v>
      </c>
      <c r="B1484">
        <v>214.93</v>
      </c>
      <c r="C1484">
        <v>4890.8999999999996</v>
      </c>
      <c r="D1484">
        <v>3.1</v>
      </c>
      <c r="E1484">
        <v>6619.83</v>
      </c>
      <c r="F1484">
        <v>49.4955</v>
      </c>
    </row>
    <row r="1485" spans="1:6" x14ac:dyDescent="0.25">
      <c r="A1485">
        <v>135</v>
      </c>
      <c r="B1485">
        <v>214.93</v>
      </c>
      <c r="C1485">
        <v>4890.8999999999996</v>
      </c>
      <c r="D1485">
        <v>3.4</v>
      </c>
      <c r="E1485">
        <v>6490.76</v>
      </c>
      <c r="F1485">
        <v>52.445999999999998</v>
      </c>
    </row>
    <row r="1486" spans="1:6" x14ac:dyDescent="0.25">
      <c r="A1486">
        <v>135</v>
      </c>
      <c r="B1486">
        <v>214.93</v>
      </c>
      <c r="C1486">
        <v>4890.8999999999996</v>
      </c>
      <c r="D1486">
        <v>3.7</v>
      </c>
      <c r="E1486">
        <v>6406.59</v>
      </c>
      <c r="F1486">
        <v>53.596699999999998</v>
      </c>
    </row>
    <row r="1487" spans="1:6" x14ac:dyDescent="0.25">
      <c r="A1487">
        <v>135</v>
      </c>
      <c r="B1487">
        <v>214.93</v>
      </c>
      <c r="C1487">
        <v>4890.8999999999996</v>
      </c>
      <c r="D1487">
        <v>4</v>
      </c>
      <c r="E1487">
        <v>6298.19</v>
      </c>
      <c r="F1487">
        <v>52.7727</v>
      </c>
    </row>
    <row r="1488" spans="1:6" x14ac:dyDescent="0.25">
      <c r="A1488">
        <v>135</v>
      </c>
      <c r="B1488">
        <v>214.93</v>
      </c>
      <c r="C1488">
        <v>6436.35</v>
      </c>
      <c r="D1488">
        <v>1</v>
      </c>
      <c r="E1488">
        <v>10016.9</v>
      </c>
      <c r="F1488">
        <v>9.5771800000000002</v>
      </c>
    </row>
    <row r="1489" spans="1:6" x14ac:dyDescent="0.25">
      <c r="A1489">
        <v>135</v>
      </c>
      <c r="B1489">
        <v>214.93</v>
      </c>
      <c r="C1489">
        <v>6436.35</v>
      </c>
      <c r="D1489">
        <v>1.3</v>
      </c>
      <c r="E1489">
        <v>9381.51</v>
      </c>
      <c r="F1489">
        <v>11.1136</v>
      </c>
    </row>
    <row r="1490" spans="1:6" x14ac:dyDescent="0.25">
      <c r="A1490">
        <v>135</v>
      </c>
      <c r="B1490">
        <v>214.93</v>
      </c>
      <c r="C1490">
        <v>6436.35</v>
      </c>
      <c r="D1490">
        <v>1.6</v>
      </c>
      <c r="E1490">
        <v>8901.19</v>
      </c>
      <c r="F1490">
        <v>13.2204</v>
      </c>
    </row>
    <row r="1491" spans="1:6" x14ac:dyDescent="0.25">
      <c r="A1491">
        <v>135</v>
      </c>
      <c r="B1491">
        <v>214.93</v>
      </c>
      <c r="C1491">
        <v>6436.35</v>
      </c>
      <c r="D1491">
        <v>1.9</v>
      </c>
      <c r="E1491">
        <v>8829.65</v>
      </c>
      <c r="F1491">
        <v>15.043799999999999</v>
      </c>
    </row>
    <row r="1492" spans="1:6" x14ac:dyDescent="0.25">
      <c r="A1492">
        <v>135</v>
      </c>
      <c r="B1492">
        <v>214.93</v>
      </c>
      <c r="C1492">
        <v>6436.35</v>
      </c>
      <c r="D1492">
        <v>2.2000000000000002</v>
      </c>
      <c r="E1492">
        <v>8554.89</v>
      </c>
      <c r="F1492">
        <v>16.5717</v>
      </c>
    </row>
    <row r="1493" spans="1:6" x14ac:dyDescent="0.25">
      <c r="A1493">
        <v>135</v>
      </c>
      <c r="B1493">
        <v>214.93</v>
      </c>
      <c r="C1493">
        <v>6436.35</v>
      </c>
      <c r="D1493">
        <v>2.5</v>
      </c>
      <c r="E1493">
        <v>8337.44</v>
      </c>
      <c r="F1493">
        <v>16.343599999999999</v>
      </c>
    </row>
    <row r="1494" spans="1:6" x14ac:dyDescent="0.25">
      <c r="A1494">
        <v>135</v>
      </c>
      <c r="B1494">
        <v>214.93</v>
      </c>
      <c r="C1494">
        <v>6436.35</v>
      </c>
      <c r="D1494">
        <v>2.8</v>
      </c>
      <c r="E1494">
        <v>8189.58</v>
      </c>
      <c r="F1494">
        <v>17.042999999999999</v>
      </c>
    </row>
    <row r="1495" spans="1:6" x14ac:dyDescent="0.25">
      <c r="A1495">
        <v>135</v>
      </c>
      <c r="B1495">
        <v>214.93</v>
      </c>
      <c r="C1495">
        <v>6436.35</v>
      </c>
      <c r="D1495">
        <v>3.1</v>
      </c>
      <c r="E1495">
        <v>8021.98</v>
      </c>
      <c r="F1495">
        <v>18.1724</v>
      </c>
    </row>
    <row r="1496" spans="1:6" x14ac:dyDescent="0.25">
      <c r="A1496">
        <v>135</v>
      </c>
      <c r="B1496">
        <v>214.93</v>
      </c>
      <c r="C1496">
        <v>6436.35</v>
      </c>
      <c r="D1496">
        <v>3.4</v>
      </c>
      <c r="E1496">
        <v>7917.45</v>
      </c>
      <c r="F1496">
        <v>18.7347</v>
      </c>
    </row>
    <row r="1497" spans="1:6" x14ac:dyDescent="0.25">
      <c r="A1497">
        <v>135</v>
      </c>
      <c r="B1497">
        <v>214.93</v>
      </c>
      <c r="C1497">
        <v>6436.35</v>
      </c>
      <c r="D1497">
        <v>3.7</v>
      </c>
      <c r="E1497">
        <v>7881.65</v>
      </c>
      <c r="F1497">
        <v>19.057200000000002</v>
      </c>
    </row>
    <row r="1498" spans="1:6" x14ac:dyDescent="0.25">
      <c r="A1498">
        <v>135</v>
      </c>
      <c r="B1498">
        <v>214.93</v>
      </c>
      <c r="C1498">
        <v>6436.35</v>
      </c>
      <c r="D1498">
        <v>4</v>
      </c>
      <c r="E1498">
        <v>7850.85</v>
      </c>
      <c r="F1498">
        <v>22.4879</v>
      </c>
    </row>
    <row r="1499" spans="1:6" x14ac:dyDescent="0.25">
      <c r="A1499">
        <v>135</v>
      </c>
      <c r="B1499">
        <v>214.93</v>
      </c>
      <c r="C1499">
        <v>7981.8</v>
      </c>
      <c r="D1499">
        <v>1</v>
      </c>
      <c r="E1499">
        <v>11734.1</v>
      </c>
      <c r="F1499">
        <v>10.394399999999999</v>
      </c>
    </row>
    <row r="1500" spans="1:6" x14ac:dyDescent="0.25">
      <c r="A1500">
        <v>135</v>
      </c>
      <c r="B1500">
        <v>214.93</v>
      </c>
      <c r="C1500">
        <v>7981.8</v>
      </c>
      <c r="D1500">
        <v>1.3</v>
      </c>
      <c r="E1500">
        <v>10862.1</v>
      </c>
      <c r="F1500">
        <v>10.417400000000001</v>
      </c>
    </row>
    <row r="1501" spans="1:6" x14ac:dyDescent="0.25">
      <c r="A1501">
        <v>135</v>
      </c>
      <c r="B1501">
        <v>214.93</v>
      </c>
      <c r="C1501">
        <v>7981.8</v>
      </c>
      <c r="D1501">
        <v>1.6</v>
      </c>
      <c r="E1501">
        <v>10360.799999999999</v>
      </c>
      <c r="F1501">
        <v>10.3386</v>
      </c>
    </row>
    <row r="1502" spans="1:6" x14ac:dyDescent="0.25">
      <c r="A1502">
        <v>135</v>
      </c>
      <c r="B1502">
        <v>214.93</v>
      </c>
      <c r="C1502">
        <v>7981.8</v>
      </c>
      <c r="D1502">
        <v>1.9</v>
      </c>
      <c r="E1502">
        <v>10039.299999999999</v>
      </c>
      <c r="F1502">
        <v>9.9930800000000009</v>
      </c>
    </row>
    <row r="1503" spans="1:6" x14ac:dyDescent="0.25">
      <c r="A1503">
        <v>135</v>
      </c>
      <c r="B1503">
        <v>214.93</v>
      </c>
      <c r="C1503">
        <v>7981.8</v>
      </c>
      <c r="D1503">
        <v>2.2000000000000002</v>
      </c>
      <c r="E1503">
        <v>9960.1</v>
      </c>
      <c r="F1503">
        <v>9.7000499999999992</v>
      </c>
    </row>
    <row r="1504" spans="1:6" x14ac:dyDescent="0.25">
      <c r="A1504">
        <v>135</v>
      </c>
      <c r="B1504">
        <v>214.93</v>
      </c>
      <c r="C1504">
        <v>7981.8</v>
      </c>
      <c r="D1504">
        <v>2.5</v>
      </c>
      <c r="E1504">
        <v>9779.24</v>
      </c>
      <c r="F1504">
        <v>9.4641699999999993</v>
      </c>
    </row>
    <row r="1505" spans="1:6" x14ac:dyDescent="0.25">
      <c r="A1505">
        <v>135</v>
      </c>
      <c r="B1505">
        <v>214.93</v>
      </c>
      <c r="C1505">
        <v>7981.8</v>
      </c>
      <c r="D1505">
        <v>2.8</v>
      </c>
      <c r="E1505">
        <v>9635.01</v>
      </c>
      <c r="F1505">
        <v>9.2841000000000005</v>
      </c>
    </row>
    <row r="1506" spans="1:6" x14ac:dyDescent="0.25">
      <c r="A1506">
        <v>135</v>
      </c>
      <c r="B1506">
        <v>214.93</v>
      </c>
      <c r="C1506">
        <v>7981.8</v>
      </c>
      <c r="D1506">
        <v>3.1</v>
      </c>
      <c r="E1506">
        <v>9512.2099999999991</v>
      </c>
      <c r="F1506">
        <v>9.1595899999999997</v>
      </c>
    </row>
    <row r="1507" spans="1:6" x14ac:dyDescent="0.25">
      <c r="A1507">
        <v>135</v>
      </c>
      <c r="B1507">
        <v>214.93</v>
      </c>
      <c r="C1507">
        <v>7981.8</v>
      </c>
      <c r="D1507">
        <v>3.4</v>
      </c>
      <c r="E1507">
        <v>9463.2199999999993</v>
      </c>
      <c r="F1507">
        <v>9.0908899999999999</v>
      </c>
    </row>
    <row r="1508" spans="1:6" x14ac:dyDescent="0.25">
      <c r="A1508">
        <v>135</v>
      </c>
      <c r="B1508">
        <v>214.93</v>
      </c>
      <c r="C1508">
        <v>7981.8</v>
      </c>
      <c r="D1508">
        <v>3.7</v>
      </c>
      <c r="E1508">
        <v>9311.06</v>
      </c>
      <c r="F1508">
        <v>9.0752299999999995</v>
      </c>
    </row>
    <row r="1509" spans="1:6" x14ac:dyDescent="0.25">
      <c r="A1509">
        <v>135</v>
      </c>
      <c r="B1509">
        <v>214.93</v>
      </c>
      <c r="C1509">
        <v>7981.8</v>
      </c>
      <c r="D1509">
        <v>4</v>
      </c>
      <c r="E1509">
        <v>9311.75</v>
      </c>
      <c r="F1509">
        <v>9.1115600000000008</v>
      </c>
    </row>
    <row r="1510" spans="1:6" x14ac:dyDescent="0.25">
      <c r="A1510">
        <v>135</v>
      </c>
      <c r="B1510">
        <v>214.93</v>
      </c>
      <c r="C1510">
        <v>9527.25</v>
      </c>
      <c r="D1510">
        <v>1</v>
      </c>
      <c r="E1510">
        <v>13319.4</v>
      </c>
      <c r="F1510">
        <v>10.9735</v>
      </c>
    </row>
    <row r="1511" spans="1:6" x14ac:dyDescent="0.25">
      <c r="A1511">
        <v>135</v>
      </c>
      <c r="B1511">
        <v>214.93</v>
      </c>
      <c r="C1511">
        <v>9527.25</v>
      </c>
      <c r="D1511">
        <v>1.3</v>
      </c>
      <c r="E1511">
        <v>12541.6</v>
      </c>
      <c r="F1511">
        <v>10.639099999999999</v>
      </c>
    </row>
    <row r="1512" spans="1:6" x14ac:dyDescent="0.25">
      <c r="A1512">
        <v>135</v>
      </c>
      <c r="B1512">
        <v>214.93</v>
      </c>
      <c r="C1512">
        <v>9527.25</v>
      </c>
      <c r="D1512">
        <v>1.6</v>
      </c>
      <c r="E1512">
        <v>12078.2</v>
      </c>
      <c r="F1512">
        <v>10.4512</v>
      </c>
    </row>
    <row r="1513" spans="1:6" x14ac:dyDescent="0.25">
      <c r="A1513">
        <v>135</v>
      </c>
      <c r="B1513">
        <v>214.93</v>
      </c>
      <c r="C1513">
        <v>9527.25</v>
      </c>
      <c r="D1513">
        <v>1.9</v>
      </c>
      <c r="E1513">
        <v>11750.8</v>
      </c>
      <c r="F1513">
        <v>10.456300000000001</v>
      </c>
    </row>
    <row r="1514" spans="1:6" x14ac:dyDescent="0.25">
      <c r="A1514">
        <v>135</v>
      </c>
      <c r="B1514">
        <v>214.93</v>
      </c>
      <c r="C1514">
        <v>9527.25</v>
      </c>
      <c r="D1514">
        <v>2.2000000000000002</v>
      </c>
      <c r="E1514">
        <v>11583.9</v>
      </c>
      <c r="F1514">
        <v>10.446899999999999</v>
      </c>
    </row>
    <row r="1515" spans="1:6" x14ac:dyDescent="0.25">
      <c r="A1515">
        <v>135</v>
      </c>
      <c r="B1515">
        <v>214.93</v>
      </c>
      <c r="C1515">
        <v>9527.25</v>
      </c>
      <c r="D1515">
        <v>2.5</v>
      </c>
      <c r="E1515">
        <v>11384.1</v>
      </c>
      <c r="F1515">
        <v>10.430400000000001</v>
      </c>
    </row>
    <row r="1516" spans="1:6" x14ac:dyDescent="0.25">
      <c r="A1516">
        <v>135</v>
      </c>
      <c r="B1516">
        <v>214.93</v>
      </c>
      <c r="C1516">
        <v>9527.25</v>
      </c>
      <c r="D1516">
        <v>2.8</v>
      </c>
      <c r="E1516">
        <v>11204</v>
      </c>
      <c r="F1516">
        <v>10.4077</v>
      </c>
    </row>
    <row r="1517" spans="1:6" x14ac:dyDescent="0.25">
      <c r="A1517">
        <v>135</v>
      </c>
      <c r="B1517">
        <v>214.93</v>
      </c>
      <c r="C1517">
        <v>9527.25</v>
      </c>
      <c r="D1517">
        <v>3.1</v>
      </c>
      <c r="E1517">
        <v>11153</v>
      </c>
      <c r="F1517">
        <v>10.381</v>
      </c>
    </row>
    <row r="1518" spans="1:6" x14ac:dyDescent="0.25">
      <c r="A1518">
        <v>135</v>
      </c>
      <c r="B1518">
        <v>214.93</v>
      </c>
      <c r="C1518">
        <v>9527.25</v>
      </c>
      <c r="D1518">
        <v>3.4</v>
      </c>
      <c r="E1518">
        <v>10998.1</v>
      </c>
      <c r="F1518">
        <v>10.3527</v>
      </c>
    </row>
    <row r="1519" spans="1:6" x14ac:dyDescent="0.25">
      <c r="A1519">
        <v>135</v>
      </c>
      <c r="B1519">
        <v>214.93</v>
      </c>
      <c r="C1519">
        <v>9527.25</v>
      </c>
      <c r="D1519">
        <v>3.7</v>
      </c>
      <c r="E1519">
        <v>10976.2</v>
      </c>
      <c r="F1519">
        <v>10.3224</v>
      </c>
    </row>
    <row r="1520" spans="1:6" x14ac:dyDescent="0.25">
      <c r="A1520">
        <v>135</v>
      </c>
      <c r="B1520">
        <v>214.93</v>
      </c>
      <c r="C1520">
        <v>9527.25</v>
      </c>
      <c r="D1520">
        <v>4</v>
      </c>
      <c r="E1520">
        <v>10919.6</v>
      </c>
      <c r="F1520">
        <v>10.2911</v>
      </c>
    </row>
    <row r="1521" spans="1:6" x14ac:dyDescent="0.25">
      <c r="A1521">
        <v>135</v>
      </c>
      <c r="B1521">
        <v>214.93</v>
      </c>
      <c r="C1521">
        <v>11072.7</v>
      </c>
      <c r="D1521">
        <v>1</v>
      </c>
      <c r="E1521">
        <v>14906.4</v>
      </c>
      <c r="F1521">
        <v>11.0045</v>
      </c>
    </row>
    <row r="1522" spans="1:6" x14ac:dyDescent="0.25">
      <c r="A1522">
        <v>135</v>
      </c>
      <c r="B1522">
        <v>214.93</v>
      </c>
      <c r="C1522">
        <v>11072.7</v>
      </c>
      <c r="D1522">
        <v>1.3</v>
      </c>
      <c r="E1522">
        <v>14129.9</v>
      </c>
      <c r="F1522">
        <v>11.046200000000001</v>
      </c>
    </row>
    <row r="1523" spans="1:6" x14ac:dyDescent="0.25">
      <c r="A1523">
        <v>135</v>
      </c>
      <c r="B1523">
        <v>214.93</v>
      </c>
      <c r="C1523">
        <v>11072.7</v>
      </c>
      <c r="D1523">
        <v>1.6</v>
      </c>
      <c r="E1523">
        <v>13809.6</v>
      </c>
      <c r="F1523">
        <v>11.0526</v>
      </c>
    </row>
    <row r="1524" spans="1:6" x14ac:dyDescent="0.25">
      <c r="A1524">
        <v>135</v>
      </c>
      <c r="B1524">
        <v>214.93</v>
      </c>
      <c r="C1524">
        <v>11072.7</v>
      </c>
      <c r="D1524">
        <v>1.9</v>
      </c>
      <c r="E1524">
        <v>13381.5</v>
      </c>
      <c r="F1524">
        <v>11.071999999999999</v>
      </c>
    </row>
    <row r="1525" spans="1:6" x14ac:dyDescent="0.25">
      <c r="A1525">
        <v>135</v>
      </c>
      <c r="B1525">
        <v>214.93</v>
      </c>
      <c r="C1525">
        <v>11072.7</v>
      </c>
      <c r="D1525">
        <v>2.2000000000000002</v>
      </c>
      <c r="E1525">
        <v>13076.5</v>
      </c>
      <c r="F1525">
        <v>11.097099999999999</v>
      </c>
    </row>
    <row r="1526" spans="1:6" x14ac:dyDescent="0.25">
      <c r="A1526">
        <v>135</v>
      </c>
      <c r="B1526">
        <v>214.93</v>
      </c>
      <c r="C1526">
        <v>11072.7</v>
      </c>
      <c r="D1526">
        <v>2.5</v>
      </c>
      <c r="E1526">
        <v>12884.4</v>
      </c>
      <c r="F1526">
        <v>11.124000000000001</v>
      </c>
    </row>
    <row r="1527" spans="1:6" x14ac:dyDescent="0.25">
      <c r="A1527">
        <v>135</v>
      </c>
      <c r="B1527">
        <v>214.93</v>
      </c>
      <c r="C1527">
        <v>11072.7</v>
      </c>
      <c r="D1527">
        <v>2.8</v>
      </c>
      <c r="E1527">
        <v>12827.2</v>
      </c>
      <c r="F1527">
        <v>11.1516</v>
      </c>
    </row>
    <row r="1528" spans="1:6" x14ac:dyDescent="0.25">
      <c r="A1528">
        <v>135</v>
      </c>
      <c r="B1528">
        <v>214.93</v>
      </c>
      <c r="C1528">
        <v>11072.7</v>
      </c>
      <c r="D1528">
        <v>3.1</v>
      </c>
      <c r="E1528">
        <v>12650.8</v>
      </c>
      <c r="F1528">
        <v>11.178599999999999</v>
      </c>
    </row>
    <row r="1529" spans="1:6" x14ac:dyDescent="0.25">
      <c r="A1529">
        <v>135</v>
      </c>
      <c r="B1529">
        <v>214.93</v>
      </c>
      <c r="C1529">
        <v>11072.7</v>
      </c>
      <c r="D1529">
        <v>3.4</v>
      </c>
      <c r="E1529">
        <v>12566.9</v>
      </c>
      <c r="F1529">
        <v>11.203900000000001</v>
      </c>
    </row>
    <row r="1530" spans="1:6" x14ac:dyDescent="0.25">
      <c r="A1530">
        <v>135</v>
      </c>
      <c r="B1530">
        <v>214.93</v>
      </c>
      <c r="C1530">
        <v>11072.7</v>
      </c>
      <c r="D1530">
        <v>3.7</v>
      </c>
      <c r="E1530">
        <v>12452</v>
      </c>
      <c r="F1530">
        <v>11.227499999999999</v>
      </c>
    </row>
    <row r="1531" spans="1:6" x14ac:dyDescent="0.25">
      <c r="A1531">
        <v>135</v>
      </c>
      <c r="B1531">
        <v>214.93</v>
      </c>
      <c r="C1531">
        <v>11072.7</v>
      </c>
      <c r="D1531">
        <v>4</v>
      </c>
      <c r="E1531">
        <v>12408.4</v>
      </c>
      <c r="F1531">
        <v>11.249000000000001</v>
      </c>
    </row>
    <row r="1532" spans="1:6" x14ac:dyDescent="0.25">
      <c r="A1532">
        <v>135</v>
      </c>
      <c r="B1532">
        <v>214.93</v>
      </c>
      <c r="C1532">
        <v>12618.2</v>
      </c>
      <c r="D1532">
        <v>1</v>
      </c>
      <c r="E1532">
        <v>16610</v>
      </c>
      <c r="F1532">
        <v>11.0045</v>
      </c>
    </row>
    <row r="1533" spans="1:6" x14ac:dyDescent="0.25">
      <c r="A1533">
        <v>135</v>
      </c>
      <c r="B1533">
        <v>214.93</v>
      </c>
      <c r="C1533">
        <v>12618.2</v>
      </c>
      <c r="D1533">
        <v>1.3</v>
      </c>
      <c r="E1533">
        <v>15885.7</v>
      </c>
      <c r="F1533">
        <v>11.046200000000001</v>
      </c>
    </row>
    <row r="1534" spans="1:6" x14ac:dyDescent="0.25">
      <c r="A1534">
        <v>135</v>
      </c>
      <c r="B1534">
        <v>214.93</v>
      </c>
      <c r="C1534">
        <v>12618.2</v>
      </c>
      <c r="D1534">
        <v>1.6</v>
      </c>
      <c r="E1534">
        <v>15206.7</v>
      </c>
      <c r="F1534">
        <v>11.0526</v>
      </c>
    </row>
    <row r="1535" spans="1:6" x14ac:dyDescent="0.25">
      <c r="A1535">
        <v>135</v>
      </c>
      <c r="B1535">
        <v>214.93</v>
      </c>
      <c r="C1535">
        <v>12618.2</v>
      </c>
      <c r="D1535">
        <v>1.9</v>
      </c>
      <c r="E1535">
        <v>14993.3</v>
      </c>
      <c r="F1535">
        <v>11.071999999999999</v>
      </c>
    </row>
    <row r="1536" spans="1:6" x14ac:dyDescent="0.25">
      <c r="A1536">
        <v>135</v>
      </c>
      <c r="B1536">
        <v>214.93</v>
      </c>
      <c r="C1536">
        <v>12618.2</v>
      </c>
      <c r="D1536">
        <v>2.2000000000000002</v>
      </c>
      <c r="E1536">
        <v>14612.5</v>
      </c>
      <c r="F1536">
        <v>11.097099999999999</v>
      </c>
    </row>
    <row r="1537" spans="1:6" x14ac:dyDescent="0.25">
      <c r="A1537">
        <v>135</v>
      </c>
      <c r="B1537">
        <v>214.93</v>
      </c>
      <c r="C1537">
        <v>12618.2</v>
      </c>
      <c r="D1537">
        <v>2.5</v>
      </c>
      <c r="E1537">
        <v>14467.1</v>
      </c>
      <c r="F1537">
        <v>11.124000000000001</v>
      </c>
    </row>
    <row r="1538" spans="1:6" x14ac:dyDescent="0.25">
      <c r="A1538">
        <v>135</v>
      </c>
      <c r="B1538">
        <v>214.93</v>
      </c>
      <c r="C1538">
        <v>12618.2</v>
      </c>
      <c r="D1538">
        <v>2.8</v>
      </c>
      <c r="E1538">
        <v>14395.3</v>
      </c>
      <c r="F1538">
        <v>11.1516</v>
      </c>
    </row>
    <row r="1539" spans="1:6" x14ac:dyDescent="0.25">
      <c r="A1539">
        <v>135</v>
      </c>
      <c r="B1539">
        <v>214.93</v>
      </c>
      <c r="C1539">
        <v>12618.2</v>
      </c>
      <c r="D1539">
        <v>3.1</v>
      </c>
      <c r="E1539">
        <v>14233.1</v>
      </c>
      <c r="F1539">
        <v>11.178599999999999</v>
      </c>
    </row>
    <row r="1540" spans="1:6" x14ac:dyDescent="0.25">
      <c r="A1540">
        <v>135</v>
      </c>
      <c r="B1540">
        <v>214.93</v>
      </c>
      <c r="C1540">
        <v>12618.2</v>
      </c>
      <c r="D1540">
        <v>3.4</v>
      </c>
      <c r="E1540">
        <v>14099.3</v>
      </c>
      <c r="F1540">
        <v>11.203900000000001</v>
      </c>
    </row>
    <row r="1541" spans="1:6" x14ac:dyDescent="0.25">
      <c r="A1541">
        <v>135</v>
      </c>
      <c r="B1541">
        <v>214.93</v>
      </c>
      <c r="C1541">
        <v>12618.2</v>
      </c>
      <c r="D1541">
        <v>3.7</v>
      </c>
      <c r="E1541">
        <v>14042.9</v>
      </c>
      <c r="F1541">
        <v>11.227499999999999</v>
      </c>
    </row>
    <row r="1542" spans="1:6" x14ac:dyDescent="0.25">
      <c r="A1542">
        <v>135</v>
      </c>
      <c r="B1542">
        <v>214.93</v>
      </c>
      <c r="C1542">
        <v>12618.2</v>
      </c>
      <c r="D1542">
        <v>4</v>
      </c>
      <c r="E1542">
        <v>13933.5</v>
      </c>
      <c r="F1542">
        <v>11.249000000000001</v>
      </c>
    </row>
    <row r="1543" spans="1:6" x14ac:dyDescent="0.25">
      <c r="A1543">
        <v>135</v>
      </c>
      <c r="B1543">
        <v>214.93</v>
      </c>
      <c r="C1543">
        <v>14163.6</v>
      </c>
      <c r="D1543">
        <v>1</v>
      </c>
      <c r="E1543">
        <v>18226.900000000001</v>
      </c>
      <c r="F1543">
        <v>11.0045</v>
      </c>
    </row>
    <row r="1544" spans="1:6" x14ac:dyDescent="0.25">
      <c r="A1544">
        <v>135</v>
      </c>
      <c r="B1544">
        <v>214.93</v>
      </c>
      <c r="C1544">
        <v>14163.6</v>
      </c>
      <c r="D1544">
        <v>1.3</v>
      </c>
      <c r="E1544">
        <v>17331.900000000001</v>
      </c>
      <c r="F1544">
        <v>11.046200000000001</v>
      </c>
    </row>
    <row r="1545" spans="1:6" x14ac:dyDescent="0.25">
      <c r="A1545">
        <v>135</v>
      </c>
      <c r="B1545">
        <v>214.93</v>
      </c>
      <c r="C1545">
        <v>14163.6</v>
      </c>
      <c r="D1545">
        <v>1.6</v>
      </c>
      <c r="E1545">
        <v>16837.7</v>
      </c>
      <c r="F1545">
        <v>11.0526</v>
      </c>
    </row>
    <row r="1546" spans="1:6" x14ac:dyDescent="0.25">
      <c r="A1546">
        <v>135</v>
      </c>
      <c r="B1546">
        <v>214.93</v>
      </c>
      <c r="C1546">
        <v>14163.6</v>
      </c>
      <c r="D1546">
        <v>1.9</v>
      </c>
      <c r="E1546">
        <v>16472</v>
      </c>
      <c r="F1546">
        <v>11.071999999999999</v>
      </c>
    </row>
    <row r="1547" spans="1:6" x14ac:dyDescent="0.25">
      <c r="A1547">
        <v>135</v>
      </c>
      <c r="B1547">
        <v>214.93</v>
      </c>
      <c r="C1547">
        <v>14163.6</v>
      </c>
      <c r="D1547">
        <v>2.2000000000000002</v>
      </c>
      <c r="E1547">
        <v>16291.1</v>
      </c>
      <c r="F1547">
        <v>11.097099999999999</v>
      </c>
    </row>
    <row r="1548" spans="1:6" x14ac:dyDescent="0.25">
      <c r="A1548">
        <v>135</v>
      </c>
      <c r="B1548">
        <v>214.93</v>
      </c>
      <c r="C1548">
        <v>14163.6</v>
      </c>
      <c r="D1548">
        <v>2.5</v>
      </c>
      <c r="E1548">
        <v>16050.8</v>
      </c>
      <c r="F1548">
        <v>11.124000000000001</v>
      </c>
    </row>
    <row r="1549" spans="1:6" x14ac:dyDescent="0.25">
      <c r="A1549">
        <v>135</v>
      </c>
      <c r="B1549">
        <v>214.93</v>
      </c>
      <c r="C1549">
        <v>14163.6</v>
      </c>
      <c r="D1549">
        <v>2.8</v>
      </c>
      <c r="E1549">
        <v>15884.8</v>
      </c>
      <c r="F1549">
        <v>11.1516</v>
      </c>
    </row>
    <row r="1550" spans="1:6" x14ac:dyDescent="0.25">
      <c r="A1550">
        <v>135</v>
      </c>
      <c r="B1550">
        <v>214.93</v>
      </c>
      <c r="C1550">
        <v>14163.6</v>
      </c>
      <c r="D1550">
        <v>3.1</v>
      </c>
      <c r="E1550">
        <v>15708.9</v>
      </c>
      <c r="F1550">
        <v>11.178599999999999</v>
      </c>
    </row>
    <row r="1551" spans="1:6" x14ac:dyDescent="0.25">
      <c r="A1551">
        <v>135</v>
      </c>
      <c r="B1551">
        <v>214.93</v>
      </c>
      <c r="C1551">
        <v>14163.6</v>
      </c>
      <c r="D1551">
        <v>3.4</v>
      </c>
      <c r="E1551">
        <v>15655.7</v>
      </c>
      <c r="F1551">
        <v>11.203900000000001</v>
      </c>
    </row>
    <row r="1552" spans="1:6" x14ac:dyDescent="0.25">
      <c r="A1552">
        <v>135</v>
      </c>
      <c r="B1552">
        <v>214.93</v>
      </c>
      <c r="C1552">
        <v>14163.6</v>
      </c>
      <c r="D1552">
        <v>3.7</v>
      </c>
      <c r="E1552">
        <v>15534.6</v>
      </c>
      <c r="F1552">
        <v>11.227499999999999</v>
      </c>
    </row>
    <row r="1553" spans="1:6" x14ac:dyDescent="0.25">
      <c r="A1553">
        <v>135</v>
      </c>
      <c r="B1553">
        <v>214.93</v>
      </c>
      <c r="C1553">
        <v>14163.6</v>
      </c>
      <c r="D1553">
        <v>4</v>
      </c>
      <c r="E1553">
        <v>15515.9</v>
      </c>
      <c r="F1553">
        <v>11.249000000000001</v>
      </c>
    </row>
    <row r="1554" spans="1:6" x14ac:dyDescent="0.25">
      <c r="A1554">
        <v>135</v>
      </c>
      <c r="B1554">
        <v>214.93</v>
      </c>
      <c r="C1554">
        <v>15709.1</v>
      </c>
      <c r="D1554">
        <v>1</v>
      </c>
      <c r="E1554">
        <v>19549.599999999999</v>
      </c>
      <c r="F1554">
        <v>11.0045</v>
      </c>
    </row>
    <row r="1555" spans="1:6" x14ac:dyDescent="0.25">
      <c r="A1555">
        <v>135</v>
      </c>
      <c r="B1555">
        <v>214.93</v>
      </c>
      <c r="C1555">
        <v>15709.1</v>
      </c>
      <c r="D1555">
        <v>1.3</v>
      </c>
      <c r="E1555">
        <v>18837.2</v>
      </c>
      <c r="F1555">
        <v>11.046200000000001</v>
      </c>
    </row>
    <row r="1556" spans="1:6" x14ac:dyDescent="0.25">
      <c r="A1556">
        <v>135</v>
      </c>
      <c r="B1556">
        <v>214.93</v>
      </c>
      <c r="C1556">
        <v>15709.1</v>
      </c>
      <c r="D1556">
        <v>1.6</v>
      </c>
      <c r="E1556">
        <v>18389.900000000001</v>
      </c>
      <c r="F1556">
        <v>11.0526</v>
      </c>
    </row>
    <row r="1557" spans="1:6" x14ac:dyDescent="0.25">
      <c r="A1557">
        <v>135</v>
      </c>
      <c r="B1557">
        <v>214.93</v>
      </c>
      <c r="C1557">
        <v>15709.1</v>
      </c>
      <c r="D1557">
        <v>1.9</v>
      </c>
      <c r="E1557">
        <v>18054</v>
      </c>
      <c r="F1557">
        <v>11.071999999999999</v>
      </c>
    </row>
    <row r="1558" spans="1:6" x14ac:dyDescent="0.25">
      <c r="A1558">
        <v>135</v>
      </c>
      <c r="B1558">
        <v>214.93</v>
      </c>
      <c r="C1558">
        <v>15709.1</v>
      </c>
      <c r="D1558">
        <v>2.2000000000000002</v>
      </c>
      <c r="E1558">
        <v>17780.2</v>
      </c>
      <c r="F1558">
        <v>11.097099999999999</v>
      </c>
    </row>
    <row r="1559" spans="1:6" x14ac:dyDescent="0.25">
      <c r="A1559">
        <v>135</v>
      </c>
      <c r="B1559">
        <v>214.93</v>
      </c>
      <c r="C1559">
        <v>15709.1</v>
      </c>
      <c r="D1559">
        <v>2.5</v>
      </c>
      <c r="E1559">
        <v>17536.2</v>
      </c>
      <c r="F1559">
        <v>11.124000000000001</v>
      </c>
    </row>
    <row r="1560" spans="1:6" x14ac:dyDescent="0.25">
      <c r="A1560">
        <v>135</v>
      </c>
      <c r="B1560">
        <v>214.93</v>
      </c>
      <c r="C1560">
        <v>15709.1</v>
      </c>
      <c r="D1560">
        <v>2.8</v>
      </c>
      <c r="E1560">
        <v>17457.900000000001</v>
      </c>
      <c r="F1560">
        <v>11.1516</v>
      </c>
    </row>
    <row r="1561" spans="1:6" x14ac:dyDescent="0.25">
      <c r="A1561">
        <v>135</v>
      </c>
      <c r="B1561">
        <v>214.93</v>
      </c>
      <c r="C1561">
        <v>15709.1</v>
      </c>
      <c r="D1561">
        <v>3.1</v>
      </c>
      <c r="E1561">
        <v>17360.3</v>
      </c>
      <c r="F1561">
        <v>11.178599999999999</v>
      </c>
    </row>
    <row r="1562" spans="1:6" x14ac:dyDescent="0.25">
      <c r="A1562">
        <v>135</v>
      </c>
      <c r="B1562">
        <v>214.93</v>
      </c>
      <c r="C1562">
        <v>15709.1</v>
      </c>
      <c r="D1562">
        <v>3.4</v>
      </c>
      <c r="E1562">
        <v>17205.2</v>
      </c>
      <c r="F1562">
        <v>11.203900000000001</v>
      </c>
    </row>
    <row r="1563" spans="1:6" x14ac:dyDescent="0.25">
      <c r="A1563">
        <v>135</v>
      </c>
      <c r="B1563">
        <v>214.93</v>
      </c>
      <c r="C1563">
        <v>15709.1</v>
      </c>
      <c r="D1563">
        <v>3.7</v>
      </c>
      <c r="E1563">
        <v>17088.400000000001</v>
      </c>
      <c r="F1563">
        <v>11.227499999999999</v>
      </c>
    </row>
    <row r="1564" spans="1:6" x14ac:dyDescent="0.25">
      <c r="A1564">
        <v>135</v>
      </c>
      <c r="B1564">
        <v>214.93</v>
      </c>
      <c r="C1564">
        <v>15709.1</v>
      </c>
      <c r="D1564">
        <v>4</v>
      </c>
      <c r="E1564">
        <v>17067.8</v>
      </c>
      <c r="F1564">
        <v>11.249000000000001</v>
      </c>
    </row>
    <row r="1565" spans="1:6" x14ac:dyDescent="0.25">
      <c r="A1565">
        <v>135</v>
      </c>
      <c r="B1565">
        <v>214.93</v>
      </c>
      <c r="C1565">
        <v>17254.5</v>
      </c>
      <c r="D1565">
        <v>1</v>
      </c>
      <c r="E1565">
        <v>21266.3</v>
      </c>
      <c r="F1565">
        <v>11.0045</v>
      </c>
    </row>
    <row r="1566" spans="1:6" x14ac:dyDescent="0.25">
      <c r="A1566">
        <v>135</v>
      </c>
      <c r="B1566">
        <v>214.93</v>
      </c>
      <c r="C1566">
        <v>17254.5</v>
      </c>
      <c r="D1566">
        <v>1.3</v>
      </c>
      <c r="E1566">
        <v>20350.5</v>
      </c>
      <c r="F1566">
        <v>11.046200000000001</v>
      </c>
    </row>
    <row r="1567" spans="1:6" x14ac:dyDescent="0.25">
      <c r="A1567">
        <v>135</v>
      </c>
      <c r="B1567">
        <v>214.93</v>
      </c>
      <c r="C1567">
        <v>17254.5</v>
      </c>
      <c r="D1567">
        <v>1.6</v>
      </c>
      <c r="E1567">
        <v>19845.900000000001</v>
      </c>
      <c r="F1567">
        <v>11.0526</v>
      </c>
    </row>
    <row r="1568" spans="1:6" x14ac:dyDescent="0.25">
      <c r="A1568">
        <v>135</v>
      </c>
      <c r="B1568">
        <v>214.93</v>
      </c>
      <c r="C1568">
        <v>17254.5</v>
      </c>
      <c r="D1568">
        <v>1.9</v>
      </c>
      <c r="E1568">
        <v>19612.5</v>
      </c>
      <c r="F1568">
        <v>11.071999999999999</v>
      </c>
    </row>
    <row r="1569" spans="1:6" x14ac:dyDescent="0.25">
      <c r="A1569">
        <v>135</v>
      </c>
      <c r="B1569">
        <v>214.93</v>
      </c>
      <c r="C1569">
        <v>17254.5</v>
      </c>
      <c r="D1569">
        <v>2.2000000000000002</v>
      </c>
      <c r="E1569">
        <v>19308.900000000001</v>
      </c>
      <c r="F1569">
        <v>11.097099999999999</v>
      </c>
    </row>
    <row r="1570" spans="1:6" x14ac:dyDescent="0.25">
      <c r="A1570">
        <v>135</v>
      </c>
      <c r="B1570">
        <v>214.93</v>
      </c>
      <c r="C1570">
        <v>17254.5</v>
      </c>
      <c r="D1570">
        <v>2.5</v>
      </c>
      <c r="E1570">
        <v>19088.7</v>
      </c>
      <c r="F1570">
        <v>11.124000000000001</v>
      </c>
    </row>
    <row r="1571" spans="1:6" x14ac:dyDescent="0.25">
      <c r="A1571">
        <v>135</v>
      </c>
      <c r="B1571">
        <v>214.93</v>
      </c>
      <c r="C1571">
        <v>17254.5</v>
      </c>
      <c r="D1571">
        <v>2.8</v>
      </c>
      <c r="E1571">
        <v>19002.2</v>
      </c>
      <c r="F1571">
        <v>11.1516</v>
      </c>
    </row>
    <row r="1572" spans="1:6" x14ac:dyDescent="0.25">
      <c r="A1572">
        <v>135</v>
      </c>
      <c r="B1572">
        <v>214.93</v>
      </c>
      <c r="C1572">
        <v>17254.5</v>
      </c>
      <c r="D1572">
        <v>3.1</v>
      </c>
      <c r="E1572">
        <v>18835.900000000001</v>
      </c>
      <c r="F1572">
        <v>11.178599999999999</v>
      </c>
    </row>
    <row r="1573" spans="1:6" x14ac:dyDescent="0.25">
      <c r="A1573">
        <v>135</v>
      </c>
      <c r="B1573">
        <v>214.93</v>
      </c>
      <c r="C1573">
        <v>17254.5</v>
      </c>
      <c r="D1573">
        <v>3.4</v>
      </c>
      <c r="E1573">
        <v>18749.7</v>
      </c>
      <c r="F1573">
        <v>11.203900000000001</v>
      </c>
    </row>
    <row r="1574" spans="1:6" x14ac:dyDescent="0.25">
      <c r="A1574">
        <v>135</v>
      </c>
      <c r="B1574">
        <v>214.93</v>
      </c>
      <c r="C1574">
        <v>17254.5</v>
      </c>
      <c r="D1574">
        <v>3.7</v>
      </c>
      <c r="E1574">
        <v>18610.3</v>
      </c>
      <c r="F1574">
        <v>11.227499999999999</v>
      </c>
    </row>
    <row r="1575" spans="1:6" x14ac:dyDescent="0.25">
      <c r="A1575">
        <v>135</v>
      </c>
      <c r="B1575">
        <v>214.93</v>
      </c>
      <c r="C1575">
        <v>17254.5</v>
      </c>
      <c r="D1575">
        <v>4</v>
      </c>
      <c r="E1575">
        <v>18570.8</v>
      </c>
      <c r="F1575">
        <v>11.249000000000001</v>
      </c>
    </row>
    <row r="1576" spans="1:6" x14ac:dyDescent="0.25">
      <c r="A1576">
        <v>135</v>
      </c>
      <c r="B1576">
        <v>214.93</v>
      </c>
      <c r="C1576">
        <v>18800</v>
      </c>
      <c r="D1576">
        <v>1</v>
      </c>
      <c r="E1576">
        <v>22766.6</v>
      </c>
      <c r="F1576">
        <v>11.0045</v>
      </c>
    </row>
    <row r="1577" spans="1:6" x14ac:dyDescent="0.25">
      <c r="A1577">
        <v>135</v>
      </c>
      <c r="B1577">
        <v>214.93</v>
      </c>
      <c r="C1577">
        <v>18800</v>
      </c>
      <c r="D1577">
        <v>1.3</v>
      </c>
      <c r="E1577">
        <v>21839.5</v>
      </c>
      <c r="F1577">
        <v>11.046200000000001</v>
      </c>
    </row>
    <row r="1578" spans="1:6" x14ac:dyDescent="0.25">
      <c r="A1578">
        <v>135</v>
      </c>
      <c r="B1578">
        <v>214.93</v>
      </c>
      <c r="C1578">
        <v>18800</v>
      </c>
      <c r="D1578">
        <v>1.6</v>
      </c>
      <c r="E1578">
        <v>21357.4</v>
      </c>
      <c r="F1578">
        <v>11.0526</v>
      </c>
    </row>
    <row r="1579" spans="1:6" x14ac:dyDescent="0.25">
      <c r="A1579">
        <v>135</v>
      </c>
      <c r="B1579">
        <v>214.93</v>
      </c>
      <c r="C1579">
        <v>18800</v>
      </c>
      <c r="D1579">
        <v>1.9</v>
      </c>
      <c r="E1579">
        <v>21125.9</v>
      </c>
      <c r="F1579">
        <v>11.071999999999999</v>
      </c>
    </row>
    <row r="1580" spans="1:6" x14ac:dyDescent="0.25">
      <c r="A1580">
        <v>135</v>
      </c>
      <c r="B1580">
        <v>214.93</v>
      </c>
      <c r="C1580">
        <v>18800</v>
      </c>
      <c r="D1580">
        <v>2.2000000000000002</v>
      </c>
      <c r="E1580">
        <v>20889.900000000001</v>
      </c>
      <c r="F1580">
        <v>11.097099999999999</v>
      </c>
    </row>
    <row r="1581" spans="1:6" x14ac:dyDescent="0.25">
      <c r="A1581">
        <v>135</v>
      </c>
      <c r="B1581">
        <v>214.93</v>
      </c>
      <c r="C1581">
        <v>18800</v>
      </c>
      <c r="D1581">
        <v>2.5</v>
      </c>
      <c r="E1581">
        <v>20626.8</v>
      </c>
      <c r="F1581">
        <v>11.124000000000001</v>
      </c>
    </row>
    <row r="1582" spans="1:6" x14ac:dyDescent="0.25">
      <c r="A1582">
        <v>135</v>
      </c>
      <c r="B1582">
        <v>214.93</v>
      </c>
      <c r="C1582">
        <v>18800</v>
      </c>
      <c r="D1582">
        <v>2.8</v>
      </c>
      <c r="E1582">
        <v>20549.099999999999</v>
      </c>
      <c r="F1582">
        <v>11.1516</v>
      </c>
    </row>
    <row r="1583" spans="1:6" x14ac:dyDescent="0.25">
      <c r="A1583">
        <v>135</v>
      </c>
      <c r="B1583">
        <v>214.93</v>
      </c>
      <c r="C1583">
        <v>18800</v>
      </c>
      <c r="D1583">
        <v>3.1</v>
      </c>
      <c r="E1583">
        <v>20376.2</v>
      </c>
      <c r="F1583">
        <v>11.178599999999999</v>
      </c>
    </row>
    <row r="1584" spans="1:6" x14ac:dyDescent="0.25">
      <c r="A1584">
        <v>135</v>
      </c>
      <c r="B1584">
        <v>214.93</v>
      </c>
      <c r="C1584">
        <v>18800</v>
      </c>
      <c r="D1584">
        <v>3.4</v>
      </c>
      <c r="E1584">
        <v>20314.8</v>
      </c>
      <c r="F1584">
        <v>11.203900000000001</v>
      </c>
    </row>
    <row r="1585" spans="1:6" x14ac:dyDescent="0.25">
      <c r="A1585">
        <v>135</v>
      </c>
      <c r="B1585">
        <v>214.93</v>
      </c>
      <c r="C1585">
        <v>18800</v>
      </c>
      <c r="D1585">
        <v>3.7</v>
      </c>
      <c r="E1585">
        <v>20181.400000000001</v>
      </c>
      <c r="F1585">
        <v>11.227499999999999</v>
      </c>
    </row>
    <row r="1586" spans="1:6" x14ac:dyDescent="0.25">
      <c r="A1586">
        <v>135</v>
      </c>
      <c r="B1586">
        <v>214.93</v>
      </c>
      <c r="C1586">
        <v>18800</v>
      </c>
      <c r="D1586">
        <v>4</v>
      </c>
      <c r="E1586">
        <v>20153.400000000001</v>
      </c>
      <c r="F1586">
        <v>11.249000000000001</v>
      </c>
    </row>
    <row r="1587" spans="1:6" x14ac:dyDescent="0.25">
      <c r="A1587">
        <v>138.63</v>
      </c>
      <c r="B1587">
        <v>175</v>
      </c>
      <c r="C1587">
        <v>1800</v>
      </c>
      <c r="D1587">
        <v>1</v>
      </c>
      <c r="E1587">
        <v>5834.96</v>
      </c>
      <c r="F1587">
        <v>61.015300000000003</v>
      </c>
    </row>
    <row r="1588" spans="1:6" x14ac:dyDescent="0.25">
      <c r="A1588">
        <v>138.63</v>
      </c>
      <c r="B1588">
        <v>175</v>
      </c>
      <c r="C1588">
        <v>1800</v>
      </c>
      <c r="D1588">
        <v>1.3</v>
      </c>
      <c r="E1588">
        <v>5322.64</v>
      </c>
      <c r="F1588">
        <v>79.069599999999994</v>
      </c>
    </row>
    <row r="1589" spans="1:6" x14ac:dyDescent="0.25">
      <c r="A1589">
        <v>138.63</v>
      </c>
      <c r="B1589">
        <v>175</v>
      </c>
      <c r="C1589">
        <v>1800</v>
      </c>
      <c r="D1589">
        <v>1.6</v>
      </c>
      <c r="E1589">
        <v>5019.75</v>
      </c>
      <c r="F1589">
        <v>82.563800000000001</v>
      </c>
    </row>
    <row r="1590" spans="1:6" x14ac:dyDescent="0.25">
      <c r="A1590">
        <v>138.63</v>
      </c>
      <c r="B1590">
        <v>175</v>
      </c>
      <c r="C1590">
        <v>1800</v>
      </c>
      <c r="D1590">
        <v>1.9</v>
      </c>
      <c r="E1590">
        <v>4787.59</v>
      </c>
      <c r="F1590">
        <v>88.564499999999995</v>
      </c>
    </row>
    <row r="1591" spans="1:6" x14ac:dyDescent="0.25">
      <c r="A1591">
        <v>138.63</v>
      </c>
      <c r="B1591">
        <v>175</v>
      </c>
      <c r="C1591">
        <v>1800</v>
      </c>
      <c r="D1591">
        <v>2.2000000000000002</v>
      </c>
      <c r="E1591">
        <v>4742.67</v>
      </c>
      <c r="F1591">
        <v>90.2333</v>
      </c>
    </row>
    <row r="1592" spans="1:6" x14ac:dyDescent="0.25">
      <c r="A1592">
        <v>138.63</v>
      </c>
      <c r="B1592">
        <v>175</v>
      </c>
      <c r="C1592">
        <v>1800</v>
      </c>
      <c r="D1592">
        <v>2.5</v>
      </c>
      <c r="E1592">
        <v>4604.58</v>
      </c>
      <c r="F1592">
        <v>92.266999999999996</v>
      </c>
    </row>
    <row r="1593" spans="1:6" x14ac:dyDescent="0.25">
      <c r="A1593">
        <v>138.63</v>
      </c>
      <c r="B1593">
        <v>175</v>
      </c>
      <c r="C1593">
        <v>1800</v>
      </c>
      <c r="D1593">
        <v>2.8</v>
      </c>
      <c r="E1593">
        <v>4486.1499999999996</v>
      </c>
      <c r="F1593">
        <v>93.706999999999994</v>
      </c>
    </row>
    <row r="1594" spans="1:6" x14ac:dyDescent="0.25">
      <c r="A1594">
        <v>138.63</v>
      </c>
      <c r="B1594">
        <v>175</v>
      </c>
      <c r="C1594">
        <v>1800</v>
      </c>
      <c r="D1594">
        <v>3.1</v>
      </c>
      <c r="E1594">
        <v>4395.28</v>
      </c>
      <c r="F1594">
        <v>94.7179</v>
      </c>
    </row>
    <row r="1595" spans="1:6" x14ac:dyDescent="0.25">
      <c r="A1595">
        <v>138.63</v>
      </c>
      <c r="B1595">
        <v>175</v>
      </c>
      <c r="C1595">
        <v>1800</v>
      </c>
      <c r="D1595">
        <v>3.4</v>
      </c>
      <c r="E1595">
        <v>4345.5</v>
      </c>
      <c r="F1595">
        <v>94.819100000000006</v>
      </c>
    </row>
    <row r="1596" spans="1:6" x14ac:dyDescent="0.25">
      <c r="A1596">
        <v>138.63</v>
      </c>
      <c r="B1596">
        <v>175</v>
      </c>
      <c r="C1596">
        <v>1800</v>
      </c>
      <c r="D1596">
        <v>3.7</v>
      </c>
      <c r="E1596">
        <v>4317.07</v>
      </c>
      <c r="F1596">
        <v>94.028199999999998</v>
      </c>
    </row>
    <row r="1597" spans="1:6" x14ac:dyDescent="0.25">
      <c r="A1597">
        <v>138.63</v>
      </c>
      <c r="B1597">
        <v>175</v>
      </c>
      <c r="C1597">
        <v>1800</v>
      </c>
      <c r="D1597">
        <v>4</v>
      </c>
      <c r="E1597">
        <v>4252.8100000000004</v>
      </c>
      <c r="F1597">
        <v>91.912300000000002</v>
      </c>
    </row>
    <row r="1598" spans="1:6" x14ac:dyDescent="0.25">
      <c r="A1598">
        <v>138.63</v>
      </c>
      <c r="B1598">
        <v>175</v>
      </c>
      <c r="C1598">
        <v>3345.45</v>
      </c>
      <c r="D1598">
        <v>1</v>
      </c>
      <c r="E1598">
        <v>7002.39</v>
      </c>
      <c r="F1598">
        <v>32.992199999999997</v>
      </c>
    </row>
    <row r="1599" spans="1:6" x14ac:dyDescent="0.25">
      <c r="A1599">
        <v>138.63</v>
      </c>
      <c r="B1599">
        <v>175</v>
      </c>
      <c r="C1599">
        <v>3345.45</v>
      </c>
      <c r="D1599">
        <v>1.3</v>
      </c>
      <c r="E1599">
        <v>6459.45</v>
      </c>
      <c r="F1599">
        <v>46.147399999999998</v>
      </c>
    </row>
    <row r="1600" spans="1:6" x14ac:dyDescent="0.25">
      <c r="A1600">
        <v>138.63</v>
      </c>
      <c r="B1600">
        <v>175</v>
      </c>
      <c r="C1600">
        <v>3345.45</v>
      </c>
      <c r="D1600">
        <v>1.6</v>
      </c>
      <c r="E1600">
        <v>6193.71</v>
      </c>
      <c r="F1600">
        <v>55.268900000000002</v>
      </c>
    </row>
    <row r="1601" spans="1:6" x14ac:dyDescent="0.25">
      <c r="A1601">
        <v>138.63</v>
      </c>
      <c r="B1601">
        <v>175</v>
      </c>
      <c r="C1601">
        <v>3345.45</v>
      </c>
      <c r="D1601">
        <v>1.9</v>
      </c>
      <c r="E1601">
        <v>6067.29</v>
      </c>
      <c r="F1601">
        <v>64.024600000000007</v>
      </c>
    </row>
    <row r="1602" spans="1:6" x14ac:dyDescent="0.25">
      <c r="A1602">
        <v>138.63</v>
      </c>
      <c r="B1602">
        <v>175</v>
      </c>
      <c r="C1602">
        <v>3345.45</v>
      </c>
      <c r="D1602">
        <v>2.2000000000000002</v>
      </c>
      <c r="E1602">
        <v>5882.71</v>
      </c>
      <c r="F1602">
        <v>66.493200000000002</v>
      </c>
    </row>
    <row r="1603" spans="1:6" x14ac:dyDescent="0.25">
      <c r="A1603">
        <v>138.63</v>
      </c>
      <c r="B1603">
        <v>175</v>
      </c>
      <c r="C1603">
        <v>3345.45</v>
      </c>
      <c r="D1603">
        <v>2.5</v>
      </c>
      <c r="E1603">
        <v>5792.57</v>
      </c>
      <c r="F1603">
        <v>71.617099999999994</v>
      </c>
    </row>
    <row r="1604" spans="1:6" x14ac:dyDescent="0.25">
      <c r="A1604">
        <v>138.63</v>
      </c>
      <c r="B1604">
        <v>175</v>
      </c>
      <c r="C1604">
        <v>3345.45</v>
      </c>
      <c r="D1604">
        <v>2.8</v>
      </c>
      <c r="E1604">
        <v>5710.54</v>
      </c>
      <c r="F1604">
        <v>72.290700000000001</v>
      </c>
    </row>
    <row r="1605" spans="1:6" x14ac:dyDescent="0.25">
      <c r="A1605">
        <v>138.63</v>
      </c>
      <c r="B1605">
        <v>175</v>
      </c>
      <c r="C1605">
        <v>3345.45</v>
      </c>
      <c r="D1605">
        <v>3.1</v>
      </c>
      <c r="E1605">
        <v>5556.71</v>
      </c>
      <c r="F1605">
        <v>75.990399999999994</v>
      </c>
    </row>
    <row r="1606" spans="1:6" x14ac:dyDescent="0.25">
      <c r="A1606">
        <v>138.63</v>
      </c>
      <c r="B1606">
        <v>175</v>
      </c>
      <c r="C1606">
        <v>3345.45</v>
      </c>
      <c r="D1606">
        <v>3.4</v>
      </c>
      <c r="E1606">
        <v>5512.21</v>
      </c>
      <c r="F1606">
        <v>75.316000000000003</v>
      </c>
    </row>
    <row r="1607" spans="1:6" x14ac:dyDescent="0.25">
      <c r="A1607">
        <v>138.63</v>
      </c>
      <c r="B1607">
        <v>175</v>
      </c>
      <c r="C1607">
        <v>3345.45</v>
      </c>
      <c r="D1607">
        <v>3.7</v>
      </c>
      <c r="E1607">
        <v>5440.66</v>
      </c>
      <c r="F1607">
        <v>77.725700000000003</v>
      </c>
    </row>
    <row r="1608" spans="1:6" x14ac:dyDescent="0.25">
      <c r="A1608">
        <v>138.63</v>
      </c>
      <c r="B1608">
        <v>175</v>
      </c>
      <c r="C1608">
        <v>3345.45</v>
      </c>
      <c r="D1608">
        <v>4</v>
      </c>
      <c r="E1608">
        <v>5417.49</v>
      </c>
      <c r="F1608">
        <v>76.652100000000004</v>
      </c>
    </row>
    <row r="1609" spans="1:6" x14ac:dyDescent="0.25">
      <c r="A1609">
        <v>138.63</v>
      </c>
      <c r="B1609">
        <v>175</v>
      </c>
      <c r="C1609">
        <v>4890.8999999999996</v>
      </c>
      <c r="D1609">
        <v>1</v>
      </c>
      <c r="E1609">
        <v>8214.94</v>
      </c>
      <c r="F1609">
        <v>15.187900000000001</v>
      </c>
    </row>
    <row r="1610" spans="1:6" x14ac:dyDescent="0.25">
      <c r="A1610">
        <v>138.63</v>
      </c>
      <c r="B1610">
        <v>175</v>
      </c>
      <c r="C1610">
        <v>4890.8999999999996</v>
      </c>
      <c r="D1610">
        <v>1.3</v>
      </c>
      <c r="E1610">
        <v>7883.41</v>
      </c>
      <c r="F1610">
        <v>18.567599999999999</v>
      </c>
    </row>
    <row r="1611" spans="1:6" x14ac:dyDescent="0.25">
      <c r="A1611">
        <v>138.63</v>
      </c>
      <c r="B1611">
        <v>175</v>
      </c>
      <c r="C1611">
        <v>4890.8999999999996</v>
      </c>
      <c r="D1611">
        <v>1.6</v>
      </c>
      <c r="E1611">
        <v>7529.32</v>
      </c>
      <c r="F1611">
        <v>25.656700000000001</v>
      </c>
    </row>
    <row r="1612" spans="1:6" x14ac:dyDescent="0.25">
      <c r="A1612">
        <v>138.63</v>
      </c>
      <c r="B1612">
        <v>175</v>
      </c>
      <c r="C1612">
        <v>4890.8999999999996</v>
      </c>
      <c r="D1612">
        <v>1.9</v>
      </c>
      <c r="E1612">
        <v>7189.93</v>
      </c>
      <c r="F1612">
        <v>29.871600000000001</v>
      </c>
    </row>
    <row r="1613" spans="1:6" x14ac:dyDescent="0.25">
      <c r="A1613">
        <v>138.63</v>
      </c>
      <c r="B1613">
        <v>175</v>
      </c>
      <c r="C1613">
        <v>4890.8999999999996</v>
      </c>
      <c r="D1613">
        <v>2.2000000000000002</v>
      </c>
      <c r="E1613">
        <v>7198.42</v>
      </c>
      <c r="F1613">
        <v>33.423999999999999</v>
      </c>
    </row>
    <row r="1614" spans="1:6" x14ac:dyDescent="0.25">
      <c r="A1614">
        <v>138.63</v>
      </c>
      <c r="B1614">
        <v>175</v>
      </c>
      <c r="C1614">
        <v>4890.8999999999996</v>
      </c>
      <c r="D1614">
        <v>2.5</v>
      </c>
      <c r="E1614">
        <v>6953.3</v>
      </c>
      <c r="F1614">
        <v>37.728099999999998</v>
      </c>
    </row>
    <row r="1615" spans="1:6" x14ac:dyDescent="0.25">
      <c r="A1615">
        <v>138.63</v>
      </c>
      <c r="B1615">
        <v>175</v>
      </c>
      <c r="C1615">
        <v>4890.8999999999996</v>
      </c>
      <c r="D1615">
        <v>2.8</v>
      </c>
      <c r="E1615">
        <v>6866.54</v>
      </c>
      <c r="F1615">
        <v>40.254899999999999</v>
      </c>
    </row>
    <row r="1616" spans="1:6" x14ac:dyDescent="0.25">
      <c r="A1616">
        <v>138.63</v>
      </c>
      <c r="B1616">
        <v>175</v>
      </c>
      <c r="C1616">
        <v>4890.8999999999996</v>
      </c>
      <c r="D1616">
        <v>3.1</v>
      </c>
      <c r="E1616">
        <v>6807.95</v>
      </c>
      <c r="F1616">
        <v>42.532699999999998</v>
      </c>
    </row>
    <row r="1617" spans="1:6" x14ac:dyDescent="0.25">
      <c r="A1617">
        <v>138.63</v>
      </c>
      <c r="B1617">
        <v>175</v>
      </c>
      <c r="C1617">
        <v>4890.8999999999996</v>
      </c>
      <c r="D1617">
        <v>3.4</v>
      </c>
      <c r="E1617">
        <v>6752.88</v>
      </c>
      <c r="F1617">
        <v>44.866300000000003</v>
      </c>
    </row>
    <row r="1618" spans="1:6" x14ac:dyDescent="0.25">
      <c r="A1618">
        <v>138.63</v>
      </c>
      <c r="B1618">
        <v>175</v>
      </c>
      <c r="C1618">
        <v>4890.8999999999996</v>
      </c>
      <c r="D1618">
        <v>3.7</v>
      </c>
      <c r="E1618">
        <v>6752.61</v>
      </c>
      <c r="F1618">
        <v>46.2592</v>
      </c>
    </row>
    <row r="1619" spans="1:6" x14ac:dyDescent="0.25">
      <c r="A1619">
        <v>138.63</v>
      </c>
      <c r="B1619">
        <v>175</v>
      </c>
      <c r="C1619">
        <v>4890.8999999999996</v>
      </c>
      <c r="D1619">
        <v>4</v>
      </c>
      <c r="E1619">
        <v>6715.14</v>
      </c>
      <c r="F1619">
        <v>47.331299999999999</v>
      </c>
    </row>
    <row r="1620" spans="1:6" x14ac:dyDescent="0.25">
      <c r="A1620">
        <v>138.63</v>
      </c>
      <c r="B1620">
        <v>175</v>
      </c>
      <c r="C1620">
        <v>6436.35</v>
      </c>
      <c r="D1620">
        <v>1</v>
      </c>
      <c r="E1620">
        <v>10136.700000000001</v>
      </c>
      <c r="F1620">
        <v>11.4657</v>
      </c>
    </row>
    <row r="1621" spans="1:6" x14ac:dyDescent="0.25">
      <c r="A1621">
        <v>138.63</v>
      </c>
      <c r="B1621">
        <v>175</v>
      </c>
      <c r="C1621">
        <v>6436.35</v>
      </c>
      <c r="D1621">
        <v>1.3</v>
      </c>
      <c r="E1621">
        <v>9334.8799999999992</v>
      </c>
      <c r="F1621">
        <v>12.131600000000001</v>
      </c>
    </row>
    <row r="1622" spans="1:6" x14ac:dyDescent="0.25">
      <c r="A1622">
        <v>138.63</v>
      </c>
      <c r="B1622">
        <v>175</v>
      </c>
      <c r="C1622">
        <v>6436.35</v>
      </c>
      <c r="D1622">
        <v>1.6</v>
      </c>
      <c r="E1622">
        <v>9029.4</v>
      </c>
      <c r="F1622">
        <v>11.943899999999999</v>
      </c>
    </row>
    <row r="1623" spans="1:6" x14ac:dyDescent="0.25">
      <c r="A1623">
        <v>138.63</v>
      </c>
      <c r="B1623">
        <v>175</v>
      </c>
      <c r="C1623">
        <v>6436.35</v>
      </c>
      <c r="D1623">
        <v>1.9</v>
      </c>
      <c r="E1623">
        <v>8497.39</v>
      </c>
      <c r="F1623">
        <v>11.645799999999999</v>
      </c>
    </row>
    <row r="1624" spans="1:6" x14ac:dyDescent="0.25">
      <c r="A1624">
        <v>138.63</v>
      </c>
      <c r="B1624">
        <v>175</v>
      </c>
      <c r="C1624">
        <v>6436.35</v>
      </c>
      <c r="D1624">
        <v>2.2000000000000002</v>
      </c>
      <c r="E1624">
        <v>8542.84</v>
      </c>
      <c r="F1624">
        <v>11.2128</v>
      </c>
    </row>
    <row r="1625" spans="1:6" x14ac:dyDescent="0.25">
      <c r="A1625">
        <v>138.63</v>
      </c>
      <c r="B1625">
        <v>175</v>
      </c>
      <c r="C1625">
        <v>6436.35</v>
      </c>
      <c r="D1625">
        <v>2.5</v>
      </c>
      <c r="E1625">
        <v>8326.77</v>
      </c>
      <c r="F1625">
        <v>12.474299999999999</v>
      </c>
    </row>
    <row r="1626" spans="1:6" x14ac:dyDescent="0.25">
      <c r="A1626">
        <v>138.63</v>
      </c>
      <c r="B1626">
        <v>175</v>
      </c>
      <c r="C1626">
        <v>6436.35</v>
      </c>
      <c r="D1626">
        <v>2.8</v>
      </c>
      <c r="E1626">
        <v>8153.71</v>
      </c>
      <c r="F1626">
        <v>13.6965</v>
      </c>
    </row>
    <row r="1627" spans="1:6" x14ac:dyDescent="0.25">
      <c r="A1627">
        <v>138.63</v>
      </c>
      <c r="B1627">
        <v>175</v>
      </c>
      <c r="C1627">
        <v>6436.35</v>
      </c>
      <c r="D1627">
        <v>3.1</v>
      </c>
      <c r="E1627">
        <v>8093.65</v>
      </c>
      <c r="F1627">
        <v>14.5238</v>
      </c>
    </row>
    <row r="1628" spans="1:6" x14ac:dyDescent="0.25">
      <c r="A1628">
        <v>138.63</v>
      </c>
      <c r="B1628">
        <v>175</v>
      </c>
      <c r="C1628">
        <v>6436.35</v>
      </c>
      <c r="D1628">
        <v>3.4</v>
      </c>
      <c r="E1628">
        <v>8282.59</v>
      </c>
      <c r="F1628">
        <v>15.8323</v>
      </c>
    </row>
    <row r="1629" spans="1:6" x14ac:dyDescent="0.25">
      <c r="A1629">
        <v>138.63</v>
      </c>
      <c r="B1629">
        <v>175</v>
      </c>
      <c r="C1629">
        <v>6436.35</v>
      </c>
      <c r="D1629">
        <v>3.7</v>
      </c>
      <c r="E1629">
        <v>8120.78</v>
      </c>
      <c r="F1629">
        <v>16.9194</v>
      </c>
    </row>
    <row r="1630" spans="1:6" x14ac:dyDescent="0.25">
      <c r="A1630">
        <v>138.63</v>
      </c>
      <c r="B1630">
        <v>175</v>
      </c>
      <c r="C1630">
        <v>6436.35</v>
      </c>
      <c r="D1630">
        <v>4</v>
      </c>
      <c r="E1630">
        <v>8095.8</v>
      </c>
      <c r="F1630">
        <v>17.552900000000001</v>
      </c>
    </row>
    <row r="1631" spans="1:6" x14ac:dyDescent="0.25">
      <c r="A1631">
        <v>138.63</v>
      </c>
      <c r="B1631">
        <v>175</v>
      </c>
      <c r="C1631">
        <v>7981.8</v>
      </c>
      <c r="D1631">
        <v>1</v>
      </c>
      <c r="E1631">
        <v>12298.5</v>
      </c>
      <c r="F1631">
        <v>13.580500000000001</v>
      </c>
    </row>
    <row r="1632" spans="1:6" x14ac:dyDescent="0.25">
      <c r="A1632">
        <v>138.63</v>
      </c>
      <c r="B1632">
        <v>175</v>
      </c>
      <c r="C1632">
        <v>7981.8</v>
      </c>
      <c r="D1632">
        <v>1.3</v>
      </c>
      <c r="E1632">
        <v>11395.1</v>
      </c>
      <c r="F1632">
        <v>12.8447</v>
      </c>
    </row>
    <row r="1633" spans="1:6" x14ac:dyDescent="0.25">
      <c r="A1633">
        <v>138.63</v>
      </c>
      <c r="B1633">
        <v>175</v>
      </c>
      <c r="C1633">
        <v>7981.8</v>
      </c>
      <c r="D1633">
        <v>1.6</v>
      </c>
      <c r="E1633">
        <v>10661.9</v>
      </c>
      <c r="F1633">
        <v>12.911199999999999</v>
      </c>
    </row>
    <row r="1634" spans="1:6" x14ac:dyDescent="0.25">
      <c r="A1634">
        <v>138.63</v>
      </c>
      <c r="B1634">
        <v>175</v>
      </c>
      <c r="C1634">
        <v>7981.8</v>
      </c>
      <c r="D1634">
        <v>1.9</v>
      </c>
      <c r="E1634">
        <v>10549.9</v>
      </c>
      <c r="F1634">
        <v>13.7072</v>
      </c>
    </row>
    <row r="1635" spans="1:6" x14ac:dyDescent="0.25">
      <c r="A1635">
        <v>138.63</v>
      </c>
      <c r="B1635">
        <v>175</v>
      </c>
      <c r="C1635">
        <v>7981.8</v>
      </c>
      <c r="D1635">
        <v>2.2000000000000002</v>
      </c>
      <c r="E1635">
        <v>10388.299999999999</v>
      </c>
      <c r="F1635">
        <v>13.726000000000001</v>
      </c>
    </row>
    <row r="1636" spans="1:6" x14ac:dyDescent="0.25">
      <c r="A1636">
        <v>138.63</v>
      </c>
      <c r="B1636">
        <v>175</v>
      </c>
      <c r="C1636">
        <v>7981.8</v>
      </c>
      <c r="D1636">
        <v>2.5</v>
      </c>
      <c r="E1636">
        <v>10133.4</v>
      </c>
      <c r="F1636">
        <v>13.739100000000001</v>
      </c>
    </row>
    <row r="1637" spans="1:6" x14ac:dyDescent="0.25">
      <c r="A1637">
        <v>138.63</v>
      </c>
      <c r="B1637">
        <v>175</v>
      </c>
      <c r="C1637">
        <v>7981.8</v>
      </c>
      <c r="D1637">
        <v>2.8</v>
      </c>
      <c r="E1637">
        <v>10000.1</v>
      </c>
      <c r="F1637">
        <v>13.7453</v>
      </c>
    </row>
    <row r="1638" spans="1:6" x14ac:dyDescent="0.25">
      <c r="A1638">
        <v>138.63</v>
      </c>
      <c r="B1638">
        <v>175</v>
      </c>
      <c r="C1638">
        <v>7981.8</v>
      </c>
      <c r="D1638">
        <v>3.1</v>
      </c>
      <c r="E1638">
        <v>9803.7800000000007</v>
      </c>
      <c r="F1638">
        <v>13.7502</v>
      </c>
    </row>
    <row r="1639" spans="1:6" x14ac:dyDescent="0.25">
      <c r="A1639">
        <v>138.63</v>
      </c>
      <c r="B1639">
        <v>175</v>
      </c>
      <c r="C1639">
        <v>7981.8</v>
      </c>
      <c r="D1639">
        <v>3.4</v>
      </c>
      <c r="E1639">
        <v>9644.9599999999991</v>
      </c>
      <c r="F1639">
        <v>13.750999999999999</v>
      </c>
    </row>
    <row r="1640" spans="1:6" x14ac:dyDescent="0.25">
      <c r="A1640">
        <v>138.63</v>
      </c>
      <c r="B1640">
        <v>175</v>
      </c>
      <c r="C1640">
        <v>7981.8</v>
      </c>
      <c r="D1640">
        <v>3.7</v>
      </c>
      <c r="E1640">
        <v>9797.44</v>
      </c>
      <c r="F1640">
        <v>13.750999999999999</v>
      </c>
    </row>
    <row r="1641" spans="1:6" x14ac:dyDescent="0.25">
      <c r="A1641">
        <v>138.63</v>
      </c>
      <c r="B1641">
        <v>175</v>
      </c>
      <c r="C1641">
        <v>7981.8</v>
      </c>
      <c r="D1641">
        <v>4</v>
      </c>
      <c r="E1641">
        <v>9664.73</v>
      </c>
      <c r="F1641">
        <v>13.747299999999999</v>
      </c>
    </row>
    <row r="1642" spans="1:6" x14ac:dyDescent="0.25">
      <c r="A1642">
        <v>138.63</v>
      </c>
      <c r="B1642">
        <v>175</v>
      </c>
      <c r="C1642">
        <v>9527.25</v>
      </c>
      <c r="D1642">
        <v>1</v>
      </c>
      <c r="E1642">
        <v>13905.8</v>
      </c>
      <c r="F1642">
        <v>13.580500000000001</v>
      </c>
    </row>
    <row r="1643" spans="1:6" x14ac:dyDescent="0.25">
      <c r="A1643">
        <v>138.63</v>
      </c>
      <c r="B1643">
        <v>175</v>
      </c>
      <c r="C1643">
        <v>9527.25</v>
      </c>
      <c r="D1643">
        <v>1.3</v>
      </c>
      <c r="E1643">
        <v>12823.7</v>
      </c>
      <c r="F1643">
        <v>12.9474</v>
      </c>
    </row>
    <row r="1644" spans="1:6" x14ac:dyDescent="0.25">
      <c r="A1644">
        <v>138.63</v>
      </c>
      <c r="B1644">
        <v>175</v>
      </c>
      <c r="C1644">
        <v>9527.25</v>
      </c>
      <c r="D1644">
        <v>1.6</v>
      </c>
      <c r="E1644">
        <v>12309.2</v>
      </c>
      <c r="F1644">
        <v>12.961</v>
      </c>
    </row>
    <row r="1645" spans="1:6" x14ac:dyDescent="0.25">
      <c r="A1645">
        <v>138.63</v>
      </c>
      <c r="B1645">
        <v>175</v>
      </c>
      <c r="C1645">
        <v>9527.25</v>
      </c>
      <c r="D1645">
        <v>1.9</v>
      </c>
      <c r="E1645">
        <v>11993.6</v>
      </c>
      <c r="F1645">
        <v>13.7072</v>
      </c>
    </row>
    <row r="1646" spans="1:6" x14ac:dyDescent="0.25">
      <c r="A1646">
        <v>138.63</v>
      </c>
      <c r="B1646">
        <v>175</v>
      </c>
      <c r="C1646">
        <v>9527.25</v>
      </c>
      <c r="D1646">
        <v>2.2000000000000002</v>
      </c>
      <c r="E1646">
        <v>11698.1</v>
      </c>
      <c r="F1646">
        <v>13.726000000000001</v>
      </c>
    </row>
    <row r="1647" spans="1:6" x14ac:dyDescent="0.25">
      <c r="A1647">
        <v>138.63</v>
      </c>
      <c r="B1647">
        <v>175</v>
      </c>
      <c r="C1647">
        <v>9527.25</v>
      </c>
      <c r="D1647">
        <v>2.5</v>
      </c>
      <c r="E1647">
        <v>11467.7</v>
      </c>
      <c r="F1647">
        <v>13.739100000000001</v>
      </c>
    </row>
    <row r="1648" spans="1:6" x14ac:dyDescent="0.25">
      <c r="A1648">
        <v>138.63</v>
      </c>
      <c r="B1648">
        <v>175</v>
      </c>
      <c r="C1648">
        <v>9527.25</v>
      </c>
      <c r="D1648">
        <v>2.8</v>
      </c>
      <c r="E1648">
        <v>11588.4</v>
      </c>
      <c r="F1648">
        <v>13.7453</v>
      </c>
    </row>
    <row r="1649" spans="1:6" x14ac:dyDescent="0.25">
      <c r="A1649">
        <v>138.63</v>
      </c>
      <c r="B1649">
        <v>175</v>
      </c>
      <c r="C1649">
        <v>9527.25</v>
      </c>
      <c r="D1649">
        <v>3.1</v>
      </c>
      <c r="E1649">
        <v>11573.8</v>
      </c>
      <c r="F1649">
        <v>13.7502</v>
      </c>
    </row>
    <row r="1650" spans="1:6" x14ac:dyDescent="0.25">
      <c r="A1650">
        <v>138.63</v>
      </c>
      <c r="B1650">
        <v>175</v>
      </c>
      <c r="C1650">
        <v>9527.25</v>
      </c>
      <c r="D1650">
        <v>3.4</v>
      </c>
      <c r="E1650">
        <v>11388.7</v>
      </c>
      <c r="F1650">
        <v>13.750999999999999</v>
      </c>
    </row>
    <row r="1651" spans="1:6" x14ac:dyDescent="0.25">
      <c r="A1651">
        <v>138.63</v>
      </c>
      <c r="B1651">
        <v>175</v>
      </c>
      <c r="C1651">
        <v>9527.25</v>
      </c>
      <c r="D1651">
        <v>3.7</v>
      </c>
      <c r="E1651">
        <v>11232</v>
      </c>
      <c r="F1651">
        <v>13.750999999999999</v>
      </c>
    </row>
    <row r="1652" spans="1:6" x14ac:dyDescent="0.25">
      <c r="A1652">
        <v>138.63</v>
      </c>
      <c r="B1652">
        <v>175</v>
      </c>
      <c r="C1652">
        <v>9527.25</v>
      </c>
      <c r="D1652">
        <v>4</v>
      </c>
      <c r="E1652">
        <v>11097.1</v>
      </c>
      <c r="F1652">
        <v>13.747299999999999</v>
      </c>
    </row>
    <row r="1653" spans="1:6" x14ac:dyDescent="0.25">
      <c r="A1653">
        <v>138.63</v>
      </c>
      <c r="B1653">
        <v>175</v>
      </c>
      <c r="C1653">
        <v>11072.7</v>
      </c>
      <c r="D1653">
        <v>1</v>
      </c>
      <c r="E1653">
        <v>14895.7</v>
      </c>
      <c r="F1653">
        <v>13.580500000000001</v>
      </c>
    </row>
    <row r="1654" spans="1:6" x14ac:dyDescent="0.25">
      <c r="A1654">
        <v>138.63</v>
      </c>
      <c r="B1654">
        <v>175</v>
      </c>
      <c r="C1654">
        <v>11072.7</v>
      </c>
      <c r="D1654">
        <v>1.3</v>
      </c>
      <c r="E1654">
        <v>14404.2</v>
      </c>
      <c r="F1654">
        <v>12.9474</v>
      </c>
    </row>
    <row r="1655" spans="1:6" x14ac:dyDescent="0.25">
      <c r="A1655">
        <v>138.63</v>
      </c>
      <c r="B1655">
        <v>175</v>
      </c>
      <c r="C1655">
        <v>11072.7</v>
      </c>
      <c r="D1655">
        <v>1.6</v>
      </c>
      <c r="E1655">
        <v>13863.3</v>
      </c>
      <c r="F1655">
        <v>12.961</v>
      </c>
    </row>
    <row r="1656" spans="1:6" x14ac:dyDescent="0.25">
      <c r="A1656">
        <v>138.63</v>
      </c>
      <c r="B1656">
        <v>175</v>
      </c>
      <c r="C1656">
        <v>11072.7</v>
      </c>
      <c r="D1656">
        <v>1.9</v>
      </c>
      <c r="E1656">
        <v>13441.2</v>
      </c>
      <c r="F1656">
        <v>13.7072</v>
      </c>
    </row>
    <row r="1657" spans="1:6" x14ac:dyDescent="0.25">
      <c r="A1657">
        <v>138.63</v>
      </c>
      <c r="B1657">
        <v>175</v>
      </c>
      <c r="C1657">
        <v>11072.7</v>
      </c>
      <c r="D1657">
        <v>2.2000000000000002</v>
      </c>
      <c r="E1657">
        <v>13345.7</v>
      </c>
      <c r="F1657">
        <v>13.726000000000001</v>
      </c>
    </row>
    <row r="1658" spans="1:6" x14ac:dyDescent="0.25">
      <c r="A1658">
        <v>138.63</v>
      </c>
      <c r="B1658">
        <v>175</v>
      </c>
      <c r="C1658">
        <v>11072.7</v>
      </c>
      <c r="D1658">
        <v>2.5</v>
      </c>
      <c r="E1658">
        <v>13152</v>
      </c>
      <c r="F1658">
        <v>13.739100000000001</v>
      </c>
    </row>
    <row r="1659" spans="1:6" x14ac:dyDescent="0.25">
      <c r="A1659">
        <v>138.63</v>
      </c>
      <c r="B1659">
        <v>175</v>
      </c>
      <c r="C1659">
        <v>11072.7</v>
      </c>
      <c r="D1659">
        <v>2.8</v>
      </c>
      <c r="E1659">
        <v>13018.9</v>
      </c>
      <c r="F1659">
        <v>13.7453</v>
      </c>
    </row>
    <row r="1660" spans="1:6" x14ac:dyDescent="0.25">
      <c r="A1660">
        <v>138.63</v>
      </c>
      <c r="B1660">
        <v>175</v>
      </c>
      <c r="C1660">
        <v>11072.7</v>
      </c>
      <c r="D1660">
        <v>3.1</v>
      </c>
      <c r="E1660">
        <v>12907.7</v>
      </c>
      <c r="F1660">
        <v>13.7502</v>
      </c>
    </row>
    <row r="1661" spans="1:6" x14ac:dyDescent="0.25">
      <c r="A1661">
        <v>138.63</v>
      </c>
      <c r="B1661">
        <v>175</v>
      </c>
      <c r="C1661">
        <v>11072.7</v>
      </c>
      <c r="D1661">
        <v>3.4</v>
      </c>
      <c r="E1661">
        <v>13027.4</v>
      </c>
      <c r="F1661">
        <v>13.750999999999999</v>
      </c>
    </row>
    <row r="1662" spans="1:6" x14ac:dyDescent="0.25">
      <c r="A1662">
        <v>138.63</v>
      </c>
      <c r="B1662">
        <v>175</v>
      </c>
      <c r="C1662">
        <v>11072.7</v>
      </c>
      <c r="D1662">
        <v>3.7</v>
      </c>
      <c r="E1662">
        <v>12905.7</v>
      </c>
      <c r="F1662">
        <v>13.750999999999999</v>
      </c>
    </row>
    <row r="1663" spans="1:6" x14ac:dyDescent="0.25">
      <c r="A1663">
        <v>138.63</v>
      </c>
      <c r="B1663">
        <v>175</v>
      </c>
      <c r="C1663">
        <v>11072.7</v>
      </c>
      <c r="D1663">
        <v>4</v>
      </c>
      <c r="E1663">
        <v>12966</v>
      </c>
      <c r="F1663">
        <v>13.747299999999999</v>
      </c>
    </row>
    <row r="1664" spans="1:6" x14ac:dyDescent="0.25">
      <c r="A1664">
        <v>138.63</v>
      </c>
      <c r="B1664">
        <v>175</v>
      </c>
      <c r="C1664">
        <v>12618.2</v>
      </c>
      <c r="D1664">
        <v>1</v>
      </c>
      <c r="E1664">
        <v>16797.5</v>
      </c>
      <c r="F1664">
        <v>13.580500000000001</v>
      </c>
    </row>
    <row r="1665" spans="1:6" x14ac:dyDescent="0.25">
      <c r="A1665">
        <v>138.63</v>
      </c>
      <c r="B1665">
        <v>175</v>
      </c>
      <c r="C1665">
        <v>12618.2</v>
      </c>
      <c r="D1665">
        <v>1.3</v>
      </c>
      <c r="E1665">
        <v>15937.9</v>
      </c>
      <c r="F1665">
        <v>12.9474</v>
      </c>
    </row>
    <row r="1666" spans="1:6" x14ac:dyDescent="0.25">
      <c r="A1666">
        <v>138.63</v>
      </c>
      <c r="B1666">
        <v>175</v>
      </c>
      <c r="C1666">
        <v>12618.2</v>
      </c>
      <c r="D1666">
        <v>1.6</v>
      </c>
      <c r="E1666">
        <v>15434.1</v>
      </c>
      <c r="F1666">
        <v>12.961</v>
      </c>
    </row>
    <row r="1667" spans="1:6" x14ac:dyDescent="0.25">
      <c r="A1667">
        <v>138.63</v>
      </c>
      <c r="B1667">
        <v>175</v>
      </c>
      <c r="C1667">
        <v>12618.2</v>
      </c>
      <c r="D1667">
        <v>1.9</v>
      </c>
      <c r="E1667">
        <v>15140.7</v>
      </c>
      <c r="F1667">
        <v>13.7072</v>
      </c>
    </row>
    <row r="1668" spans="1:6" x14ac:dyDescent="0.25">
      <c r="A1668">
        <v>138.63</v>
      </c>
      <c r="B1668">
        <v>175</v>
      </c>
      <c r="C1668">
        <v>12618.2</v>
      </c>
      <c r="D1668">
        <v>2.2000000000000002</v>
      </c>
      <c r="E1668">
        <v>14777.2</v>
      </c>
      <c r="F1668">
        <v>13.726000000000001</v>
      </c>
    </row>
    <row r="1669" spans="1:6" x14ac:dyDescent="0.25">
      <c r="A1669">
        <v>138.63</v>
      </c>
      <c r="B1669">
        <v>175</v>
      </c>
      <c r="C1669">
        <v>12618.2</v>
      </c>
      <c r="D1669">
        <v>2.5</v>
      </c>
      <c r="E1669">
        <v>14888.8</v>
      </c>
      <c r="F1669">
        <v>13.739100000000001</v>
      </c>
    </row>
    <row r="1670" spans="1:6" x14ac:dyDescent="0.25">
      <c r="A1670">
        <v>138.63</v>
      </c>
      <c r="B1670">
        <v>175</v>
      </c>
      <c r="C1670">
        <v>12618.2</v>
      </c>
      <c r="D1670">
        <v>2.8</v>
      </c>
      <c r="E1670">
        <v>14576.6</v>
      </c>
      <c r="F1670">
        <v>13.7453</v>
      </c>
    </row>
    <row r="1671" spans="1:6" x14ac:dyDescent="0.25">
      <c r="A1671">
        <v>138.63</v>
      </c>
      <c r="B1671">
        <v>175</v>
      </c>
      <c r="C1671">
        <v>12618.2</v>
      </c>
      <c r="D1671">
        <v>3.1</v>
      </c>
      <c r="E1671">
        <v>14550.2</v>
      </c>
      <c r="F1671">
        <v>13.7502</v>
      </c>
    </row>
    <row r="1672" spans="1:6" x14ac:dyDescent="0.25">
      <c r="A1672">
        <v>138.63</v>
      </c>
      <c r="B1672">
        <v>175</v>
      </c>
      <c r="C1672">
        <v>12618.2</v>
      </c>
      <c r="D1672">
        <v>3.4</v>
      </c>
      <c r="E1672">
        <v>14528.5</v>
      </c>
      <c r="F1672">
        <v>13.750999999999999</v>
      </c>
    </row>
    <row r="1673" spans="1:6" x14ac:dyDescent="0.25">
      <c r="A1673">
        <v>138.63</v>
      </c>
      <c r="B1673">
        <v>175</v>
      </c>
      <c r="C1673">
        <v>12618.2</v>
      </c>
      <c r="D1673">
        <v>3.7</v>
      </c>
      <c r="E1673">
        <v>14318</v>
      </c>
      <c r="F1673">
        <v>13.750999999999999</v>
      </c>
    </row>
    <row r="1674" spans="1:6" x14ac:dyDescent="0.25">
      <c r="A1674">
        <v>138.63</v>
      </c>
      <c r="B1674">
        <v>175</v>
      </c>
      <c r="C1674">
        <v>12618.2</v>
      </c>
      <c r="D1674">
        <v>4</v>
      </c>
      <c r="E1674">
        <v>14506.8</v>
      </c>
      <c r="F1674">
        <v>13.747299999999999</v>
      </c>
    </row>
    <row r="1675" spans="1:6" x14ac:dyDescent="0.25">
      <c r="A1675">
        <v>138.63</v>
      </c>
      <c r="B1675">
        <v>175</v>
      </c>
      <c r="C1675">
        <v>14163.6</v>
      </c>
      <c r="D1675">
        <v>1</v>
      </c>
      <c r="E1675">
        <v>18314.099999999999</v>
      </c>
      <c r="F1675">
        <v>13.580500000000001</v>
      </c>
    </row>
    <row r="1676" spans="1:6" x14ac:dyDescent="0.25">
      <c r="A1676">
        <v>138.63</v>
      </c>
      <c r="B1676">
        <v>175</v>
      </c>
      <c r="C1676">
        <v>14163.6</v>
      </c>
      <c r="D1676">
        <v>1.3</v>
      </c>
      <c r="E1676">
        <v>17589.8</v>
      </c>
      <c r="F1676">
        <v>12.9474</v>
      </c>
    </row>
    <row r="1677" spans="1:6" x14ac:dyDescent="0.25">
      <c r="A1677">
        <v>138.63</v>
      </c>
      <c r="B1677">
        <v>175</v>
      </c>
      <c r="C1677">
        <v>14163.6</v>
      </c>
      <c r="D1677">
        <v>1.6</v>
      </c>
      <c r="E1677">
        <v>17296</v>
      </c>
      <c r="F1677">
        <v>12.961</v>
      </c>
    </row>
    <row r="1678" spans="1:6" x14ac:dyDescent="0.25">
      <c r="A1678">
        <v>138.63</v>
      </c>
      <c r="B1678">
        <v>175</v>
      </c>
      <c r="C1678">
        <v>14163.6</v>
      </c>
      <c r="D1678">
        <v>1.9</v>
      </c>
      <c r="E1678">
        <v>16824.2</v>
      </c>
      <c r="F1678">
        <v>13.7072</v>
      </c>
    </row>
    <row r="1679" spans="1:6" x14ac:dyDescent="0.25">
      <c r="A1679">
        <v>138.63</v>
      </c>
      <c r="B1679">
        <v>175</v>
      </c>
      <c r="C1679">
        <v>14163.6</v>
      </c>
      <c r="D1679">
        <v>2.2000000000000002</v>
      </c>
      <c r="E1679">
        <v>16615.8</v>
      </c>
      <c r="F1679">
        <v>13.726000000000001</v>
      </c>
    </row>
    <row r="1680" spans="1:6" x14ac:dyDescent="0.25">
      <c r="A1680">
        <v>138.63</v>
      </c>
      <c r="B1680">
        <v>175</v>
      </c>
      <c r="C1680">
        <v>14163.6</v>
      </c>
      <c r="D1680">
        <v>2.5</v>
      </c>
      <c r="E1680">
        <v>16331.5</v>
      </c>
      <c r="F1680">
        <v>13.739100000000001</v>
      </c>
    </row>
    <row r="1681" spans="1:6" x14ac:dyDescent="0.25">
      <c r="A1681">
        <v>138.63</v>
      </c>
      <c r="B1681">
        <v>175</v>
      </c>
      <c r="C1681">
        <v>14163.6</v>
      </c>
      <c r="D1681">
        <v>2.8</v>
      </c>
      <c r="E1681">
        <v>16367.4</v>
      </c>
      <c r="F1681">
        <v>13.7453</v>
      </c>
    </row>
    <row r="1682" spans="1:6" x14ac:dyDescent="0.25">
      <c r="A1682">
        <v>138.63</v>
      </c>
      <c r="B1682">
        <v>175</v>
      </c>
      <c r="C1682">
        <v>14163.6</v>
      </c>
      <c r="D1682">
        <v>3.1</v>
      </c>
      <c r="E1682">
        <v>16168.5</v>
      </c>
      <c r="F1682">
        <v>13.7502</v>
      </c>
    </row>
    <row r="1683" spans="1:6" x14ac:dyDescent="0.25">
      <c r="A1683">
        <v>138.63</v>
      </c>
      <c r="B1683">
        <v>175</v>
      </c>
      <c r="C1683">
        <v>14163.6</v>
      </c>
      <c r="D1683">
        <v>3.4</v>
      </c>
      <c r="E1683">
        <v>15859.3</v>
      </c>
      <c r="F1683">
        <v>13.750999999999999</v>
      </c>
    </row>
    <row r="1684" spans="1:6" x14ac:dyDescent="0.25">
      <c r="A1684">
        <v>138.63</v>
      </c>
      <c r="B1684">
        <v>175</v>
      </c>
      <c r="C1684">
        <v>14163.6</v>
      </c>
      <c r="D1684">
        <v>3.7</v>
      </c>
      <c r="E1684">
        <v>16042.2</v>
      </c>
      <c r="F1684">
        <v>13.750999999999999</v>
      </c>
    </row>
    <row r="1685" spans="1:6" x14ac:dyDescent="0.25">
      <c r="A1685">
        <v>138.63</v>
      </c>
      <c r="B1685">
        <v>175</v>
      </c>
      <c r="C1685">
        <v>14163.6</v>
      </c>
      <c r="D1685">
        <v>4</v>
      </c>
      <c r="E1685">
        <v>16037.9</v>
      </c>
      <c r="F1685">
        <v>13.747299999999999</v>
      </c>
    </row>
    <row r="1686" spans="1:6" x14ac:dyDescent="0.25">
      <c r="A1686">
        <v>138.63</v>
      </c>
      <c r="B1686">
        <v>175</v>
      </c>
      <c r="C1686">
        <v>15709.1</v>
      </c>
      <c r="D1686">
        <v>1</v>
      </c>
      <c r="E1686">
        <v>19425.3</v>
      </c>
      <c r="F1686">
        <v>13.580500000000001</v>
      </c>
    </row>
    <row r="1687" spans="1:6" x14ac:dyDescent="0.25">
      <c r="A1687">
        <v>138.63</v>
      </c>
      <c r="B1687">
        <v>175</v>
      </c>
      <c r="C1687">
        <v>15709.1</v>
      </c>
      <c r="D1687">
        <v>1.3</v>
      </c>
      <c r="E1687">
        <v>18912.900000000001</v>
      </c>
      <c r="F1687">
        <v>12.9474</v>
      </c>
    </row>
    <row r="1688" spans="1:6" x14ac:dyDescent="0.25">
      <c r="A1688">
        <v>138.63</v>
      </c>
      <c r="B1688">
        <v>175</v>
      </c>
      <c r="C1688">
        <v>15709.1</v>
      </c>
      <c r="D1688">
        <v>1.6</v>
      </c>
      <c r="E1688">
        <v>18494.8</v>
      </c>
      <c r="F1688">
        <v>12.961</v>
      </c>
    </row>
    <row r="1689" spans="1:6" x14ac:dyDescent="0.25">
      <c r="A1689">
        <v>138.63</v>
      </c>
      <c r="B1689">
        <v>175</v>
      </c>
      <c r="C1689">
        <v>15709.1</v>
      </c>
      <c r="D1689">
        <v>1.9</v>
      </c>
      <c r="E1689">
        <v>18057.900000000001</v>
      </c>
      <c r="F1689">
        <v>13.7072</v>
      </c>
    </row>
    <row r="1690" spans="1:6" x14ac:dyDescent="0.25">
      <c r="A1690">
        <v>138.63</v>
      </c>
      <c r="B1690">
        <v>175</v>
      </c>
      <c r="C1690">
        <v>15709.1</v>
      </c>
      <c r="D1690">
        <v>2.2000000000000002</v>
      </c>
      <c r="E1690">
        <v>17853.099999999999</v>
      </c>
      <c r="F1690">
        <v>13.726000000000001</v>
      </c>
    </row>
    <row r="1691" spans="1:6" x14ac:dyDescent="0.25">
      <c r="A1691">
        <v>138.63</v>
      </c>
      <c r="B1691">
        <v>175</v>
      </c>
      <c r="C1691">
        <v>15709.1</v>
      </c>
      <c r="D1691">
        <v>2.5</v>
      </c>
      <c r="E1691">
        <v>17871.8</v>
      </c>
      <c r="F1691">
        <v>13.739100000000001</v>
      </c>
    </row>
    <row r="1692" spans="1:6" x14ac:dyDescent="0.25">
      <c r="A1692">
        <v>138.63</v>
      </c>
      <c r="B1692">
        <v>175</v>
      </c>
      <c r="C1692">
        <v>15709.1</v>
      </c>
      <c r="D1692">
        <v>2.8</v>
      </c>
      <c r="E1692">
        <v>17822.5</v>
      </c>
      <c r="F1692">
        <v>13.7453</v>
      </c>
    </row>
    <row r="1693" spans="1:6" x14ac:dyDescent="0.25">
      <c r="A1693">
        <v>138.63</v>
      </c>
      <c r="B1693">
        <v>175</v>
      </c>
      <c r="C1693">
        <v>15709.1</v>
      </c>
      <c r="D1693">
        <v>3.1</v>
      </c>
      <c r="E1693">
        <v>17784.7</v>
      </c>
      <c r="F1693">
        <v>13.7502</v>
      </c>
    </row>
    <row r="1694" spans="1:6" x14ac:dyDescent="0.25">
      <c r="A1694">
        <v>138.63</v>
      </c>
      <c r="B1694">
        <v>175</v>
      </c>
      <c r="C1694">
        <v>15709.1</v>
      </c>
      <c r="D1694">
        <v>3.4</v>
      </c>
      <c r="E1694">
        <v>17679</v>
      </c>
      <c r="F1694">
        <v>13.750999999999999</v>
      </c>
    </row>
    <row r="1695" spans="1:6" x14ac:dyDescent="0.25">
      <c r="A1695">
        <v>138.63</v>
      </c>
      <c r="B1695">
        <v>175</v>
      </c>
      <c r="C1695">
        <v>15709.1</v>
      </c>
      <c r="D1695">
        <v>3.7</v>
      </c>
      <c r="E1695">
        <v>17384.2</v>
      </c>
      <c r="F1695">
        <v>13.750999999999999</v>
      </c>
    </row>
    <row r="1696" spans="1:6" x14ac:dyDescent="0.25">
      <c r="A1696">
        <v>138.63</v>
      </c>
      <c r="B1696">
        <v>175</v>
      </c>
      <c r="C1696">
        <v>15709.1</v>
      </c>
      <c r="D1696">
        <v>4</v>
      </c>
      <c r="E1696">
        <v>17459.7</v>
      </c>
      <c r="F1696">
        <v>13.747299999999999</v>
      </c>
    </row>
    <row r="1697" spans="1:6" x14ac:dyDescent="0.25">
      <c r="A1697">
        <v>138.63</v>
      </c>
      <c r="B1697">
        <v>175</v>
      </c>
      <c r="C1697">
        <v>17254.5</v>
      </c>
      <c r="D1697">
        <v>1</v>
      </c>
      <c r="E1697">
        <v>21615.599999999999</v>
      </c>
      <c r="F1697">
        <v>13.580500000000001</v>
      </c>
    </row>
    <row r="1698" spans="1:6" x14ac:dyDescent="0.25">
      <c r="A1698">
        <v>138.63</v>
      </c>
      <c r="B1698">
        <v>175</v>
      </c>
      <c r="C1698">
        <v>17254.5</v>
      </c>
      <c r="D1698">
        <v>1.3</v>
      </c>
      <c r="E1698">
        <v>20701.099999999999</v>
      </c>
      <c r="F1698">
        <v>12.9474</v>
      </c>
    </row>
    <row r="1699" spans="1:6" x14ac:dyDescent="0.25">
      <c r="A1699">
        <v>138.63</v>
      </c>
      <c r="B1699">
        <v>175</v>
      </c>
      <c r="C1699">
        <v>17254.5</v>
      </c>
      <c r="D1699">
        <v>1.6</v>
      </c>
      <c r="E1699">
        <v>19967.400000000001</v>
      </c>
      <c r="F1699">
        <v>12.961</v>
      </c>
    </row>
    <row r="1700" spans="1:6" x14ac:dyDescent="0.25">
      <c r="A1700">
        <v>138.63</v>
      </c>
      <c r="B1700">
        <v>175</v>
      </c>
      <c r="C1700">
        <v>17254.5</v>
      </c>
      <c r="D1700">
        <v>1.9</v>
      </c>
      <c r="E1700">
        <v>19837.2</v>
      </c>
      <c r="F1700">
        <v>13.7072</v>
      </c>
    </row>
    <row r="1701" spans="1:6" x14ac:dyDescent="0.25">
      <c r="A1701">
        <v>138.63</v>
      </c>
      <c r="B1701">
        <v>175</v>
      </c>
      <c r="C1701">
        <v>17254.5</v>
      </c>
      <c r="D1701">
        <v>2.2000000000000002</v>
      </c>
      <c r="E1701">
        <v>19735.2</v>
      </c>
      <c r="F1701">
        <v>13.726000000000001</v>
      </c>
    </row>
    <row r="1702" spans="1:6" x14ac:dyDescent="0.25">
      <c r="A1702">
        <v>138.63</v>
      </c>
      <c r="B1702">
        <v>175</v>
      </c>
      <c r="C1702">
        <v>17254.5</v>
      </c>
      <c r="D1702">
        <v>2.5</v>
      </c>
      <c r="E1702">
        <v>19261.7</v>
      </c>
      <c r="F1702">
        <v>13.739100000000001</v>
      </c>
    </row>
    <row r="1703" spans="1:6" x14ac:dyDescent="0.25">
      <c r="A1703">
        <v>138.63</v>
      </c>
      <c r="B1703">
        <v>175</v>
      </c>
      <c r="C1703">
        <v>17254.5</v>
      </c>
      <c r="D1703">
        <v>2.8</v>
      </c>
      <c r="E1703">
        <v>19204.2</v>
      </c>
      <c r="F1703">
        <v>13.7453</v>
      </c>
    </row>
    <row r="1704" spans="1:6" x14ac:dyDescent="0.25">
      <c r="A1704">
        <v>138.63</v>
      </c>
      <c r="B1704">
        <v>175</v>
      </c>
      <c r="C1704">
        <v>17254.5</v>
      </c>
      <c r="D1704">
        <v>3.1</v>
      </c>
      <c r="E1704">
        <v>19243.900000000001</v>
      </c>
      <c r="F1704">
        <v>13.7502</v>
      </c>
    </row>
    <row r="1705" spans="1:6" x14ac:dyDescent="0.25">
      <c r="A1705">
        <v>138.63</v>
      </c>
      <c r="B1705">
        <v>175</v>
      </c>
      <c r="C1705">
        <v>17254.5</v>
      </c>
      <c r="D1705">
        <v>3.4</v>
      </c>
      <c r="E1705">
        <v>19203.3</v>
      </c>
      <c r="F1705">
        <v>13.750999999999999</v>
      </c>
    </row>
    <row r="1706" spans="1:6" x14ac:dyDescent="0.25">
      <c r="A1706">
        <v>138.63</v>
      </c>
      <c r="B1706">
        <v>175</v>
      </c>
      <c r="C1706">
        <v>17254.5</v>
      </c>
      <c r="D1706">
        <v>3.7</v>
      </c>
      <c r="E1706">
        <v>18944.2</v>
      </c>
      <c r="F1706">
        <v>13.750999999999999</v>
      </c>
    </row>
    <row r="1707" spans="1:6" x14ac:dyDescent="0.25">
      <c r="A1707">
        <v>138.63</v>
      </c>
      <c r="B1707">
        <v>175</v>
      </c>
      <c r="C1707">
        <v>17254.5</v>
      </c>
      <c r="D1707">
        <v>4</v>
      </c>
      <c r="E1707">
        <v>18925.5</v>
      </c>
      <c r="F1707">
        <v>13.747299999999999</v>
      </c>
    </row>
    <row r="1708" spans="1:6" x14ac:dyDescent="0.25">
      <c r="A1708">
        <v>138.63</v>
      </c>
      <c r="B1708">
        <v>175</v>
      </c>
      <c r="C1708">
        <v>18800</v>
      </c>
      <c r="D1708">
        <v>1</v>
      </c>
      <c r="E1708">
        <v>22757.200000000001</v>
      </c>
      <c r="F1708">
        <v>13.580500000000001</v>
      </c>
    </row>
    <row r="1709" spans="1:6" x14ac:dyDescent="0.25">
      <c r="A1709">
        <v>138.63</v>
      </c>
      <c r="B1709">
        <v>175</v>
      </c>
      <c r="C1709">
        <v>18800</v>
      </c>
      <c r="D1709">
        <v>1.3</v>
      </c>
      <c r="E1709">
        <v>22323.5</v>
      </c>
      <c r="F1709">
        <v>12.9474</v>
      </c>
    </row>
    <row r="1710" spans="1:6" x14ac:dyDescent="0.25">
      <c r="A1710">
        <v>138.63</v>
      </c>
      <c r="B1710">
        <v>175</v>
      </c>
      <c r="C1710">
        <v>18800</v>
      </c>
      <c r="D1710">
        <v>1.6</v>
      </c>
      <c r="E1710">
        <v>21827</v>
      </c>
      <c r="F1710">
        <v>12.961</v>
      </c>
    </row>
    <row r="1711" spans="1:6" x14ac:dyDescent="0.25">
      <c r="A1711">
        <v>138.63</v>
      </c>
      <c r="B1711">
        <v>175</v>
      </c>
      <c r="C1711">
        <v>18800</v>
      </c>
      <c r="D1711">
        <v>1.9</v>
      </c>
      <c r="E1711">
        <v>21163.5</v>
      </c>
      <c r="F1711">
        <v>13.7072</v>
      </c>
    </row>
    <row r="1712" spans="1:6" x14ac:dyDescent="0.25">
      <c r="A1712">
        <v>138.63</v>
      </c>
      <c r="B1712">
        <v>175</v>
      </c>
      <c r="C1712">
        <v>18800</v>
      </c>
      <c r="D1712">
        <v>2.2000000000000002</v>
      </c>
      <c r="E1712">
        <v>21220.400000000001</v>
      </c>
      <c r="F1712">
        <v>13.726000000000001</v>
      </c>
    </row>
    <row r="1713" spans="1:6" x14ac:dyDescent="0.25">
      <c r="A1713">
        <v>138.63</v>
      </c>
      <c r="B1713">
        <v>175</v>
      </c>
      <c r="C1713">
        <v>18800</v>
      </c>
      <c r="D1713">
        <v>2.5</v>
      </c>
      <c r="E1713">
        <v>20930.2</v>
      </c>
      <c r="F1713">
        <v>13.739100000000001</v>
      </c>
    </row>
    <row r="1714" spans="1:6" x14ac:dyDescent="0.25">
      <c r="A1714">
        <v>138.63</v>
      </c>
      <c r="B1714">
        <v>175</v>
      </c>
      <c r="C1714">
        <v>18800</v>
      </c>
      <c r="D1714">
        <v>2.8</v>
      </c>
      <c r="E1714">
        <v>20774.8</v>
      </c>
      <c r="F1714">
        <v>13.7453</v>
      </c>
    </row>
    <row r="1715" spans="1:6" x14ac:dyDescent="0.25">
      <c r="A1715">
        <v>138.63</v>
      </c>
      <c r="B1715">
        <v>175</v>
      </c>
      <c r="C1715">
        <v>18800</v>
      </c>
      <c r="D1715">
        <v>3.1</v>
      </c>
      <c r="E1715">
        <v>20717.5</v>
      </c>
      <c r="F1715">
        <v>13.7502</v>
      </c>
    </row>
    <row r="1716" spans="1:6" x14ac:dyDescent="0.25">
      <c r="A1716">
        <v>138.63</v>
      </c>
      <c r="B1716">
        <v>175</v>
      </c>
      <c r="C1716">
        <v>18800</v>
      </c>
      <c r="D1716">
        <v>3.4</v>
      </c>
      <c r="E1716">
        <v>20685.8</v>
      </c>
      <c r="F1716">
        <v>13.750999999999999</v>
      </c>
    </row>
    <row r="1717" spans="1:6" x14ac:dyDescent="0.25">
      <c r="A1717">
        <v>138.63</v>
      </c>
      <c r="B1717">
        <v>175</v>
      </c>
      <c r="C1717">
        <v>18800</v>
      </c>
      <c r="D1717">
        <v>3.7</v>
      </c>
      <c r="E1717">
        <v>20525.3</v>
      </c>
      <c r="F1717">
        <v>13.750999999999999</v>
      </c>
    </row>
    <row r="1718" spans="1:6" x14ac:dyDescent="0.25">
      <c r="A1718">
        <v>138.63</v>
      </c>
      <c r="B1718">
        <v>175</v>
      </c>
      <c r="C1718">
        <v>18800</v>
      </c>
      <c r="D1718">
        <v>4</v>
      </c>
      <c r="E1718">
        <v>20437.7</v>
      </c>
      <c r="F1718">
        <v>13.747299999999999</v>
      </c>
    </row>
    <row r="1719" spans="1:6" x14ac:dyDescent="0.25">
      <c r="A1719">
        <v>138.63</v>
      </c>
      <c r="B1719">
        <v>178.63</v>
      </c>
      <c r="C1719">
        <v>1800</v>
      </c>
      <c r="D1719">
        <v>1</v>
      </c>
      <c r="E1719">
        <v>5728.34</v>
      </c>
      <c r="F1719">
        <v>60.465899999999998</v>
      </c>
    </row>
    <row r="1720" spans="1:6" x14ac:dyDescent="0.25">
      <c r="A1720">
        <v>138.63</v>
      </c>
      <c r="B1720">
        <v>178.63</v>
      </c>
      <c r="C1720">
        <v>1800</v>
      </c>
      <c r="D1720">
        <v>1.3</v>
      </c>
      <c r="E1720">
        <v>5122.12</v>
      </c>
      <c r="F1720">
        <v>77.565200000000004</v>
      </c>
    </row>
    <row r="1721" spans="1:6" x14ac:dyDescent="0.25">
      <c r="A1721">
        <v>138.63</v>
      </c>
      <c r="B1721">
        <v>178.63</v>
      </c>
      <c r="C1721">
        <v>1800</v>
      </c>
      <c r="D1721">
        <v>1.6</v>
      </c>
      <c r="E1721">
        <v>4844.43</v>
      </c>
      <c r="F1721">
        <v>87.906199999999998</v>
      </c>
    </row>
    <row r="1722" spans="1:6" x14ac:dyDescent="0.25">
      <c r="A1722">
        <v>138.63</v>
      </c>
      <c r="B1722">
        <v>178.63</v>
      </c>
      <c r="C1722">
        <v>1800</v>
      </c>
      <c r="D1722">
        <v>1.9</v>
      </c>
      <c r="E1722">
        <v>4577.1499999999996</v>
      </c>
      <c r="F1722">
        <v>91.493200000000002</v>
      </c>
    </row>
    <row r="1723" spans="1:6" x14ac:dyDescent="0.25">
      <c r="A1723">
        <v>138.63</v>
      </c>
      <c r="B1723">
        <v>178.63</v>
      </c>
      <c r="C1723">
        <v>1800</v>
      </c>
      <c r="D1723">
        <v>2.2000000000000002</v>
      </c>
      <c r="E1723">
        <v>4452.51</v>
      </c>
      <c r="F1723">
        <v>96.271900000000002</v>
      </c>
    </row>
    <row r="1724" spans="1:6" x14ac:dyDescent="0.25">
      <c r="A1724">
        <v>138.63</v>
      </c>
      <c r="B1724">
        <v>178.63</v>
      </c>
      <c r="C1724">
        <v>1800</v>
      </c>
      <c r="D1724">
        <v>2.5</v>
      </c>
      <c r="E1724">
        <v>4360.38</v>
      </c>
      <c r="F1724">
        <v>98.656599999999997</v>
      </c>
    </row>
    <row r="1725" spans="1:6" x14ac:dyDescent="0.25">
      <c r="A1725">
        <v>138.63</v>
      </c>
      <c r="B1725">
        <v>178.63</v>
      </c>
      <c r="C1725">
        <v>1800</v>
      </c>
      <c r="D1725">
        <v>2.8</v>
      </c>
      <c r="E1725">
        <v>4253.1099999999997</v>
      </c>
      <c r="F1725">
        <v>100.60299999999999</v>
      </c>
    </row>
    <row r="1726" spans="1:6" x14ac:dyDescent="0.25">
      <c r="A1726">
        <v>138.63</v>
      </c>
      <c r="B1726">
        <v>178.63</v>
      </c>
      <c r="C1726">
        <v>1800</v>
      </c>
      <c r="D1726">
        <v>3.1</v>
      </c>
      <c r="E1726">
        <v>4137.8999999999996</v>
      </c>
      <c r="F1726">
        <v>102.78100000000001</v>
      </c>
    </row>
    <row r="1727" spans="1:6" x14ac:dyDescent="0.25">
      <c r="A1727">
        <v>138.63</v>
      </c>
      <c r="B1727">
        <v>178.63</v>
      </c>
      <c r="C1727">
        <v>1800</v>
      </c>
      <c r="D1727">
        <v>3.4</v>
      </c>
      <c r="E1727">
        <v>4114.8500000000004</v>
      </c>
      <c r="F1727">
        <v>101.608</v>
      </c>
    </row>
    <row r="1728" spans="1:6" x14ac:dyDescent="0.25">
      <c r="A1728">
        <v>138.63</v>
      </c>
      <c r="B1728">
        <v>178.63</v>
      </c>
      <c r="C1728">
        <v>1800</v>
      </c>
      <c r="D1728">
        <v>3.7</v>
      </c>
      <c r="E1728">
        <v>4033.4</v>
      </c>
      <c r="F1728">
        <v>103.23699999999999</v>
      </c>
    </row>
    <row r="1729" spans="1:6" x14ac:dyDescent="0.25">
      <c r="A1729">
        <v>138.63</v>
      </c>
      <c r="B1729">
        <v>178.63</v>
      </c>
      <c r="C1729">
        <v>1800</v>
      </c>
      <c r="D1729">
        <v>4</v>
      </c>
      <c r="E1729">
        <v>3986.61</v>
      </c>
      <c r="F1729">
        <v>104.792</v>
      </c>
    </row>
    <row r="1730" spans="1:6" x14ac:dyDescent="0.25">
      <c r="A1730">
        <v>138.63</v>
      </c>
      <c r="B1730">
        <v>178.63</v>
      </c>
      <c r="C1730">
        <v>3345.45</v>
      </c>
      <c r="D1730">
        <v>1</v>
      </c>
      <c r="E1730">
        <v>7002.39</v>
      </c>
      <c r="F1730">
        <v>32.992199999999997</v>
      </c>
    </row>
    <row r="1731" spans="1:6" x14ac:dyDescent="0.25">
      <c r="A1731">
        <v>138.63</v>
      </c>
      <c r="B1731">
        <v>178.63</v>
      </c>
      <c r="C1731">
        <v>3345.45</v>
      </c>
      <c r="D1731">
        <v>1.3</v>
      </c>
      <c r="E1731">
        <v>6379.41</v>
      </c>
      <c r="F1731">
        <v>44.000799999999998</v>
      </c>
    </row>
    <row r="1732" spans="1:6" x14ac:dyDescent="0.25">
      <c r="A1732">
        <v>138.63</v>
      </c>
      <c r="B1732">
        <v>178.63</v>
      </c>
      <c r="C1732">
        <v>3345.45</v>
      </c>
      <c r="D1732">
        <v>1.6</v>
      </c>
      <c r="E1732">
        <v>6072.48</v>
      </c>
      <c r="F1732">
        <v>51.4786</v>
      </c>
    </row>
    <row r="1733" spans="1:6" x14ac:dyDescent="0.25">
      <c r="A1733">
        <v>138.63</v>
      </c>
      <c r="B1733">
        <v>178.63</v>
      </c>
      <c r="C1733">
        <v>3345.45</v>
      </c>
      <c r="D1733">
        <v>1.9</v>
      </c>
      <c r="E1733">
        <v>5885.33</v>
      </c>
      <c r="F1733">
        <v>61.138100000000001</v>
      </c>
    </row>
    <row r="1734" spans="1:6" x14ac:dyDescent="0.25">
      <c r="A1734">
        <v>138.63</v>
      </c>
      <c r="B1734">
        <v>178.63</v>
      </c>
      <c r="C1734">
        <v>3345.45</v>
      </c>
      <c r="D1734">
        <v>2.2000000000000002</v>
      </c>
      <c r="E1734">
        <v>5707.63</v>
      </c>
      <c r="F1734">
        <v>67.475700000000003</v>
      </c>
    </row>
    <row r="1735" spans="1:6" x14ac:dyDescent="0.25">
      <c r="A1735">
        <v>138.63</v>
      </c>
      <c r="B1735">
        <v>178.63</v>
      </c>
      <c r="C1735">
        <v>3345.45</v>
      </c>
      <c r="D1735">
        <v>2.5</v>
      </c>
      <c r="E1735">
        <v>5659.09</v>
      </c>
      <c r="F1735">
        <v>70.605500000000006</v>
      </c>
    </row>
    <row r="1736" spans="1:6" x14ac:dyDescent="0.25">
      <c r="A1736">
        <v>138.63</v>
      </c>
      <c r="B1736">
        <v>178.63</v>
      </c>
      <c r="C1736">
        <v>3345.45</v>
      </c>
      <c r="D1736">
        <v>2.8</v>
      </c>
      <c r="E1736">
        <v>5546.89</v>
      </c>
      <c r="F1736">
        <v>75.827399999999997</v>
      </c>
    </row>
    <row r="1737" spans="1:6" x14ac:dyDescent="0.25">
      <c r="A1737">
        <v>138.63</v>
      </c>
      <c r="B1737">
        <v>178.63</v>
      </c>
      <c r="C1737">
        <v>3345.45</v>
      </c>
      <c r="D1737">
        <v>3.1</v>
      </c>
      <c r="E1737">
        <v>5454.8</v>
      </c>
      <c r="F1737">
        <v>76.567599999999999</v>
      </c>
    </row>
    <row r="1738" spans="1:6" x14ac:dyDescent="0.25">
      <c r="A1738">
        <v>138.63</v>
      </c>
      <c r="B1738">
        <v>178.63</v>
      </c>
      <c r="C1738">
        <v>3345.45</v>
      </c>
      <c r="D1738">
        <v>3.4</v>
      </c>
      <c r="E1738">
        <v>5348.13</v>
      </c>
      <c r="F1738">
        <v>79.888099999999994</v>
      </c>
    </row>
    <row r="1739" spans="1:6" x14ac:dyDescent="0.25">
      <c r="A1739">
        <v>138.63</v>
      </c>
      <c r="B1739">
        <v>178.63</v>
      </c>
      <c r="C1739">
        <v>3345.45</v>
      </c>
      <c r="D1739">
        <v>3.7</v>
      </c>
      <c r="E1739">
        <v>5285.79</v>
      </c>
      <c r="F1739">
        <v>80.322299999999998</v>
      </c>
    </row>
    <row r="1740" spans="1:6" x14ac:dyDescent="0.25">
      <c r="A1740">
        <v>138.63</v>
      </c>
      <c r="B1740">
        <v>178.63</v>
      </c>
      <c r="C1740">
        <v>3345.45</v>
      </c>
      <c r="D1740">
        <v>4</v>
      </c>
      <c r="E1740">
        <v>5217.24</v>
      </c>
      <c r="F1740">
        <v>82.309299999999993</v>
      </c>
    </row>
    <row r="1741" spans="1:6" x14ac:dyDescent="0.25">
      <c r="A1741">
        <v>138.63</v>
      </c>
      <c r="B1741">
        <v>178.63</v>
      </c>
      <c r="C1741">
        <v>4890.8999999999996</v>
      </c>
      <c r="D1741">
        <v>1</v>
      </c>
      <c r="E1741">
        <v>8214.94</v>
      </c>
      <c r="F1741">
        <v>15.187900000000001</v>
      </c>
    </row>
    <row r="1742" spans="1:6" x14ac:dyDescent="0.25">
      <c r="A1742">
        <v>138.63</v>
      </c>
      <c r="B1742">
        <v>178.63</v>
      </c>
      <c r="C1742">
        <v>4890.8999999999996</v>
      </c>
      <c r="D1742">
        <v>1.3</v>
      </c>
      <c r="E1742">
        <v>7883.41</v>
      </c>
      <c r="F1742">
        <v>17.122499999999999</v>
      </c>
    </row>
    <row r="1743" spans="1:6" x14ac:dyDescent="0.25">
      <c r="A1743">
        <v>138.63</v>
      </c>
      <c r="B1743">
        <v>178.63</v>
      </c>
      <c r="C1743">
        <v>4890.8999999999996</v>
      </c>
      <c r="D1743">
        <v>1.6</v>
      </c>
      <c r="E1743">
        <v>7480.13</v>
      </c>
      <c r="F1743">
        <v>22.989899999999999</v>
      </c>
    </row>
    <row r="1744" spans="1:6" x14ac:dyDescent="0.25">
      <c r="A1744">
        <v>138.63</v>
      </c>
      <c r="B1744">
        <v>178.63</v>
      </c>
      <c r="C1744">
        <v>4890.8999999999996</v>
      </c>
      <c r="D1744">
        <v>1.9</v>
      </c>
      <c r="E1744">
        <v>7331.16</v>
      </c>
      <c r="F1744">
        <v>27.639299999999999</v>
      </c>
    </row>
    <row r="1745" spans="1:6" x14ac:dyDescent="0.25">
      <c r="A1745">
        <v>138.63</v>
      </c>
      <c r="B1745">
        <v>178.63</v>
      </c>
      <c r="C1745">
        <v>4890.8999999999996</v>
      </c>
      <c r="D1745">
        <v>2.2000000000000002</v>
      </c>
      <c r="E1745">
        <v>7170.69</v>
      </c>
      <c r="F1745">
        <v>33.159799999999997</v>
      </c>
    </row>
    <row r="1746" spans="1:6" x14ac:dyDescent="0.25">
      <c r="A1746">
        <v>138.63</v>
      </c>
      <c r="B1746">
        <v>178.63</v>
      </c>
      <c r="C1746">
        <v>4890.8999999999996</v>
      </c>
      <c r="D1746">
        <v>2.5</v>
      </c>
      <c r="E1746">
        <v>7033.93</v>
      </c>
      <c r="F1746">
        <v>36.629600000000003</v>
      </c>
    </row>
    <row r="1747" spans="1:6" x14ac:dyDescent="0.25">
      <c r="A1747">
        <v>138.63</v>
      </c>
      <c r="B1747">
        <v>178.63</v>
      </c>
      <c r="C1747">
        <v>4890.8999999999996</v>
      </c>
      <c r="D1747">
        <v>2.8</v>
      </c>
      <c r="E1747">
        <v>6818.6</v>
      </c>
      <c r="F1747">
        <v>40.004899999999999</v>
      </c>
    </row>
    <row r="1748" spans="1:6" x14ac:dyDescent="0.25">
      <c r="A1748">
        <v>138.63</v>
      </c>
      <c r="B1748">
        <v>178.63</v>
      </c>
      <c r="C1748">
        <v>4890.8999999999996</v>
      </c>
      <c r="D1748">
        <v>3.1</v>
      </c>
      <c r="E1748">
        <v>6668.47</v>
      </c>
      <c r="F1748">
        <v>43.225999999999999</v>
      </c>
    </row>
    <row r="1749" spans="1:6" x14ac:dyDescent="0.25">
      <c r="A1749">
        <v>138.63</v>
      </c>
      <c r="B1749">
        <v>178.63</v>
      </c>
      <c r="C1749">
        <v>4890.8999999999996</v>
      </c>
      <c r="D1749">
        <v>3.4</v>
      </c>
      <c r="E1749">
        <v>6615.61</v>
      </c>
      <c r="F1749">
        <v>45.452500000000001</v>
      </c>
    </row>
    <row r="1750" spans="1:6" x14ac:dyDescent="0.25">
      <c r="A1750">
        <v>138.63</v>
      </c>
      <c r="B1750">
        <v>178.63</v>
      </c>
      <c r="C1750">
        <v>4890.8999999999996</v>
      </c>
      <c r="D1750">
        <v>3.7</v>
      </c>
      <c r="E1750">
        <v>6616.67</v>
      </c>
      <c r="F1750">
        <v>46.822400000000002</v>
      </c>
    </row>
    <row r="1751" spans="1:6" x14ac:dyDescent="0.25">
      <c r="A1751">
        <v>138.63</v>
      </c>
      <c r="B1751">
        <v>178.63</v>
      </c>
      <c r="C1751">
        <v>4890.8999999999996</v>
      </c>
      <c r="D1751">
        <v>4</v>
      </c>
      <c r="E1751">
        <v>6556.89</v>
      </c>
      <c r="F1751">
        <v>47.5139</v>
      </c>
    </row>
    <row r="1752" spans="1:6" x14ac:dyDescent="0.25">
      <c r="A1752">
        <v>138.63</v>
      </c>
      <c r="B1752">
        <v>178.63</v>
      </c>
      <c r="C1752">
        <v>6436.35</v>
      </c>
      <c r="D1752">
        <v>1</v>
      </c>
      <c r="E1752">
        <v>10136.700000000001</v>
      </c>
      <c r="F1752">
        <v>11.4657</v>
      </c>
    </row>
    <row r="1753" spans="1:6" x14ac:dyDescent="0.25">
      <c r="A1753">
        <v>138.63</v>
      </c>
      <c r="B1753">
        <v>178.63</v>
      </c>
      <c r="C1753">
        <v>6436.35</v>
      </c>
      <c r="D1753">
        <v>1.3</v>
      </c>
      <c r="E1753">
        <v>9334.8799999999992</v>
      </c>
      <c r="F1753">
        <v>12.131600000000001</v>
      </c>
    </row>
    <row r="1754" spans="1:6" x14ac:dyDescent="0.25">
      <c r="A1754">
        <v>138.63</v>
      </c>
      <c r="B1754">
        <v>178.63</v>
      </c>
      <c r="C1754">
        <v>6436.35</v>
      </c>
      <c r="D1754">
        <v>1.6</v>
      </c>
      <c r="E1754">
        <v>8943.27</v>
      </c>
      <c r="F1754">
        <v>11.943899999999999</v>
      </c>
    </row>
    <row r="1755" spans="1:6" x14ac:dyDescent="0.25">
      <c r="A1755">
        <v>138.63</v>
      </c>
      <c r="B1755">
        <v>178.63</v>
      </c>
      <c r="C1755">
        <v>6436.35</v>
      </c>
      <c r="D1755">
        <v>1.9</v>
      </c>
      <c r="E1755">
        <v>8812.27</v>
      </c>
      <c r="F1755">
        <v>11.645799999999999</v>
      </c>
    </row>
    <row r="1756" spans="1:6" x14ac:dyDescent="0.25">
      <c r="A1756">
        <v>138.63</v>
      </c>
      <c r="B1756">
        <v>178.63</v>
      </c>
      <c r="C1756">
        <v>6436.35</v>
      </c>
      <c r="D1756">
        <v>2.2000000000000002</v>
      </c>
      <c r="E1756">
        <v>8445.81</v>
      </c>
      <c r="F1756">
        <v>11.2128</v>
      </c>
    </row>
    <row r="1757" spans="1:6" x14ac:dyDescent="0.25">
      <c r="A1757">
        <v>138.63</v>
      </c>
      <c r="B1757">
        <v>178.63</v>
      </c>
      <c r="C1757">
        <v>6436.35</v>
      </c>
      <c r="D1757">
        <v>2.5</v>
      </c>
      <c r="E1757">
        <v>8329.4699999999993</v>
      </c>
      <c r="F1757">
        <v>11.949199999999999</v>
      </c>
    </row>
    <row r="1758" spans="1:6" x14ac:dyDescent="0.25">
      <c r="A1758">
        <v>138.63</v>
      </c>
      <c r="B1758">
        <v>178.63</v>
      </c>
      <c r="C1758">
        <v>6436.35</v>
      </c>
      <c r="D1758">
        <v>2.8</v>
      </c>
      <c r="E1758">
        <v>8155.97</v>
      </c>
      <c r="F1758">
        <v>13.351699999999999</v>
      </c>
    </row>
    <row r="1759" spans="1:6" x14ac:dyDescent="0.25">
      <c r="A1759">
        <v>138.63</v>
      </c>
      <c r="B1759">
        <v>178.63</v>
      </c>
      <c r="C1759">
        <v>6436.35</v>
      </c>
      <c r="D1759">
        <v>3.1</v>
      </c>
      <c r="E1759">
        <v>8013.29</v>
      </c>
      <c r="F1759">
        <v>14.972899999999999</v>
      </c>
    </row>
    <row r="1760" spans="1:6" x14ac:dyDescent="0.25">
      <c r="A1760">
        <v>138.63</v>
      </c>
      <c r="B1760">
        <v>178.63</v>
      </c>
      <c r="C1760">
        <v>6436.35</v>
      </c>
      <c r="D1760">
        <v>3.4</v>
      </c>
      <c r="E1760">
        <v>8076.28</v>
      </c>
      <c r="F1760">
        <v>16.709</v>
      </c>
    </row>
    <row r="1761" spans="1:6" x14ac:dyDescent="0.25">
      <c r="A1761">
        <v>138.63</v>
      </c>
      <c r="B1761">
        <v>178.63</v>
      </c>
      <c r="C1761">
        <v>6436.35</v>
      </c>
      <c r="D1761">
        <v>3.7</v>
      </c>
      <c r="E1761">
        <v>7973.4</v>
      </c>
      <c r="F1761">
        <v>17.0989</v>
      </c>
    </row>
    <row r="1762" spans="1:6" x14ac:dyDescent="0.25">
      <c r="A1762">
        <v>138.63</v>
      </c>
      <c r="B1762">
        <v>178.63</v>
      </c>
      <c r="C1762">
        <v>6436.35</v>
      </c>
      <c r="D1762">
        <v>4</v>
      </c>
      <c r="E1762">
        <v>7845.46</v>
      </c>
      <c r="F1762">
        <v>17.978400000000001</v>
      </c>
    </row>
    <row r="1763" spans="1:6" x14ac:dyDescent="0.25">
      <c r="A1763">
        <v>138.63</v>
      </c>
      <c r="B1763">
        <v>178.63</v>
      </c>
      <c r="C1763">
        <v>7981.8</v>
      </c>
      <c r="D1763">
        <v>1</v>
      </c>
      <c r="E1763">
        <v>11904.1</v>
      </c>
      <c r="F1763">
        <v>13.580500000000001</v>
      </c>
    </row>
    <row r="1764" spans="1:6" x14ac:dyDescent="0.25">
      <c r="A1764">
        <v>138.63</v>
      </c>
      <c r="B1764">
        <v>178.63</v>
      </c>
      <c r="C1764">
        <v>7981.8</v>
      </c>
      <c r="D1764">
        <v>1.3</v>
      </c>
      <c r="E1764">
        <v>10913.8</v>
      </c>
      <c r="F1764">
        <v>12.8447</v>
      </c>
    </row>
    <row r="1765" spans="1:6" x14ac:dyDescent="0.25">
      <c r="A1765">
        <v>138.63</v>
      </c>
      <c r="B1765">
        <v>178.63</v>
      </c>
      <c r="C1765">
        <v>7981.8</v>
      </c>
      <c r="D1765">
        <v>1.6</v>
      </c>
      <c r="E1765">
        <v>10639.1</v>
      </c>
      <c r="F1765">
        <v>12.911199999999999</v>
      </c>
    </row>
    <row r="1766" spans="1:6" x14ac:dyDescent="0.25">
      <c r="A1766">
        <v>138.63</v>
      </c>
      <c r="B1766">
        <v>178.63</v>
      </c>
      <c r="C1766">
        <v>7981.8</v>
      </c>
      <c r="D1766">
        <v>1.9</v>
      </c>
      <c r="E1766">
        <v>10377.700000000001</v>
      </c>
      <c r="F1766">
        <v>13.7072</v>
      </c>
    </row>
    <row r="1767" spans="1:6" x14ac:dyDescent="0.25">
      <c r="A1767">
        <v>138.63</v>
      </c>
      <c r="B1767">
        <v>178.63</v>
      </c>
      <c r="C1767">
        <v>7981.8</v>
      </c>
      <c r="D1767">
        <v>2.2000000000000002</v>
      </c>
      <c r="E1767">
        <v>10243.6</v>
      </c>
      <c r="F1767">
        <v>13.726000000000001</v>
      </c>
    </row>
    <row r="1768" spans="1:6" x14ac:dyDescent="0.25">
      <c r="A1768">
        <v>138.63</v>
      </c>
      <c r="B1768">
        <v>178.63</v>
      </c>
      <c r="C1768">
        <v>7981.8</v>
      </c>
      <c r="D1768">
        <v>2.5</v>
      </c>
      <c r="E1768">
        <v>10124</v>
      </c>
      <c r="F1768">
        <v>13.739100000000001</v>
      </c>
    </row>
    <row r="1769" spans="1:6" x14ac:dyDescent="0.25">
      <c r="A1769">
        <v>138.63</v>
      </c>
      <c r="B1769">
        <v>178.63</v>
      </c>
      <c r="C1769">
        <v>7981.8</v>
      </c>
      <c r="D1769">
        <v>2.8</v>
      </c>
      <c r="E1769">
        <v>9920.15</v>
      </c>
      <c r="F1769">
        <v>13.7453</v>
      </c>
    </row>
    <row r="1770" spans="1:6" x14ac:dyDescent="0.25">
      <c r="A1770">
        <v>138.63</v>
      </c>
      <c r="B1770">
        <v>178.63</v>
      </c>
      <c r="C1770">
        <v>7981.8</v>
      </c>
      <c r="D1770">
        <v>3.1</v>
      </c>
      <c r="E1770">
        <v>9811.26</v>
      </c>
      <c r="F1770">
        <v>13.7502</v>
      </c>
    </row>
    <row r="1771" spans="1:6" x14ac:dyDescent="0.25">
      <c r="A1771">
        <v>138.63</v>
      </c>
      <c r="B1771">
        <v>178.63</v>
      </c>
      <c r="C1771">
        <v>7981.8</v>
      </c>
      <c r="D1771">
        <v>3.4</v>
      </c>
      <c r="E1771">
        <v>9650.9599999999991</v>
      </c>
      <c r="F1771">
        <v>13.750999999999999</v>
      </c>
    </row>
    <row r="1772" spans="1:6" x14ac:dyDescent="0.25">
      <c r="A1772">
        <v>138.63</v>
      </c>
      <c r="B1772">
        <v>178.63</v>
      </c>
      <c r="C1772">
        <v>7981.8</v>
      </c>
      <c r="D1772">
        <v>3.7</v>
      </c>
      <c r="E1772">
        <v>9517.86</v>
      </c>
      <c r="F1772">
        <v>13.750999999999999</v>
      </c>
    </row>
    <row r="1773" spans="1:6" x14ac:dyDescent="0.25">
      <c r="A1773">
        <v>138.63</v>
      </c>
      <c r="B1773">
        <v>178.63</v>
      </c>
      <c r="C1773">
        <v>7981.8</v>
      </c>
      <c r="D1773">
        <v>4</v>
      </c>
      <c r="E1773">
        <v>9404.82</v>
      </c>
      <c r="F1773">
        <v>13.747299999999999</v>
      </c>
    </row>
    <row r="1774" spans="1:6" x14ac:dyDescent="0.25">
      <c r="A1774">
        <v>138.63</v>
      </c>
      <c r="B1774">
        <v>178.63</v>
      </c>
      <c r="C1774">
        <v>9527.25</v>
      </c>
      <c r="D1774">
        <v>1</v>
      </c>
      <c r="E1774">
        <v>13905.8</v>
      </c>
      <c r="F1774">
        <v>13.580500000000001</v>
      </c>
    </row>
    <row r="1775" spans="1:6" x14ac:dyDescent="0.25">
      <c r="A1775">
        <v>138.63</v>
      </c>
      <c r="B1775">
        <v>178.63</v>
      </c>
      <c r="C1775">
        <v>9527.25</v>
      </c>
      <c r="D1775">
        <v>1.3</v>
      </c>
      <c r="E1775">
        <v>12823.7</v>
      </c>
      <c r="F1775">
        <v>12.9474</v>
      </c>
    </row>
    <row r="1776" spans="1:6" x14ac:dyDescent="0.25">
      <c r="A1776">
        <v>138.63</v>
      </c>
      <c r="B1776">
        <v>178.63</v>
      </c>
      <c r="C1776">
        <v>9527.25</v>
      </c>
      <c r="D1776">
        <v>1.6</v>
      </c>
      <c r="E1776">
        <v>12309.2</v>
      </c>
      <c r="F1776">
        <v>12.961</v>
      </c>
    </row>
    <row r="1777" spans="1:6" x14ac:dyDescent="0.25">
      <c r="A1777">
        <v>138.63</v>
      </c>
      <c r="B1777">
        <v>178.63</v>
      </c>
      <c r="C1777">
        <v>9527.25</v>
      </c>
      <c r="D1777">
        <v>1.9</v>
      </c>
      <c r="E1777">
        <v>12000.7</v>
      </c>
      <c r="F1777">
        <v>13.7072</v>
      </c>
    </row>
    <row r="1778" spans="1:6" x14ac:dyDescent="0.25">
      <c r="A1778">
        <v>138.63</v>
      </c>
      <c r="B1778">
        <v>178.63</v>
      </c>
      <c r="C1778">
        <v>9527.25</v>
      </c>
      <c r="D1778">
        <v>2.2000000000000002</v>
      </c>
      <c r="E1778">
        <v>11703.5</v>
      </c>
      <c r="F1778">
        <v>13.726000000000001</v>
      </c>
    </row>
    <row r="1779" spans="1:6" x14ac:dyDescent="0.25">
      <c r="A1779">
        <v>138.63</v>
      </c>
      <c r="B1779">
        <v>178.63</v>
      </c>
      <c r="C1779">
        <v>9527.25</v>
      </c>
      <c r="D1779">
        <v>2.5</v>
      </c>
      <c r="E1779">
        <v>11471.9</v>
      </c>
      <c r="F1779">
        <v>13.739100000000001</v>
      </c>
    </row>
    <row r="1780" spans="1:6" x14ac:dyDescent="0.25">
      <c r="A1780">
        <v>138.63</v>
      </c>
      <c r="B1780">
        <v>178.63</v>
      </c>
      <c r="C1780">
        <v>9527.25</v>
      </c>
      <c r="D1780">
        <v>2.8</v>
      </c>
      <c r="E1780">
        <v>11284.3</v>
      </c>
      <c r="F1780">
        <v>13.7453</v>
      </c>
    </row>
    <row r="1781" spans="1:6" x14ac:dyDescent="0.25">
      <c r="A1781">
        <v>138.63</v>
      </c>
      <c r="B1781">
        <v>178.63</v>
      </c>
      <c r="C1781">
        <v>9527.25</v>
      </c>
      <c r="D1781">
        <v>3.1</v>
      </c>
      <c r="E1781">
        <v>11127.7</v>
      </c>
      <c r="F1781">
        <v>13.7502</v>
      </c>
    </row>
    <row r="1782" spans="1:6" x14ac:dyDescent="0.25">
      <c r="A1782">
        <v>138.63</v>
      </c>
      <c r="B1782">
        <v>178.63</v>
      </c>
      <c r="C1782">
        <v>9527.25</v>
      </c>
      <c r="D1782">
        <v>3.4</v>
      </c>
      <c r="E1782">
        <v>11121.3</v>
      </c>
      <c r="F1782">
        <v>13.750999999999999</v>
      </c>
    </row>
    <row r="1783" spans="1:6" x14ac:dyDescent="0.25">
      <c r="A1783">
        <v>138.63</v>
      </c>
      <c r="B1783">
        <v>178.63</v>
      </c>
      <c r="C1783">
        <v>9527.25</v>
      </c>
      <c r="D1783">
        <v>3.7</v>
      </c>
      <c r="E1783">
        <v>10993.4</v>
      </c>
      <c r="F1783">
        <v>13.750999999999999</v>
      </c>
    </row>
    <row r="1784" spans="1:6" x14ac:dyDescent="0.25">
      <c r="A1784">
        <v>138.63</v>
      </c>
      <c r="B1784">
        <v>178.63</v>
      </c>
      <c r="C1784">
        <v>9527.25</v>
      </c>
      <c r="D1784">
        <v>4</v>
      </c>
      <c r="E1784">
        <v>11092.2</v>
      </c>
      <c r="F1784">
        <v>13.747299999999999</v>
      </c>
    </row>
    <row r="1785" spans="1:6" x14ac:dyDescent="0.25">
      <c r="A1785">
        <v>138.63</v>
      </c>
      <c r="B1785">
        <v>178.63</v>
      </c>
      <c r="C1785">
        <v>11072.7</v>
      </c>
      <c r="D1785">
        <v>1</v>
      </c>
      <c r="E1785">
        <v>15278.2</v>
      </c>
      <c r="F1785">
        <v>13.580500000000001</v>
      </c>
    </row>
    <row r="1786" spans="1:6" x14ac:dyDescent="0.25">
      <c r="A1786">
        <v>138.63</v>
      </c>
      <c r="B1786">
        <v>178.63</v>
      </c>
      <c r="C1786">
        <v>11072.7</v>
      </c>
      <c r="D1786">
        <v>1.3</v>
      </c>
      <c r="E1786">
        <v>14404.2</v>
      </c>
      <c r="F1786">
        <v>12.9474</v>
      </c>
    </row>
    <row r="1787" spans="1:6" x14ac:dyDescent="0.25">
      <c r="A1787">
        <v>138.63</v>
      </c>
      <c r="B1787">
        <v>178.63</v>
      </c>
      <c r="C1787">
        <v>11072.7</v>
      </c>
      <c r="D1787">
        <v>1.6</v>
      </c>
      <c r="E1787">
        <v>13863.3</v>
      </c>
      <c r="F1787">
        <v>12.961</v>
      </c>
    </row>
    <row r="1788" spans="1:6" x14ac:dyDescent="0.25">
      <c r="A1788">
        <v>138.63</v>
      </c>
      <c r="B1788">
        <v>178.63</v>
      </c>
      <c r="C1788">
        <v>11072.7</v>
      </c>
      <c r="D1788">
        <v>1.9</v>
      </c>
      <c r="E1788">
        <v>13441.2</v>
      </c>
      <c r="F1788">
        <v>13.7072</v>
      </c>
    </row>
    <row r="1789" spans="1:6" x14ac:dyDescent="0.25">
      <c r="A1789">
        <v>138.63</v>
      </c>
      <c r="B1789">
        <v>178.63</v>
      </c>
      <c r="C1789">
        <v>11072.7</v>
      </c>
      <c r="D1789">
        <v>2.2000000000000002</v>
      </c>
      <c r="E1789">
        <v>13345.7</v>
      </c>
      <c r="F1789">
        <v>13.726000000000001</v>
      </c>
    </row>
    <row r="1790" spans="1:6" x14ac:dyDescent="0.25">
      <c r="A1790">
        <v>138.63</v>
      </c>
      <c r="B1790">
        <v>178.63</v>
      </c>
      <c r="C1790">
        <v>11072.7</v>
      </c>
      <c r="D1790">
        <v>2.5</v>
      </c>
      <c r="E1790">
        <v>13152</v>
      </c>
      <c r="F1790">
        <v>13.739100000000001</v>
      </c>
    </row>
    <row r="1791" spans="1:6" x14ac:dyDescent="0.25">
      <c r="A1791">
        <v>138.63</v>
      </c>
      <c r="B1791">
        <v>178.63</v>
      </c>
      <c r="C1791">
        <v>11072.7</v>
      </c>
      <c r="D1791">
        <v>2.8</v>
      </c>
      <c r="E1791">
        <v>13018.9</v>
      </c>
      <c r="F1791">
        <v>13.7453</v>
      </c>
    </row>
    <row r="1792" spans="1:6" x14ac:dyDescent="0.25">
      <c r="A1792">
        <v>138.63</v>
      </c>
      <c r="B1792">
        <v>178.63</v>
      </c>
      <c r="C1792">
        <v>11072.7</v>
      </c>
      <c r="D1792">
        <v>3.1</v>
      </c>
      <c r="E1792">
        <v>12743.3</v>
      </c>
      <c r="F1792">
        <v>13.7502</v>
      </c>
    </row>
    <row r="1793" spans="1:6" x14ac:dyDescent="0.25">
      <c r="A1793">
        <v>138.63</v>
      </c>
      <c r="B1793">
        <v>178.63</v>
      </c>
      <c r="C1793">
        <v>11072.7</v>
      </c>
      <c r="D1793">
        <v>3.4</v>
      </c>
      <c r="E1793">
        <v>12829.2</v>
      </c>
      <c r="F1793">
        <v>13.750999999999999</v>
      </c>
    </row>
    <row r="1794" spans="1:6" x14ac:dyDescent="0.25">
      <c r="A1794">
        <v>138.63</v>
      </c>
      <c r="B1794">
        <v>178.63</v>
      </c>
      <c r="C1794">
        <v>11072.7</v>
      </c>
      <c r="D1794">
        <v>3.7</v>
      </c>
      <c r="E1794">
        <v>12634.4</v>
      </c>
      <c r="F1794">
        <v>13.750999999999999</v>
      </c>
    </row>
    <row r="1795" spans="1:6" x14ac:dyDescent="0.25">
      <c r="A1795">
        <v>138.63</v>
      </c>
      <c r="B1795">
        <v>178.63</v>
      </c>
      <c r="C1795">
        <v>11072.7</v>
      </c>
      <c r="D1795">
        <v>4</v>
      </c>
      <c r="E1795">
        <v>12562</v>
      </c>
      <c r="F1795">
        <v>13.747299999999999</v>
      </c>
    </row>
    <row r="1796" spans="1:6" x14ac:dyDescent="0.25">
      <c r="A1796">
        <v>138.63</v>
      </c>
      <c r="B1796">
        <v>178.63</v>
      </c>
      <c r="C1796">
        <v>12618.2</v>
      </c>
      <c r="D1796">
        <v>1</v>
      </c>
      <c r="E1796">
        <v>16797.5</v>
      </c>
      <c r="F1796">
        <v>13.580500000000001</v>
      </c>
    </row>
    <row r="1797" spans="1:6" x14ac:dyDescent="0.25">
      <c r="A1797">
        <v>138.63</v>
      </c>
      <c r="B1797">
        <v>178.63</v>
      </c>
      <c r="C1797">
        <v>12618.2</v>
      </c>
      <c r="D1797">
        <v>1.3</v>
      </c>
      <c r="E1797">
        <v>15937.9</v>
      </c>
      <c r="F1797">
        <v>12.9474</v>
      </c>
    </row>
    <row r="1798" spans="1:6" x14ac:dyDescent="0.25">
      <c r="A1798">
        <v>138.63</v>
      </c>
      <c r="B1798">
        <v>178.63</v>
      </c>
      <c r="C1798">
        <v>12618.2</v>
      </c>
      <c r="D1798">
        <v>1.6</v>
      </c>
      <c r="E1798">
        <v>15434.1</v>
      </c>
      <c r="F1798">
        <v>12.961</v>
      </c>
    </row>
    <row r="1799" spans="1:6" x14ac:dyDescent="0.25">
      <c r="A1799">
        <v>138.63</v>
      </c>
      <c r="B1799">
        <v>178.63</v>
      </c>
      <c r="C1799">
        <v>12618.2</v>
      </c>
      <c r="D1799">
        <v>1.9</v>
      </c>
      <c r="E1799">
        <v>15093.3</v>
      </c>
      <c r="F1799">
        <v>13.7072</v>
      </c>
    </row>
    <row r="1800" spans="1:6" x14ac:dyDescent="0.25">
      <c r="A1800">
        <v>138.63</v>
      </c>
      <c r="B1800">
        <v>178.63</v>
      </c>
      <c r="C1800">
        <v>12618.2</v>
      </c>
      <c r="D1800">
        <v>2.2000000000000002</v>
      </c>
      <c r="E1800">
        <v>14663.1</v>
      </c>
      <c r="F1800">
        <v>13.726000000000001</v>
      </c>
    </row>
    <row r="1801" spans="1:6" x14ac:dyDescent="0.25">
      <c r="A1801">
        <v>138.63</v>
      </c>
      <c r="B1801">
        <v>178.63</v>
      </c>
      <c r="C1801">
        <v>12618.2</v>
      </c>
      <c r="D1801">
        <v>2.5</v>
      </c>
      <c r="E1801">
        <v>14539.7</v>
      </c>
      <c r="F1801">
        <v>13.739100000000001</v>
      </c>
    </row>
    <row r="1802" spans="1:6" x14ac:dyDescent="0.25">
      <c r="A1802">
        <v>138.63</v>
      </c>
      <c r="B1802">
        <v>178.63</v>
      </c>
      <c r="C1802">
        <v>12618.2</v>
      </c>
      <c r="D1802">
        <v>2.8</v>
      </c>
      <c r="E1802">
        <v>14623</v>
      </c>
      <c r="F1802">
        <v>13.7453</v>
      </c>
    </row>
    <row r="1803" spans="1:6" x14ac:dyDescent="0.25">
      <c r="A1803">
        <v>138.63</v>
      </c>
      <c r="B1803">
        <v>178.63</v>
      </c>
      <c r="C1803">
        <v>12618.2</v>
      </c>
      <c r="D1803">
        <v>3.1</v>
      </c>
      <c r="E1803">
        <v>14410.4</v>
      </c>
      <c r="F1803">
        <v>13.7502</v>
      </c>
    </row>
    <row r="1804" spans="1:6" x14ac:dyDescent="0.25">
      <c r="A1804">
        <v>138.63</v>
      </c>
      <c r="B1804">
        <v>178.63</v>
      </c>
      <c r="C1804">
        <v>12618.2</v>
      </c>
      <c r="D1804">
        <v>3.4</v>
      </c>
      <c r="E1804">
        <v>14232.1</v>
      </c>
      <c r="F1804">
        <v>13.750999999999999</v>
      </c>
    </row>
    <row r="1805" spans="1:6" x14ac:dyDescent="0.25">
      <c r="A1805">
        <v>138.63</v>
      </c>
      <c r="B1805">
        <v>178.63</v>
      </c>
      <c r="C1805">
        <v>12618.2</v>
      </c>
      <c r="D1805">
        <v>3.7</v>
      </c>
      <c r="E1805">
        <v>14108.6</v>
      </c>
      <c r="F1805">
        <v>13.750999999999999</v>
      </c>
    </row>
    <row r="1806" spans="1:6" x14ac:dyDescent="0.25">
      <c r="A1806">
        <v>138.63</v>
      </c>
      <c r="B1806">
        <v>178.63</v>
      </c>
      <c r="C1806">
        <v>12618.2</v>
      </c>
      <c r="D1806">
        <v>4</v>
      </c>
      <c r="E1806">
        <v>14060.5</v>
      </c>
      <c r="F1806">
        <v>13.747299999999999</v>
      </c>
    </row>
    <row r="1807" spans="1:6" x14ac:dyDescent="0.25">
      <c r="A1807">
        <v>138.63</v>
      </c>
      <c r="B1807">
        <v>178.63</v>
      </c>
      <c r="C1807">
        <v>14163.6</v>
      </c>
      <c r="D1807">
        <v>1</v>
      </c>
      <c r="E1807">
        <v>18314.099999999999</v>
      </c>
      <c r="F1807">
        <v>13.580500000000001</v>
      </c>
    </row>
    <row r="1808" spans="1:6" x14ac:dyDescent="0.25">
      <c r="A1808">
        <v>138.63</v>
      </c>
      <c r="B1808">
        <v>178.63</v>
      </c>
      <c r="C1808">
        <v>14163.6</v>
      </c>
      <c r="D1808">
        <v>1.3</v>
      </c>
      <c r="E1808">
        <v>17589.8</v>
      </c>
      <c r="F1808">
        <v>12.9474</v>
      </c>
    </row>
    <row r="1809" spans="1:6" x14ac:dyDescent="0.25">
      <c r="A1809">
        <v>138.63</v>
      </c>
      <c r="B1809">
        <v>178.63</v>
      </c>
      <c r="C1809">
        <v>14163.6</v>
      </c>
      <c r="D1809">
        <v>1.6</v>
      </c>
      <c r="E1809">
        <v>16745.400000000001</v>
      </c>
      <c r="F1809">
        <v>12.961</v>
      </c>
    </row>
    <row r="1810" spans="1:6" x14ac:dyDescent="0.25">
      <c r="A1810">
        <v>138.63</v>
      </c>
      <c r="B1810">
        <v>178.63</v>
      </c>
      <c r="C1810">
        <v>14163.6</v>
      </c>
      <c r="D1810">
        <v>1.9</v>
      </c>
      <c r="E1810">
        <v>16579.599999999999</v>
      </c>
      <c r="F1810">
        <v>13.7072</v>
      </c>
    </row>
    <row r="1811" spans="1:6" x14ac:dyDescent="0.25">
      <c r="A1811">
        <v>138.63</v>
      </c>
      <c r="B1811">
        <v>178.63</v>
      </c>
      <c r="C1811">
        <v>14163.6</v>
      </c>
      <c r="D1811">
        <v>2.2000000000000002</v>
      </c>
      <c r="E1811">
        <v>16396.5</v>
      </c>
      <c r="F1811">
        <v>13.726000000000001</v>
      </c>
    </row>
    <row r="1812" spans="1:6" x14ac:dyDescent="0.25">
      <c r="A1812">
        <v>138.63</v>
      </c>
      <c r="B1812">
        <v>178.63</v>
      </c>
      <c r="C1812">
        <v>14163.6</v>
      </c>
      <c r="D1812">
        <v>2.5</v>
      </c>
      <c r="E1812">
        <v>16339.3</v>
      </c>
      <c r="F1812">
        <v>13.739100000000001</v>
      </c>
    </row>
    <row r="1813" spans="1:6" x14ac:dyDescent="0.25">
      <c r="A1813">
        <v>138.63</v>
      </c>
      <c r="B1813">
        <v>178.63</v>
      </c>
      <c r="C1813">
        <v>14163.6</v>
      </c>
      <c r="D1813">
        <v>2.8</v>
      </c>
      <c r="E1813">
        <v>15945.1</v>
      </c>
      <c r="F1813">
        <v>13.7453</v>
      </c>
    </row>
    <row r="1814" spans="1:6" x14ac:dyDescent="0.25">
      <c r="A1814">
        <v>138.63</v>
      </c>
      <c r="B1814">
        <v>178.63</v>
      </c>
      <c r="C1814">
        <v>14163.6</v>
      </c>
      <c r="D1814">
        <v>3.1</v>
      </c>
      <c r="E1814">
        <v>15900.5</v>
      </c>
      <c r="F1814">
        <v>13.7502</v>
      </c>
    </row>
    <row r="1815" spans="1:6" x14ac:dyDescent="0.25">
      <c r="A1815">
        <v>138.63</v>
      </c>
      <c r="B1815">
        <v>178.63</v>
      </c>
      <c r="C1815">
        <v>14163.6</v>
      </c>
      <c r="D1815">
        <v>3.4</v>
      </c>
      <c r="E1815">
        <v>15946.5</v>
      </c>
      <c r="F1815">
        <v>13.750999999999999</v>
      </c>
    </row>
    <row r="1816" spans="1:6" x14ac:dyDescent="0.25">
      <c r="A1816">
        <v>138.63</v>
      </c>
      <c r="B1816">
        <v>178.63</v>
      </c>
      <c r="C1816">
        <v>14163.6</v>
      </c>
      <c r="D1816">
        <v>3.7</v>
      </c>
      <c r="E1816">
        <v>15923.2</v>
      </c>
      <c r="F1816">
        <v>13.750999999999999</v>
      </c>
    </row>
    <row r="1817" spans="1:6" x14ac:dyDescent="0.25">
      <c r="A1817">
        <v>138.63</v>
      </c>
      <c r="B1817">
        <v>178.63</v>
      </c>
      <c r="C1817">
        <v>14163.6</v>
      </c>
      <c r="D1817">
        <v>4</v>
      </c>
      <c r="E1817">
        <v>15700</v>
      </c>
      <c r="F1817">
        <v>13.747299999999999</v>
      </c>
    </row>
    <row r="1818" spans="1:6" x14ac:dyDescent="0.25">
      <c r="A1818">
        <v>138.63</v>
      </c>
      <c r="B1818">
        <v>178.63</v>
      </c>
      <c r="C1818">
        <v>15709.1</v>
      </c>
      <c r="D1818">
        <v>1</v>
      </c>
      <c r="E1818">
        <v>19412.8</v>
      </c>
      <c r="F1818">
        <v>13.580500000000001</v>
      </c>
    </row>
    <row r="1819" spans="1:6" x14ac:dyDescent="0.25">
      <c r="A1819">
        <v>138.63</v>
      </c>
      <c r="B1819">
        <v>178.63</v>
      </c>
      <c r="C1819">
        <v>15709.1</v>
      </c>
      <c r="D1819">
        <v>1.3</v>
      </c>
      <c r="E1819">
        <v>18882.400000000001</v>
      </c>
      <c r="F1819">
        <v>12.9474</v>
      </c>
    </row>
    <row r="1820" spans="1:6" x14ac:dyDescent="0.25">
      <c r="A1820">
        <v>138.63</v>
      </c>
      <c r="B1820">
        <v>178.63</v>
      </c>
      <c r="C1820">
        <v>15709.1</v>
      </c>
      <c r="D1820">
        <v>1.6</v>
      </c>
      <c r="E1820">
        <v>18494.8</v>
      </c>
      <c r="F1820">
        <v>12.961</v>
      </c>
    </row>
    <row r="1821" spans="1:6" x14ac:dyDescent="0.25">
      <c r="A1821">
        <v>138.63</v>
      </c>
      <c r="B1821">
        <v>178.63</v>
      </c>
      <c r="C1821">
        <v>15709.1</v>
      </c>
      <c r="D1821">
        <v>1.9</v>
      </c>
      <c r="E1821">
        <v>18063.400000000001</v>
      </c>
      <c r="F1821">
        <v>13.7072</v>
      </c>
    </row>
    <row r="1822" spans="1:6" x14ac:dyDescent="0.25">
      <c r="A1822">
        <v>138.63</v>
      </c>
      <c r="B1822">
        <v>178.63</v>
      </c>
      <c r="C1822">
        <v>15709.1</v>
      </c>
      <c r="D1822">
        <v>2.2000000000000002</v>
      </c>
      <c r="E1822">
        <v>17782.7</v>
      </c>
      <c r="F1822">
        <v>13.726000000000001</v>
      </c>
    </row>
    <row r="1823" spans="1:6" x14ac:dyDescent="0.25">
      <c r="A1823">
        <v>138.63</v>
      </c>
      <c r="B1823">
        <v>178.63</v>
      </c>
      <c r="C1823">
        <v>15709.1</v>
      </c>
      <c r="D1823">
        <v>2.5</v>
      </c>
      <c r="E1823">
        <v>17803.2</v>
      </c>
      <c r="F1823">
        <v>13.739100000000001</v>
      </c>
    </row>
    <row r="1824" spans="1:6" x14ac:dyDescent="0.25">
      <c r="A1824">
        <v>138.63</v>
      </c>
      <c r="B1824">
        <v>178.63</v>
      </c>
      <c r="C1824">
        <v>15709.1</v>
      </c>
      <c r="D1824">
        <v>2.8</v>
      </c>
      <c r="E1824">
        <v>17534.2</v>
      </c>
      <c r="F1824">
        <v>13.7453</v>
      </c>
    </row>
    <row r="1825" spans="1:6" x14ac:dyDescent="0.25">
      <c r="A1825">
        <v>138.63</v>
      </c>
      <c r="B1825">
        <v>178.63</v>
      </c>
      <c r="C1825">
        <v>15709.1</v>
      </c>
      <c r="D1825">
        <v>3.1</v>
      </c>
      <c r="E1825">
        <v>17462.3</v>
      </c>
      <c r="F1825">
        <v>13.7502</v>
      </c>
    </row>
    <row r="1826" spans="1:6" x14ac:dyDescent="0.25">
      <c r="A1826">
        <v>138.63</v>
      </c>
      <c r="B1826">
        <v>178.63</v>
      </c>
      <c r="C1826">
        <v>15709.1</v>
      </c>
      <c r="D1826">
        <v>3.4</v>
      </c>
      <c r="E1826">
        <v>17275</v>
      </c>
      <c r="F1826">
        <v>13.750999999999999</v>
      </c>
    </row>
    <row r="1827" spans="1:6" x14ac:dyDescent="0.25">
      <c r="A1827">
        <v>138.63</v>
      </c>
      <c r="B1827">
        <v>178.63</v>
      </c>
      <c r="C1827">
        <v>15709.1</v>
      </c>
      <c r="D1827">
        <v>3.7</v>
      </c>
      <c r="E1827">
        <v>17378.099999999999</v>
      </c>
      <c r="F1827">
        <v>13.750999999999999</v>
      </c>
    </row>
    <row r="1828" spans="1:6" x14ac:dyDescent="0.25">
      <c r="A1828">
        <v>138.63</v>
      </c>
      <c r="B1828">
        <v>178.63</v>
      </c>
      <c r="C1828">
        <v>15709.1</v>
      </c>
      <c r="D1828">
        <v>4</v>
      </c>
      <c r="E1828">
        <v>17191.5</v>
      </c>
      <c r="F1828">
        <v>13.747299999999999</v>
      </c>
    </row>
    <row r="1829" spans="1:6" x14ac:dyDescent="0.25">
      <c r="A1829">
        <v>138.63</v>
      </c>
      <c r="B1829">
        <v>178.63</v>
      </c>
      <c r="C1829">
        <v>17254.5</v>
      </c>
      <c r="D1829">
        <v>1</v>
      </c>
      <c r="E1829">
        <v>21615.599999999999</v>
      </c>
      <c r="F1829">
        <v>13.580500000000001</v>
      </c>
    </row>
    <row r="1830" spans="1:6" x14ac:dyDescent="0.25">
      <c r="A1830">
        <v>138.63</v>
      </c>
      <c r="B1830">
        <v>178.63</v>
      </c>
      <c r="C1830">
        <v>17254.5</v>
      </c>
      <c r="D1830">
        <v>1.3</v>
      </c>
      <c r="E1830">
        <v>20275.099999999999</v>
      </c>
      <c r="F1830">
        <v>12.9474</v>
      </c>
    </row>
    <row r="1831" spans="1:6" x14ac:dyDescent="0.25">
      <c r="A1831">
        <v>138.63</v>
      </c>
      <c r="B1831">
        <v>178.63</v>
      </c>
      <c r="C1831">
        <v>17254.5</v>
      </c>
      <c r="D1831">
        <v>1.6</v>
      </c>
      <c r="E1831">
        <v>19967.400000000001</v>
      </c>
      <c r="F1831">
        <v>12.961</v>
      </c>
    </row>
    <row r="1832" spans="1:6" x14ac:dyDescent="0.25">
      <c r="A1832">
        <v>138.63</v>
      </c>
      <c r="B1832">
        <v>178.63</v>
      </c>
      <c r="C1832">
        <v>17254.5</v>
      </c>
      <c r="D1832">
        <v>1.9</v>
      </c>
      <c r="E1832">
        <v>19482.599999999999</v>
      </c>
      <c r="F1832">
        <v>13.7072</v>
      </c>
    </row>
    <row r="1833" spans="1:6" x14ac:dyDescent="0.25">
      <c r="A1833">
        <v>138.63</v>
      </c>
      <c r="B1833">
        <v>178.63</v>
      </c>
      <c r="C1833">
        <v>17254.5</v>
      </c>
      <c r="D1833">
        <v>2.2000000000000002</v>
      </c>
      <c r="E1833">
        <v>19360.099999999999</v>
      </c>
      <c r="F1833">
        <v>13.726000000000001</v>
      </c>
    </row>
    <row r="1834" spans="1:6" x14ac:dyDescent="0.25">
      <c r="A1834">
        <v>138.63</v>
      </c>
      <c r="B1834">
        <v>178.63</v>
      </c>
      <c r="C1834">
        <v>17254.5</v>
      </c>
      <c r="D1834">
        <v>2.5</v>
      </c>
      <c r="E1834">
        <v>19261.7</v>
      </c>
      <c r="F1834">
        <v>13.739100000000001</v>
      </c>
    </row>
    <row r="1835" spans="1:6" x14ac:dyDescent="0.25">
      <c r="A1835">
        <v>138.63</v>
      </c>
      <c r="B1835">
        <v>178.63</v>
      </c>
      <c r="C1835">
        <v>17254.5</v>
      </c>
      <c r="D1835">
        <v>2.8</v>
      </c>
      <c r="E1835">
        <v>19204.2</v>
      </c>
      <c r="F1835">
        <v>13.7453</v>
      </c>
    </row>
    <row r="1836" spans="1:6" x14ac:dyDescent="0.25">
      <c r="A1836">
        <v>138.63</v>
      </c>
      <c r="B1836">
        <v>178.63</v>
      </c>
      <c r="C1836">
        <v>17254.5</v>
      </c>
      <c r="D1836">
        <v>3.1</v>
      </c>
      <c r="E1836">
        <v>18989.5</v>
      </c>
      <c r="F1836">
        <v>13.7502</v>
      </c>
    </row>
    <row r="1837" spans="1:6" x14ac:dyDescent="0.25">
      <c r="A1837">
        <v>138.63</v>
      </c>
      <c r="B1837">
        <v>178.63</v>
      </c>
      <c r="C1837">
        <v>17254.5</v>
      </c>
      <c r="D1837">
        <v>3.4</v>
      </c>
      <c r="E1837">
        <v>18907.099999999999</v>
      </c>
      <c r="F1837">
        <v>13.750999999999999</v>
      </c>
    </row>
    <row r="1838" spans="1:6" x14ac:dyDescent="0.25">
      <c r="A1838">
        <v>138.63</v>
      </c>
      <c r="B1838">
        <v>178.63</v>
      </c>
      <c r="C1838">
        <v>17254.5</v>
      </c>
      <c r="D1838">
        <v>3.7</v>
      </c>
      <c r="E1838">
        <v>18929.5</v>
      </c>
      <c r="F1838">
        <v>13.750999999999999</v>
      </c>
    </row>
    <row r="1839" spans="1:6" x14ac:dyDescent="0.25">
      <c r="A1839">
        <v>138.63</v>
      </c>
      <c r="B1839">
        <v>178.63</v>
      </c>
      <c r="C1839">
        <v>17254.5</v>
      </c>
      <c r="D1839">
        <v>4</v>
      </c>
      <c r="E1839">
        <v>18930.599999999999</v>
      </c>
      <c r="F1839">
        <v>13.747299999999999</v>
      </c>
    </row>
    <row r="1840" spans="1:6" x14ac:dyDescent="0.25">
      <c r="A1840">
        <v>138.63</v>
      </c>
      <c r="B1840">
        <v>178.63</v>
      </c>
      <c r="C1840">
        <v>18800</v>
      </c>
      <c r="D1840">
        <v>1</v>
      </c>
      <c r="E1840">
        <v>22749.9</v>
      </c>
      <c r="F1840">
        <v>13.580500000000001</v>
      </c>
    </row>
    <row r="1841" spans="1:6" x14ac:dyDescent="0.25">
      <c r="A1841">
        <v>138.63</v>
      </c>
      <c r="B1841">
        <v>178.63</v>
      </c>
      <c r="C1841">
        <v>18800</v>
      </c>
      <c r="D1841">
        <v>1.3</v>
      </c>
      <c r="E1841">
        <v>22183</v>
      </c>
      <c r="F1841">
        <v>12.9474</v>
      </c>
    </row>
    <row r="1842" spans="1:6" x14ac:dyDescent="0.25">
      <c r="A1842">
        <v>138.63</v>
      </c>
      <c r="B1842">
        <v>178.63</v>
      </c>
      <c r="C1842">
        <v>18800</v>
      </c>
      <c r="D1842">
        <v>1.6</v>
      </c>
      <c r="E1842">
        <v>21639</v>
      </c>
      <c r="F1842">
        <v>12.961</v>
      </c>
    </row>
    <row r="1843" spans="1:6" x14ac:dyDescent="0.25">
      <c r="A1843">
        <v>138.63</v>
      </c>
      <c r="B1843">
        <v>178.63</v>
      </c>
      <c r="C1843">
        <v>18800</v>
      </c>
      <c r="D1843">
        <v>1.9</v>
      </c>
      <c r="E1843">
        <v>21209.599999999999</v>
      </c>
      <c r="F1843">
        <v>13.7072</v>
      </c>
    </row>
    <row r="1844" spans="1:6" x14ac:dyDescent="0.25">
      <c r="A1844">
        <v>138.63</v>
      </c>
      <c r="B1844">
        <v>178.63</v>
      </c>
      <c r="C1844">
        <v>18800</v>
      </c>
      <c r="D1844">
        <v>2.2000000000000002</v>
      </c>
      <c r="E1844">
        <v>20879.099999999999</v>
      </c>
      <c r="F1844">
        <v>13.726000000000001</v>
      </c>
    </row>
    <row r="1845" spans="1:6" x14ac:dyDescent="0.25">
      <c r="A1845">
        <v>138.63</v>
      </c>
      <c r="B1845">
        <v>178.63</v>
      </c>
      <c r="C1845">
        <v>18800</v>
      </c>
      <c r="D1845">
        <v>2.5</v>
      </c>
      <c r="E1845">
        <v>20887.099999999999</v>
      </c>
      <c r="F1845">
        <v>13.739100000000001</v>
      </c>
    </row>
    <row r="1846" spans="1:6" x14ac:dyDescent="0.25">
      <c r="A1846">
        <v>138.63</v>
      </c>
      <c r="B1846">
        <v>178.63</v>
      </c>
      <c r="C1846">
        <v>18800</v>
      </c>
      <c r="D1846">
        <v>2.8</v>
      </c>
      <c r="E1846">
        <v>20560.2</v>
      </c>
      <c r="F1846">
        <v>13.7453</v>
      </c>
    </row>
    <row r="1847" spans="1:6" x14ac:dyDescent="0.25">
      <c r="A1847">
        <v>138.63</v>
      </c>
      <c r="B1847">
        <v>178.63</v>
      </c>
      <c r="C1847">
        <v>18800</v>
      </c>
      <c r="D1847">
        <v>3.1</v>
      </c>
      <c r="E1847">
        <v>20482.400000000001</v>
      </c>
      <c r="F1847">
        <v>13.7502</v>
      </c>
    </row>
    <row r="1848" spans="1:6" x14ac:dyDescent="0.25">
      <c r="A1848">
        <v>138.63</v>
      </c>
      <c r="B1848">
        <v>178.63</v>
      </c>
      <c r="C1848">
        <v>18800</v>
      </c>
      <c r="D1848">
        <v>3.4</v>
      </c>
      <c r="E1848">
        <v>20679.8</v>
      </c>
      <c r="F1848">
        <v>13.750999999999999</v>
      </c>
    </row>
    <row r="1849" spans="1:6" x14ac:dyDescent="0.25">
      <c r="A1849">
        <v>138.63</v>
      </c>
      <c r="B1849">
        <v>178.63</v>
      </c>
      <c r="C1849">
        <v>18800</v>
      </c>
      <c r="D1849">
        <v>3.7</v>
      </c>
      <c r="E1849">
        <v>20500.599999999999</v>
      </c>
      <c r="F1849">
        <v>13.750999999999999</v>
      </c>
    </row>
    <row r="1850" spans="1:6" x14ac:dyDescent="0.25">
      <c r="A1850">
        <v>138.63</v>
      </c>
      <c r="B1850">
        <v>178.63</v>
      </c>
      <c r="C1850">
        <v>18800</v>
      </c>
      <c r="D1850">
        <v>4</v>
      </c>
      <c r="E1850">
        <v>20421.7</v>
      </c>
      <c r="F1850">
        <v>13.747299999999999</v>
      </c>
    </row>
    <row r="1851" spans="1:6" x14ac:dyDescent="0.25">
      <c r="A1851">
        <v>138.63</v>
      </c>
      <c r="B1851">
        <v>182.26</v>
      </c>
      <c r="C1851">
        <v>1800</v>
      </c>
      <c r="D1851">
        <v>1</v>
      </c>
      <c r="E1851">
        <v>5651.42</v>
      </c>
      <c r="F1851">
        <v>60.465899999999998</v>
      </c>
    </row>
    <row r="1852" spans="1:6" x14ac:dyDescent="0.25">
      <c r="A1852">
        <v>138.63</v>
      </c>
      <c r="B1852">
        <v>182.26</v>
      </c>
      <c r="C1852">
        <v>1800</v>
      </c>
      <c r="D1852">
        <v>1.3</v>
      </c>
      <c r="E1852">
        <v>5137.75</v>
      </c>
      <c r="F1852">
        <v>74.974500000000006</v>
      </c>
    </row>
    <row r="1853" spans="1:6" x14ac:dyDescent="0.25">
      <c r="A1853">
        <v>138.63</v>
      </c>
      <c r="B1853">
        <v>182.26</v>
      </c>
      <c r="C1853">
        <v>1800</v>
      </c>
      <c r="D1853">
        <v>1.6</v>
      </c>
      <c r="E1853">
        <v>4749.78</v>
      </c>
      <c r="F1853">
        <v>86.540300000000002</v>
      </c>
    </row>
    <row r="1854" spans="1:6" x14ac:dyDescent="0.25">
      <c r="A1854">
        <v>138.63</v>
      </c>
      <c r="B1854">
        <v>182.26</v>
      </c>
      <c r="C1854">
        <v>1800</v>
      </c>
      <c r="D1854">
        <v>1.9</v>
      </c>
      <c r="E1854">
        <v>4459.21</v>
      </c>
      <c r="F1854">
        <v>95.960300000000004</v>
      </c>
    </row>
    <row r="1855" spans="1:6" x14ac:dyDescent="0.25">
      <c r="A1855">
        <v>138.63</v>
      </c>
      <c r="B1855">
        <v>182.26</v>
      </c>
      <c r="C1855">
        <v>1800</v>
      </c>
      <c r="D1855">
        <v>2.2000000000000002</v>
      </c>
      <c r="E1855">
        <v>4349.17</v>
      </c>
      <c r="F1855">
        <v>99.76</v>
      </c>
    </row>
    <row r="1856" spans="1:6" x14ac:dyDescent="0.25">
      <c r="A1856">
        <v>138.63</v>
      </c>
      <c r="B1856">
        <v>182.26</v>
      </c>
      <c r="C1856">
        <v>1800</v>
      </c>
      <c r="D1856">
        <v>2.5</v>
      </c>
      <c r="E1856">
        <v>4170.16</v>
      </c>
      <c r="F1856">
        <v>103.608</v>
      </c>
    </row>
    <row r="1857" spans="1:6" x14ac:dyDescent="0.25">
      <c r="A1857">
        <v>138.63</v>
      </c>
      <c r="B1857">
        <v>182.26</v>
      </c>
      <c r="C1857">
        <v>1800</v>
      </c>
      <c r="D1857">
        <v>2.8</v>
      </c>
      <c r="E1857">
        <v>4112.03</v>
      </c>
      <c r="F1857">
        <v>106.158</v>
      </c>
    </row>
    <row r="1858" spans="1:6" x14ac:dyDescent="0.25">
      <c r="A1858">
        <v>138.63</v>
      </c>
      <c r="B1858">
        <v>182.26</v>
      </c>
      <c r="C1858">
        <v>1800</v>
      </c>
      <c r="D1858">
        <v>3.1</v>
      </c>
      <c r="E1858">
        <v>4006.67</v>
      </c>
      <c r="F1858">
        <v>107.991</v>
      </c>
    </row>
    <row r="1859" spans="1:6" x14ac:dyDescent="0.25">
      <c r="A1859">
        <v>138.63</v>
      </c>
      <c r="B1859">
        <v>182.26</v>
      </c>
      <c r="C1859">
        <v>1800</v>
      </c>
      <c r="D1859">
        <v>3.4</v>
      </c>
      <c r="E1859">
        <v>3955.28</v>
      </c>
      <c r="F1859">
        <v>108.18</v>
      </c>
    </row>
    <row r="1860" spans="1:6" x14ac:dyDescent="0.25">
      <c r="A1860">
        <v>138.63</v>
      </c>
      <c r="B1860">
        <v>182.26</v>
      </c>
      <c r="C1860">
        <v>1800</v>
      </c>
      <c r="D1860">
        <v>3.7</v>
      </c>
      <c r="E1860">
        <v>3843.29</v>
      </c>
      <c r="F1860">
        <v>111.419</v>
      </c>
    </row>
    <row r="1861" spans="1:6" x14ac:dyDescent="0.25">
      <c r="A1861">
        <v>138.63</v>
      </c>
      <c r="B1861">
        <v>182.26</v>
      </c>
      <c r="C1861">
        <v>1800</v>
      </c>
      <c r="D1861">
        <v>4</v>
      </c>
      <c r="E1861">
        <v>3811.1</v>
      </c>
      <c r="F1861">
        <v>110.76</v>
      </c>
    </row>
    <row r="1862" spans="1:6" x14ac:dyDescent="0.25">
      <c r="A1862">
        <v>138.63</v>
      </c>
      <c r="B1862">
        <v>182.26</v>
      </c>
      <c r="C1862">
        <v>3345.45</v>
      </c>
      <c r="D1862">
        <v>1</v>
      </c>
      <c r="E1862">
        <v>7002.39</v>
      </c>
      <c r="F1862">
        <v>32.992199999999997</v>
      </c>
    </row>
    <row r="1863" spans="1:6" x14ac:dyDescent="0.25">
      <c r="A1863">
        <v>138.63</v>
      </c>
      <c r="B1863">
        <v>182.26</v>
      </c>
      <c r="C1863">
        <v>3345.45</v>
      </c>
      <c r="D1863">
        <v>1.3</v>
      </c>
      <c r="E1863">
        <v>6379.41</v>
      </c>
      <c r="F1863">
        <v>42.511099999999999</v>
      </c>
    </row>
    <row r="1864" spans="1:6" x14ac:dyDescent="0.25">
      <c r="A1864">
        <v>138.63</v>
      </c>
      <c r="B1864">
        <v>182.26</v>
      </c>
      <c r="C1864">
        <v>3345.45</v>
      </c>
      <c r="D1864">
        <v>1.6</v>
      </c>
      <c r="E1864">
        <v>6077.29</v>
      </c>
      <c r="F1864">
        <v>48.773600000000002</v>
      </c>
    </row>
    <row r="1865" spans="1:6" x14ac:dyDescent="0.25">
      <c r="A1865">
        <v>138.63</v>
      </c>
      <c r="B1865">
        <v>182.26</v>
      </c>
      <c r="C1865">
        <v>3345.45</v>
      </c>
      <c r="D1865">
        <v>1.9</v>
      </c>
      <c r="E1865">
        <v>5780.96</v>
      </c>
      <c r="F1865">
        <v>59.424100000000003</v>
      </c>
    </row>
    <row r="1866" spans="1:6" x14ac:dyDescent="0.25">
      <c r="A1866">
        <v>138.63</v>
      </c>
      <c r="B1866">
        <v>182.26</v>
      </c>
      <c r="C1866">
        <v>3345.45</v>
      </c>
      <c r="D1866">
        <v>2.2000000000000002</v>
      </c>
      <c r="E1866">
        <v>5649.16</v>
      </c>
      <c r="F1866">
        <v>68.033299999999997</v>
      </c>
    </row>
    <row r="1867" spans="1:6" x14ac:dyDescent="0.25">
      <c r="A1867">
        <v>138.63</v>
      </c>
      <c r="B1867">
        <v>182.26</v>
      </c>
      <c r="C1867">
        <v>3345.45</v>
      </c>
      <c r="D1867">
        <v>2.5</v>
      </c>
      <c r="E1867">
        <v>5532.29</v>
      </c>
      <c r="F1867">
        <v>73.389099999999999</v>
      </c>
    </row>
    <row r="1868" spans="1:6" x14ac:dyDescent="0.25">
      <c r="A1868">
        <v>138.63</v>
      </c>
      <c r="B1868">
        <v>182.26</v>
      </c>
      <c r="C1868">
        <v>3345.45</v>
      </c>
      <c r="D1868">
        <v>2.8</v>
      </c>
      <c r="E1868">
        <v>5381.32</v>
      </c>
      <c r="F1868">
        <v>77.021799999999999</v>
      </c>
    </row>
    <row r="1869" spans="1:6" x14ac:dyDescent="0.25">
      <c r="A1869">
        <v>138.63</v>
      </c>
      <c r="B1869">
        <v>182.26</v>
      </c>
      <c r="C1869">
        <v>3345.45</v>
      </c>
      <c r="D1869">
        <v>3.1</v>
      </c>
      <c r="E1869">
        <v>5291.47</v>
      </c>
      <c r="F1869">
        <v>78.334900000000005</v>
      </c>
    </row>
    <row r="1870" spans="1:6" x14ac:dyDescent="0.25">
      <c r="A1870">
        <v>138.63</v>
      </c>
      <c r="B1870">
        <v>182.26</v>
      </c>
      <c r="C1870">
        <v>3345.45</v>
      </c>
      <c r="D1870">
        <v>3.4</v>
      </c>
      <c r="E1870">
        <v>5248.52</v>
      </c>
      <c r="F1870">
        <v>81.763499999999993</v>
      </c>
    </row>
    <row r="1871" spans="1:6" x14ac:dyDescent="0.25">
      <c r="A1871">
        <v>138.63</v>
      </c>
      <c r="B1871">
        <v>182.26</v>
      </c>
      <c r="C1871">
        <v>3345.45</v>
      </c>
      <c r="D1871">
        <v>3.7</v>
      </c>
      <c r="E1871">
        <v>5153.37</v>
      </c>
      <c r="F1871">
        <v>83.320400000000006</v>
      </c>
    </row>
    <row r="1872" spans="1:6" x14ac:dyDescent="0.25">
      <c r="A1872">
        <v>138.63</v>
      </c>
      <c r="B1872">
        <v>182.26</v>
      </c>
      <c r="C1872">
        <v>3345.45</v>
      </c>
      <c r="D1872">
        <v>4</v>
      </c>
      <c r="E1872">
        <v>5144.79</v>
      </c>
      <c r="F1872">
        <v>85.382999999999996</v>
      </c>
    </row>
    <row r="1873" spans="1:6" x14ac:dyDescent="0.25">
      <c r="A1873">
        <v>138.63</v>
      </c>
      <c r="B1873">
        <v>182.26</v>
      </c>
      <c r="C1873">
        <v>4890.8999999999996</v>
      </c>
      <c r="D1873">
        <v>1</v>
      </c>
      <c r="E1873">
        <v>8214.94</v>
      </c>
      <c r="F1873">
        <v>15.187900000000001</v>
      </c>
    </row>
    <row r="1874" spans="1:6" x14ac:dyDescent="0.25">
      <c r="A1874">
        <v>138.63</v>
      </c>
      <c r="B1874">
        <v>182.26</v>
      </c>
      <c r="C1874">
        <v>4890.8999999999996</v>
      </c>
      <c r="D1874">
        <v>1.3</v>
      </c>
      <c r="E1874">
        <v>7883.41</v>
      </c>
      <c r="F1874">
        <v>17.122499999999999</v>
      </c>
    </row>
    <row r="1875" spans="1:6" x14ac:dyDescent="0.25">
      <c r="A1875">
        <v>138.63</v>
      </c>
      <c r="B1875">
        <v>182.26</v>
      </c>
      <c r="C1875">
        <v>4890.8999999999996</v>
      </c>
      <c r="D1875">
        <v>1.6</v>
      </c>
      <c r="E1875">
        <v>7480.13</v>
      </c>
      <c r="F1875">
        <v>20.419599999999999</v>
      </c>
    </row>
    <row r="1876" spans="1:6" x14ac:dyDescent="0.25">
      <c r="A1876">
        <v>138.63</v>
      </c>
      <c r="B1876">
        <v>182.26</v>
      </c>
      <c r="C1876">
        <v>4890.8999999999996</v>
      </c>
      <c r="D1876">
        <v>1.9</v>
      </c>
      <c r="E1876">
        <v>7124.6</v>
      </c>
      <c r="F1876">
        <v>26.1617</v>
      </c>
    </row>
    <row r="1877" spans="1:6" x14ac:dyDescent="0.25">
      <c r="A1877">
        <v>138.63</v>
      </c>
      <c r="B1877">
        <v>182.26</v>
      </c>
      <c r="C1877">
        <v>4890.8999999999996</v>
      </c>
      <c r="D1877">
        <v>2.2000000000000002</v>
      </c>
      <c r="E1877">
        <v>7069.04</v>
      </c>
      <c r="F1877">
        <v>30.361899999999999</v>
      </c>
    </row>
    <row r="1878" spans="1:6" x14ac:dyDescent="0.25">
      <c r="A1878">
        <v>138.63</v>
      </c>
      <c r="B1878">
        <v>182.26</v>
      </c>
      <c r="C1878">
        <v>4890.8999999999996</v>
      </c>
      <c r="D1878">
        <v>2.5</v>
      </c>
      <c r="E1878">
        <v>6817.28</v>
      </c>
      <c r="F1878">
        <v>35.336500000000001</v>
      </c>
    </row>
    <row r="1879" spans="1:6" x14ac:dyDescent="0.25">
      <c r="A1879">
        <v>138.63</v>
      </c>
      <c r="B1879">
        <v>182.26</v>
      </c>
      <c r="C1879">
        <v>4890.8999999999996</v>
      </c>
      <c r="D1879">
        <v>2.8</v>
      </c>
      <c r="E1879">
        <v>6777.51</v>
      </c>
      <c r="F1879">
        <v>39.792099999999998</v>
      </c>
    </row>
    <row r="1880" spans="1:6" x14ac:dyDescent="0.25">
      <c r="A1880">
        <v>138.63</v>
      </c>
      <c r="B1880">
        <v>182.26</v>
      </c>
      <c r="C1880">
        <v>4890.8999999999996</v>
      </c>
      <c r="D1880">
        <v>3.1</v>
      </c>
      <c r="E1880">
        <v>6700.66</v>
      </c>
      <c r="F1880">
        <v>41.689500000000002</v>
      </c>
    </row>
    <row r="1881" spans="1:6" x14ac:dyDescent="0.25">
      <c r="A1881">
        <v>138.63</v>
      </c>
      <c r="B1881">
        <v>182.26</v>
      </c>
      <c r="C1881">
        <v>4890.8999999999996</v>
      </c>
      <c r="D1881">
        <v>3.4</v>
      </c>
      <c r="E1881">
        <v>6558.93</v>
      </c>
      <c r="F1881">
        <v>45.142699999999998</v>
      </c>
    </row>
    <row r="1882" spans="1:6" x14ac:dyDescent="0.25">
      <c r="A1882">
        <v>138.63</v>
      </c>
      <c r="B1882">
        <v>182.26</v>
      </c>
      <c r="C1882">
        <v>4890.8999999999996</v>
      </c>
      <c r="D1882">
        <v>3.7</v>
      </c>
      <c r="E1882">
        <v>6485.47</v>
      </c>
      <c r="F1882">
        <v>47.331200000000003</v>
      </c>
    </row>
    <row r="1883" spans="1:6" x14ac:dyDescent="0.25">
      <c r="A1883">
        <v>138.63</v>
      </c>
      <c r="B1883">
        <v>182.26</v>
      </c>
      <c r="C1883">
        <v>4890.8999999999996</v>
      </c>
      <c r="D1883">
        <v>4</v>
      </c>
      <c r="E1883">
        <v>6538.89</v>
      </c>
      <c r="F1883">
        <v>48.947000000000003</v>
      </c>
    </row>
    <row r="1884" spans="1:6" x14ac:dyDescent="0.25">
      <c r="A1884">
        <v>138.63</v>
      </c>
      <c r="B1884">
        <v>182.26</v>
      </c>
      <c r="C1884">
        <v>6436.35</v>
      </c>
      <c r="D1884">
        <v>1</v>
      </c>
      <c r="E1884">
        <v>9941.81</v>
      </c>
      <c r="F1884">
        <v>11.4657</v>
      </c>
    </row>
    <row r="1885" spans="1:6" x14ac:dyDescent="0.25">
      <c r="A1885">
        <v>138.63</v>
      </c>
      <c r="B1885">
        <v>182.26</v>
      </c>
      <c r="C1885">
        <v>6436.35</v>
      </c>
      <c r="D1885">
        <v>1.3</v>
      </c>
      <c r="E1885">
        <v>9214.36</v>
      </c>
      <c r="F1885">
        <v>12.131600000000001</v>
      </c>
    </row>
    <row r="1886" spans="1:6" x14ac:dyDescent="0.25">
      <c r="A1886">
        <v>138.63</v>
      </c>
      <c r="B1886">
        <v>182.26</v>
      </c>
      <c r="C1886">
        <v>6436.35</v>
      </c>
      <c r="D1886">
        <v>1.6</v>
      </c>
      <c r="E1886">
        <v>8943.27</v>
      </c>
      <c r="F1886">
        <v>11.943899999999999</v>
      </c>
    </row>
    <row r="1887" spans="1:6" x14ac:dyDescent="0.25">
      <c r="A1887">
        <v>138.63</v>
      </c>
      <c r="B1887">
        <v>182.26</v>
      </c>
      <c r="C1887">
        <v>6436.35</v>
      </c>
      <c r="D1887">
        <v>1.9</v>
      </c>
      <c r="E1887">
        <v>8655.59</v>
      </c>
      <c r="F1887">
        <v>11.645799999999999</v>
      </c>
    </row>
    <row r="1888" spans="1:6" x14ac:dyDescent="0.25">
      <c r="A1888">
        <v>138.63</v>
      </c>
      <c r="B1888">
        <v>182.26</v>
      </c>
      <c r="C1888">
        <v>6436.35</v>
      </c>
      <c r="D1888">
        <v>2.2000000000000002</v>
      </c>
      <c r="E1888">
        <v>8578.08</v>
      </c>
      <c r="F1888">
        <v>11.2128</v>
      </c>
    </row>
    <row r="1889" spans="1:6" x14ac:dyDescent="0.25">
      <c r="A1889">
        <v>138.63</v>
      </c>
      <c r="B1889">
        <v>182.26</v>
      </c>
      <c r="C1889">
        <v>6436.35</v>
      </c>
      <c r="D1889">
        <v>2.5</v>
      </c>
      <c r="E1889">
        <v>8225.1</v>
      </c>
      <c r="F1889">
        <v>11.300800000000001</v>
      </c>
    </row>
    <row r="1890" spans="1:6" x14ac:dyDescent="0.25">
      <c r="A1890">
        <v>138.63</v>
      </c>
      <c r="B1890">
        <v>182.26</v>
      </c>
      <c r="C1890">
        <v>6436.35</v>
      </c>
      <c r="D1890">
        <v>2.8</v>
      </c>
      <c r="E1890">
        <v>8158.11</v>
      </c>
      <c r="F1890">
        <v>13.1701</v>
      </c>
    </row>
    <row r="1891" spans="1:6" x14ac:dyDescent="0.25">
      <c r="A1891">
        <v>138.63</v>
      </c>
      <c r="B1891">
        <v>182.26</v>
      </c>
      <c r="C1891">
        <v>6436.35</v>
      </c>
      <c r="D1891">
        <v>3.1</v>
      </c>
      <c r="E1891">
        <v>8015.14</v>
      </c>
      <c r="F1891">
        <v>14.8169</v>
      </c>
    </row>
    <row r="1892" spans="1:6" x14ac:dyDescent="0.25">
      <c r="A1892">
        <v>138.63</v>
      </c>
      <c r="B1892">
        <v>182.26</v>
      </c>
      <c r="C1892">
        <v>6436.35</v>
      </c>
      <c r="D1892">
        <v>3.4</v>
      </c>
      <c r="E1892">
        <v>8021.82</v>
      </c>
      <c r="F1892">
        <v>16.106000000000002</v>
      </c>
    </row>
    <row r="1893" spans="1:6" x14ac:dyDescent="0.25">
      <c r="A1893">
        <v>138.63</v>
      </c>
      <c r="B1893">
        <v>182.26</v>
      </c>
      <c r="C1893">
        <v>6436.35</v>
      </c>
      <c r="D1893">
        <v>3.7</v>
      </c>
      <c r="E1893">
        <v>7973.4</v>
      </c>
      <c r="F1893">
        <v>16.6172</v>
      </c>
    </row>
    <row r="1894" spans="1:6" x14ac:dyDescent="0.25">
      <c r="A1894">
        <v>138.63</v>
      </c>
      <c r="B1894">
        <v>182.26</v>
      </c>
      <c r="C1894">
        <v>6436.35</v>
      </c>
      <c r="D1894">
        <v>4</v>
      </c>
      <c r="E1894">
        <v>7845.46</v>
      </c>
      <c r="F1894">
        <v>17.999199999999998</v>
      </c>
    </row>
    <row r="1895" spans="1:6" x14ac:dyDescent="0.25">
      <c r="A1895">
        <v>138.63</v>
      </c>
      <c r="B1895">
        <v>182.26</v>
      </c>
      <c r="C1895">
        <v>7981.8</v>
      </c>
      <c r="D1895">
        <v>1</v>
      </c>
      <c r="E1895">
        <v>11792.8</v>
      </c>
      <c r="F1895">
        <v>13.580500000000001</v>
      </c>
    </row>
    <row r="1896" spans="1:6" x14ac:dyDescent="0.25">
      <c r="A1896">
        <v>138.63</v>
      </c>
      <c r="B1896">
        <v>182.26</v>
      </c>
      <c r="C1896">
        <v>7981.8</v>
      </c>
      <c r="D1896">
        <v>1.3</v>
      </c>
      <c r="E1896">
        <v>10971.1</v>
      </c>
      <c r="F1896">
        <v>12.8447</v>
      </c>
    </row>
    <row r="1897" spans="1:6" x14ac:dyDescent="0.25">
      <c r="A1897">
        <v>138.63</v>
      </c>
      <c r="B1897">
        <v>182.26</v>
      </c>
      <c r="C1897">
        <v>7981.8</v>
      </c>
      <c r="D1897">
        <v>1.6</v>
      </c>
      <c r="E1897">
        <v>10596.8</v>
      </c>
      <c r="F1897">
        <v>12.911199999999999</v>
      </c>
    </row>
    <row r="1898" spans="1:6" x14ac:dyDescent="0.25">
      <c r="A1898">
        <v>138.63</v>
      </c>
      <c r="B1898">
        <v>182.26</v>
      </c>
      <c r="C1898">
        <v>7981.8</v>
      </c>
      <c r="D1898">
        <v>1.9</v>
      </c>
      <c r="E1898">
        <v>10334.9</v>
      </c>
      <c r="F1898">
        <v>13.7072</v>
      </c>
    </row>
    <row r="1899" spans="1:6" x14ac:dyDescent="0.25">
      <c r="A1899">
        <v>138.63</v>
      </c>
      <c r="B1899">
        <v>182.26</v>
      </c>
      <c r="C1899">
        <v>7981.8</v>
      </c>
      <c r="D1899">
        <v>2.2000000000000002</v>
      </c>
      <c r="E1899">
        <v>10106.700000000001</v>
      </c>
      <c r="F1899">
        <v>13.726000000000001</v>
      </c>
    </row>
    <row r="1900" spans="1:6" x14ac:dyDescent="0.25">
      <c r="A1900">
        <v>138.63</v>
      </c>
      <c r="B1900">
        <v>182.26</v>
      </c>
      <c r="C1900">
        <v>7981.8</v>
      </c>
      <c r="D1900">
        <v>2.5</v>
      </c>
      <c r="E1900">
        <v>10002.700000000001</v>
      </c>
      <c r="F1900">
        <v>13.739100000000001</v>
      </c>
    </row>
    <row r="1901" spans="1:6" x14ac:dyDescent="0.25">
      <c r="A1901">
        <v>138.63</v>
      </c>
      <c r="B1901">
        <v>182.26</v>
      </c>
      <c r="C1901">
        <v>7981.8</v>
      </c>
      <c r="D1901">
        <v>2.8</v>
      </c>
      <c r="E1901">
        <v>9752.25</v>
      </c>
      <c r="F1901">
        <v>13.7453</v>
      </c>
    </row>
    <row r="1902" spans="1:6" x14ac:dyDescent="0.25">
      <c r="A1902">
        <v>138.63</v>
      </c>
      <c r="B1902">
        <v>182.26</v>
      </c>
      <c r="C1902">
        <v>7981.8</v>
      </c>
      <c r="D1902">
        <v>3.1</v>
      </c>
      <c r="E1902">
        <v>9541.93</v>
      </c>
      <c r="F1902">
        <v>13.7502</v>
      </c>
    </row>
    <row r="1903" spans="1:6" x14ac:dyDescent="0.25">
      <c r="A1903">
        <v>138.63</v>
      </c>
      <c r="B1903">
        <v>182.26</v>
      </c>
      <c r="C1903">
        <v>7981.8</v>
      </c>
      <c r="D1903">
        <v>3.4</v>
      </c>
      <c r="E1903">
        <v>9657.2099999999991</v>
      </c>
      <c r="F1903">
        <v>13.750999999999999</v>
      </c>
    </row>
    <row r="1904" spans="1:6" x14ac:dyDescent="0.25">
      <c r="A1904">
        <v>138.63</v>
      </c>
      <c r="B1904">
        <v>182.26</v>
      </c>
      <c r="C1904">
        <v>7981.8</v>
      </c>
      <c r="D1904">
        <v>3.7</v>
      </c>
      <c r="E1904">
        <v>9523.5300000000007</v>
      </c>
      <c r="F1904">
        <v>13.750999999999999</v>
      </c>
    </row>
    <row r="1905" spans="1:6" x14ac:dyDescent="0.25">
      <c r="A1905">
        <v>138.63</v>
      </c>
      <c r="B1905">
        <v>182.26</v>
      </c>
      <c r="C1905">
        <v>7981.8</v>
      </c>
      <c r="D1905">
        <v>4</v>
      </c>
      <c r="E1905">
        <v>9410.4699999999993</v>
      </c>
      <c r="F1905">
        <v>13.747299999999999</v>
      </c>
    </row>
    <row r="1906" spans="1:6" x14ac:dyDescent="0.25">
      <c r="A1906">
        <v>138.63</v>
      </c>
      <c r="B1906">
        <v>182.26</v>
      </c>
      <c r="C1906">
        <v>9527.25</v>
      </c>
      <c r="D1906">
        <v>1</v>
      </c>
      <c r="E1906">
        <v>13400.7</v>
      </c>
      <c r="F1906">
        <v>13.580500000000001</v>
      </c>
    </row>
    <row r="1907" spans="1:6" x14ac:dyDescent="0.25">
      <c r="A1907">
        <v>138.63</v>
      </c>
      <c r="B1907">
        <v>182.26</v>
      </c>
      <c r="C1907">
        <v>9527.25</v>
      </c>
      <c r="D1907">
        <v>1.3</v>
      </c>
      <c r="E1907">
        <v>12823.7</v>
      </c>
      <c r="F1907">
        <v>12.9474</v>
      </c>
    </row>
    <row r="1908" spans="1:6" x14ac:dyDescent="0.25">
      <c r="A1908">
        <v>138.63</v>
      </c>
      <c r="B1908">
        <v>182.26</v>
      </c>
      <c r="C1908">
        <v>9527.25</v>
      </c>
      <c r="D1908">
        <v>1.6</v>
      </c>
      <c r="E1908">
        <v>12309.2</v>
      </c>
      <c r="F1908">
        <v>12.961</v>
      </c>
    </row>
    <row r="1909" spans="1:6" x14ac:dyDescent="0.25">
      <c r="A1909">
        <v>138.63</v>
      </c>
      <c r="B1909">
        <v>182.26</v>
      </c>
      <c r="C1909">
        <v>9527.25</v>
      </c>
      <c r="D1909">
        <v>1.9</v>
      </c>
      <c r="E1909">
        <v>11806.7</v>
      </c>
      <c r="F1909">
        <v>13.7072</v>
      </c>
    </row>
    <row r="1910" spans="1:6" x14ac:dyDescent="0.25">
      <c r="A1910">
        <v>138.63</v>
      </c>
      <c r="B1910">
        <v>182.26</v>
      </c>
      <c r="C1910">
        <v>9527.25</v>
      </c>
      <c r="D1910">
        <v>2.2000000000000002</v>
      </c>
      <c r="E1910">
        <v>11708.7</v>
      </c>
      <c r="F1910">
        <v>13.726000000000001</v>
      </c>
    </row>
    <row r="1911" spans="1:6" x14ac:dyDescent="0.25">
      <c r="A1911">
        <v>138.63</v>
      </c>
      <c r="B1911">
        <v>182.26</v>
      </c>
      <c r="C1911">
        <v>9527.25</v>
      </c>
      <c r="D1911">
        <v>2.5</v>
      </c>
      <c r="E1911">
        <v>11476</v>
      </c>
      <c r="F1911">
        <v>13.739100000000001</v>
      </c>
    </row>
    <row r="1912" spans="1:6" x14ac:dyDescent="0.25">
      <c r="A1912">
        <v>138.63</v>
      </c>
      <c r="B1912">
        <v>182.26</v>
      </c>
      <c r="C1912">
        <v>9527.25</v>
      </c>
      <c r="D1912">
        <v>2.8</v>
      </c>
      <c r="E1912">
        <v>11287.7</v>
      </c>
      <c r="F1912">
        <v>13.7453</v>
      </c>
    </row>
    <row r="1913" spans="1:6" x14ac:dyDescent="0.25">
      <c r="A1913">
        <v>138.63</v>
      </c>
      <c r="B1913">
        <v>182.26</v>
      </c>
      <c r="C1913">
        <v>9527.25</v>
      </c>
      <c r="D1913">
        <v>3.1</v>
      </c>
      <c r="E1913">
        <v>11130.6</v>
      </c>
      <c r="F1913">
        <v>13.7502</v>
      </c>
    </row>
    <row r="1914" spans="1:6" x14ac:dyDescent="0.25">
      <c r="A1914">
        <v>138.63</v>
      </c>
      <c r="B1914">
        <v>182.26</v>
      </c>
      <c r="C1914">
        <v>9527.25</v>
      </c>
      <c r="D1914">
        <v>3.4</v>
      </c>
      <c r="E1914">
        <v>10996.6</v>
      </c>
      <c r="F1914">
        <v>13.750999999999999</v>
      </c>
    </row>
    <row r="1915" spans="1:6" x14ac:dyDescent="0.25">
      <c r="A1915">
        <v>138.63</v>
      </c>
      <c r="B1915">
        <v>182.26</v>
      </c>
      <c r="C1915">
        <v>9527.25</v>
      </c>
      <c r="D1915">
        <v>3.7</v>
      </c>
      <c r="E1915">
        <v>10997.7</v>
      </c>
      <c r="F1915">
        <v>13.750999999999999</v>
      </c>
    </row>
    <row r="1916" spans="1:6" x14ac:dyDescent="0.25">
      <c r="A1916">
        <v>138.63</v>
      </c>
      <c r="B1916">
        <v>182.26</v>
      </c>
      <c r="C1916">
        <v>9527.25</v>
      </c>
      <c r="D1916">
        <v>4</v>
      </c>
      <c r="E1916">
        <v>10885.1</v>
      </c>
      <c r="F1916">
        <v>13.747299999999999</v>
      </c>
    </row>
    <row r="1917" spans="1:6" x14ac:dyDescent="0.25">
      <c r="A1917">
        <v>138.63</v>
      </c>
      <c r="B1917">
        <v>182.26</v>
      </c>
      <c r="C1917">
        <v>11072.7</v>
      </c>
      <c r="D1917">
        <v>1</v>
      </c>
      <c r="E1917">
        <v>15191.2</v>
      </c>
      <c r="F1917">
        <v>13.580500000000001</v>
      </c>
    </row>
    <row r="1918" spans="1:6" x14ac:dyDescent="0.25">
      <c r="A1918">
        <v>138.63</v>
      </c>
      <c r="B1918">
        <v>182.26</v>
      </c>
      <c r="C1918">
        <v>11072.7</v>
      </c>
      <c r="D1918">
        <v>1.3</v>
      </c>
      <c r="E1918">
        <v>14404.2</v>
      </c>
      <c r="F1918">
        <v>12.9474</v>
      </c>
    </row>
    <row r="1919" spans="1:6" x14ac:dyDescent="0.25">
      <c r="A1919">
        <v>138.63</v>
      </c>
      <c r="B1919">
        <v>182.26</v>
      </c>
      <c r="C1919">
        <v>11072.7</v>
      </c>
      <c r="D1919">
        <v>1.6</v>
      </c>
      <c r="E1919">
        <v>13863.3</v>
      </c>
      <c r="F1919">
        <v>12.961</v>
      </c>
    </row>
    <row r="1920" spans="1:6" x14ac:dyDescent="0.25">
      <c r="A1920">
        <v>138.63</v>
      </c>
      <c r="B1920">
        <v>182.26</v>
      </c>
      <c r="C1920">
        <v>11072.7</v>
      </c>
      <c r="D1920">
        <v>1.9</v>
      </c>
      <c r="E1920">
        <v>13478.4</v>
      </c>
      <c r="F1920">
        <v>13.7072</v>
      </c>
    </row>
    <row r="1921" spans="1:6" x14ac:dyDescent="0.25">
      <c r="A1921">
        <v>138.63</v>
      </c>
      <c r="B1921">
        <v>182.26</v>
      </c>
      <c r="C1921">
        <v>11072.7</v>
      </c>
      <c r="D1921">
        <v>2.2000000000000002</v>
      </c>
      <c r="E1921">
        <v>13038.4</v>
      </c>
      <c r="F1921">
        <v>13.726000000000001</v>
      </c>
    </row>
    <row r="1922" spans="1:6" x14ac:dyDescent="0.25">
      <c r="A1922">
        <v>138.63</v>
      </c>
      <c r="B1922">
        <v>182.26</v>
      </c>
      <c r="C1922">
        <v>11072.7</v>
      </c>
      <c r="D1922">
        <v>2.5</v>
      </c>
      <c r="E1922">
        <v>13009.5</v>
      </c>
      <c r="F1922">
        <v>13.739100000000001</v>
      </c>
    </row>
    <row r="1923" spans="1:6" x14ac:dyDescent="0.25">
      <c r="A1923">
        <v>138.63</v>
      </c>
      <c r="B1923">
        <v>182.26</v>
      </c>
      <c r="C1923">
        <v>11072.7</v>
      </c>
      <c r="D1923">
        <v>2.8</v>
      </c>
      <c r="E1923">
        <v>13018.9</v>
      </c>
      <c r="F1923">
        <v>13.7453</v>
      </c>
    </row>
    <row r="1924" spans="1:6" x14ac:dyDescent="0.25">
      <c r="A1924">
        <v>138.63</v>
      </c>
      <c r="B1924">
        <v>182.26</v>
      </c>
      <c r="C1924">
        <v>11072.7</v>
      </c>
      <c r="D1924">
        <v>3.1</v>
      </c>
      <c r="E1924">
        <v>12715.3</v>
      </c>
      <c r="F1924">
        <v>13.7502</v>
      </c>
    </row>
    <row r="1925" spans="1:6" x14ac:dyDescent="0.25">
      <c r="A1925">
        <v>138.63</v>
      </c>
      <c r="B1925">
        <v>182.26</v>
      </c>
      <c r="C1925">
        <v>11072.7</v>
      </c>
      <c r="D1925">
        <v>3.4</v>
      </c>
      <c r="E1925">
        <v>12579.1</v>
      </c>
      <c r="F1925">
        <v>13.750999999999999</v>
      </c>
    </row>
    <row r="1926" spans="1:6" x14ac:dyDescent="0.25">
      <c r="A1926">
        <v>138.63</v>
      </c>
      <c r="B1926">
        <v>182.26</v>
      </c>
      <c r="C1926">
        <v>11072.7</v>
      </c>
      <c r="D1926">
        <v>3.7</v>
      </c>
      <c r="E1926">
        <v>12634.4</v>
      </c>
      <c r="F1926">
        <v>13.750999999999999</v>
      </c>
    </row>
    <row r="1927" spans="1:6" x14ac:dyDescent="0.25">
      <c r="A1927">
        <v>138.63</v>
      </c>
      <c r="B1927">
        <v>182.26</v>
      </c>
      <c r="C1927">
        <v>11072.7</v>
      </c>
      <c r="D1927">
        <v>4</v>
      </c>
      <c r="E1927">
        <v>12453</v>
      </c>
      <c r="F1927">
        <v>13.747299999999999</v>
      </c>
    </row>
    <row r="1928" spans="1:6" x14ac:dyDescent="0.25">
      <c r="A1928">
        <v>138.63</v>
      </c>
      <c r="B1928">
        <v>182.26</v>
      </c>
      <c r="C1928">
        <v>12618.2</v>
      </c>
      <c r="D1928">
        <v>1</v>
      </c>
      <c r="E1928">
        <v>16797.5</v>
      </c>
      <c r="F1928">
        <v>13.580500000000001</v>
      </c>
    </row>
    <row r="1929" spans="1:6" x14ac:dyDescent="0.25">
      <c r="A1929">
        <v>138.63</v>
      </c>
      <c r="B1929">
        <v>182.26</v>
      </c>
      <c r="C1929">
        <v>12618.2</v>
      </c>
      <c r="D1929">
        <v>1.3</v>
      </c>
      <c r="E1929">
        <v>15937.9</v>
      </c>
      <c r="F1929">
        <v>12.9474</v>
      </c>
    </row>
    <row r="1930" spans="1:6" x14ac:dyDescent="0.25">
      <c r="A1930">
        <v>138.63</v>
      </c>
      <c r="B1930">
        <v>182.26</v>
      </c>
      <c r="C1930">
        <v>12618.2</v>
      </c>
      <c r="D1930">
        <v>1.6</v>
      </c>
      <c r="E1930">
        <v>15157.5</v>
      </c>
      <c r="F1930">
        <v>12.961</v>
      </c>
    </row>
    <row r="1931" spans="1:6" x14ac:dyDescent="0.25">
      <c r="A1931">
        <v>138.63</v>
      </c>
      <c r="B1931">
        <v>182.26</v>
      </c>
      <c r="C1931">
        <v>12618.2</v>
      </c>
      <c r="D1931">
        <v>1.9</v>
      </c>
      <c r="E1931">
        <v>14947.9</v>
      </c>
      <c r="F1931">
        <v>13.7072</v>
      </c>
    </row>
    <row r="1932" spans="1:6" x14ac:dyDescent="0.25">
      <c r="A1932">
        <v>138.63</v>
      </c>
      <c r="B1932">
        <v>182.26</v>
      </c>
      <c r="C1932">
        <v>12618.2</v>
      </c>
      <c r="D1932">
        <v>2.2000000000000002</v>
      </c>
      <c r="E1932">
        <v>14840.7</v>
      </c>
      <c r="F1932">
        <v>13.726000000000001</v>
      </c>
    </row>
    <row r="1933" spans="1:6" x14ac:dyDescent="0.25">
      <c r="A1933">
        <v>138.63</v>
      </c>
      <c r="B1933">
        <v>182.26</v>
      </c>
      <c r="C1933">
        <v>12618.2</v>
      </c>
      <c r="D1933">
        <v>2.5</v>
      </c>
      <c r="E1933">
        <v>14542.3</v>
      </c>
      <c r="F1933">
        <v>13.739100000000001</v>
      </c>
    </row>
    <row r="1934" spans="1:6" x14ac:dyDescent="0.25">
      <c r="A1934">
        <v>138.63</v>
      </c>
      <c r="B1934">
        <v>182.26</v>
      </c>
      <c r="C1934">
        <v>12618.2</v>
      </c>
      <c r="D1934">
        <v>2.8</v>
      </c>
      <c r="E1934">
        <v>14327</v>
      </c>
      <c r="F1934">
        <v>13.7453</v>
      </c>
    </row>
    <row r="1935" spans="1:6" x14ac:dyDescent="0.25">
      <c r="A1935">
        <v>138.63</v>
      </c>
      <c r="B1935">
        <v>182.26</v>
      </c>
      <c r="C1935">
        <v>12618.2</v>
      </c>
      <c r="D1935">
        <v>3.1</v>
      </c>
      <c r="E1935">
        <v>14412.4</v>
      </c>
      <c r="F1935">
        <v>13.7502</v>
      </c>
    </row>
    <row r="1936" spans="1:6" x14ac:dyDescent="0.25">
      <c r="A1936">
        <v>138.63</v>
      </c>
      <c r="B1936">
        <v>182.26</v>
      </c>
      <c r="C1936">
        <v>12618.2</v>
      </c>
      <c r="D1936">
        <v>3.4</v>
      </c>
      <c r="E1936">
        <v>14235.1</v>
      </c>
      <c r="F1936">
        <v>13.750999999999999</v>
      </c>
    </row>
    <row r="1937" spans="1:6" x14ac:dyDescent="0.25">
      <c r="A1937">
        <v>138.63</v>
      </c>
      <c r="B1937">
        <v>182.26</v>
      </c>
      <c r="C1937">
        <v>12618.2</v>
      </c>
      <c r="D1937">
        <v>3.7</v>
      </c>
      <c r="E1937">
        <v>14108.8</v>
      </c>
      <c r="F1937">
        <v>13.750999999999999</v>
      </c>
    </row>
    <row r="1938" spans="1:6" x14ac:dyDescent="0.25">
      <c r="A1938">
        <v>138.63</v>
      </c>
      <c r="B1938">
        <v>182.26</v>
      </c>
      <c r="C1938">
        <v>12618.2</v>
      </c>
      <c r="D1938">
        <v>4</v>
      </c>
      <c r="E1938">
        <v>13990.8</v>
      </c>
      <c r="F1938">
        <v>13.747299999999999</v>
      </c>
    </row>
    <row r="1939" spans="1:6" x14ac:dyDescent="0.25">
      <c r="A1939">
        <v>138.63</v>
      </c>
      <c r="B1939">
        <v>182.26</v>
      </c>
      <c r="C1939">
        <v>14163.6</v>
      </c>
      <c r="D1939">
        <v>1</v>
      </c>
      <c r="E1939">
        <v>18314.099999999999</v>
      </c>
      <c r="F1939">
        <v>13.580500000000001</v>
      </c>
    </row>
    <row r="1940" spans="1:6" x14ac:dyDescent="0.25">
      <c r="A1940">
        <v>138.63</v>
      </c>
      <c r="B1940">
        <v>182.26</v>
      </c>
      <c r="C1940">
        <v>14163.6</v>
      </c>
      <c r="D1940">
        <v>1.3</v>
      </c>
      <c r="E1940">
        <v>17220.8</v>
      </c>
      <c r="F1940">
        <v>12.9474</v>
      </c>
    </row>
    <row r="1941" spans="1:6" x14ac:dyDescent="0.25">
      <c r="A1941">
        <v>138.63</v>
      </c>
      <c r="B1941">
        <v>182.26</v>
      </c>
      <c r="C1941">
        <v>14163.6</v>
      </c>
      <c r="D1941">
        <v>1.6</v>
      </c>
      <c r="E1941">
        <v>16745.400000000001</v>
      </c>
      <c r="F1941">
        <v>12.961</v>
      </c>
    </row>
    <row r="1942" spans="1:6" x14ac:dyDescent="0.25">
      <c r="A1942">
        <v>138.63</v>
      </c>
      <c r="B1942">
        <v>182.26</v>
      </c>
      <c r="C1942">
        <v>14163.6</v>
      </c>
      <c r="D1942">
        <v>1.9</v>
      </c>
      <c r="E1942">
        <v>16319.7</v>
      </c>
      <c r="F1942">
        <v>13.7072</v>
      </c>
    </row>
    <row r="1943" spans="1:6" x14ac:dyDescent="0.25">
      <c r="A1943">
        <v>138.63</v>
      </c>
      <c r="B1943">
        <v>182.26</v>
      </c>
      <c r="C1943">
        <v>14163.6</v>
      </c>
      <c r="D1943">
        <v>2.2000000000000002</v>
      </c>
      <c r="E1943">
        <v>16311.6</v>
      </c>
      <c r="F1943">
        <v>13.726000000000001</v>
      </c>
    </row>
    <row r="1944" spans="1:6" x14ac:dyDescent="0.25">
      <c r="A1944">
        <v>138.63</v>
      </c>
      <c r="B1944">
        <v>182.26</v>
      </c>
      <c r="C1944">
        <v>14163.6</v>
      </c>
      <c r="D1944">
        <v>2.5</v>
      </c>
      <c r="E1944">
        <v>16074.6</v>
      </c>
      <c r="F1944">
        <v>13.739100000000001</v>
      </c>
    </row>
    <row r="1945" spans="1:6" x14ac:dyDescent="0.25">
      <c r="A1945">
        <v>138.63</v>
      </c>
      <c r="B1945">
        <v>182.26</v>
      </c>
      <c r="C1945">
        <v>14163.6</v>
      </c>
      <c r="D1945">
        <v>2.8</v>
      </c>
      <c r="E1945">
        <v>15856.1</v>
      </c>
      <c r="F1945">
        <v>13.7453</v>
      </c>
    </row>
    <row r="1946" spans="1:6" x14ac:dyDescent="0.25">
      <c r="A1946">
        <v>138.63</v>
      </c>
      <c r="B1946">
        <v>182.26</v>
      </c>
      <c r="C1946">
        <v>14163.6</v>
      </c>
      <c r="D1946">
        <v>3.1</v>
      </c>
      <c r="E1946">
        <v>15884.1</v>
      </c>
      <c r="F1946">
        <v>13.7502</v>
      </c>
    </row>
    <row r="1947" spans="1:6" x14ac:dyDescent="0.25">
      <c r="A1947">
        <v>138.63</v>
      </c>
      <c r="B1947">
        <v>182.26</v>
      </c>
      <c r="C1947">
        <v>14163.6</v>
      </c>
      <c r="D1947">
        <v>3.4</v>
      </c>
      <c r="E1947">
        <v>15690</v>
      </c>
      <c r="F1947">
        <v>13.750999999999999</v>
      </c>
    </row>
    <row r="1948" spans="1:6" x14ac:dyDescent="0.25">
      <c r="A1948">
        <v>138.63</v>
      </c>
      <c r="B1948">
        <v>182.26</v>
      </c>
      <c r="C1948">
        <v>14163.6</v>
      </c>
      <c r="D1948">
        <v>3.7</v>
      </c>
      <c r="E1948">
        <v>15652</v>
      </c>
      <c r="F1948">
        <v>13.750999999999999</v>
      </c>
    </row>
    <row r="1949" spans="1:6" x14ac:dyDescent="0.25">
      <c r="A1949">
        <v>138.63</v>
      </c>
      <c r="B1949">
        <v>182.26</v>
      </c>
      <c r="C1949">
        <v>14163.6</v>
      </c>
      <c r="D1949">
        <v>4</v>
      </c>
      <c r="E1949">
        <v>15686.9</v>
      </c>
      <c r="F1949">
        <v>13.747299999999999</v>
      </c>
    </row>
    <row r="1950" spans="1:6" x14ac:dyDescent="0.25">
      <c r="A1950">
        <v>138.63</v>
      </c>
      <c r="B1950">
        <v>182.26</v>
      </c>
      <c r="C1950">
        <v>15709.1</v>
      </c>
      <c r="D1950">
        <v>1</v>
      </c>
      <c r="E1950">
        <v>19412.8</v>
      </c>
      <c r="F1950">
        <v>13.580500000000001</v>
      </c>
    </row>
    <row r="1951" spans="1:6" x14ac:dyDescent="0.25">
      <c r="A1951">
        <v>138.63</v>
      </c>
      <c r="B1951">
        <v>182.26</v>
      </c>
      <c r="C1951">
        <v>15709.1</v>
      </c>
      <c r="D1951">
        <v>1.3</v>
      </c>
      <c r="E1951">
        <v>18882.400000000001</v>
      </c>
      <c r="F1951">
        <v>12.9474</v>
      </c>
    </row>
    <row r="1952" spans="1:6" x14ac:dyDescent="0.25">
      <c r="A1952">
        <v>138.63</v>
      </c>
      <c r="B1952">
        <v>182.26</v>
      </c>
      <c r="C1952">
        <v>15709.1</v>
      </c>
      <c r="D1952">
        <v>1.6</v>
      </c>
      <c r="E1952">
        <v>18494.8</v>
      </c>
      <c r="F1952">
        <v>12.961</v>
      </c>
    </row>
    <row r="1953" spans="1:6" x14ac:dyDescent="0.25">
      <c r="A1953">
        <v>138.63</v>
      </c>
      <c r="B1953">
        <v>182.26</v>
      </c>
      <c r="C1953">
        <v>15709.1</v>
      </c>
      <c r="D1953">
        <v>1.9</v>
      </c>
      <c r="E1953">
        <v>18173.900000000001</v>
      </c>
      <c r="F1953">
        <v>13.7072</v>
      </c>
    </row>
    <row r="1954" spans="1:6" x14ac:dyDescent="0.25">
      <c r="A1954">
        <v>138.63</v>
      </c>
      <c r="B1954">
        <v>182.26</v>
      </c>
      <c r="C1954">
        <v>15709.1</v>
      </c>
      <c r="D1954">
        <v>2.2000000000000002</v>
      </c>
      <c r="E1954">
        <v>17787.2</v>
      </c>
      <c r="F1954">
        <v>13.726000000000001</v>
      </c>
    </row>
    <row r="1955" spans="1:6" x14ac:dyDescent="0.25">
      <c r="A1955">
        <v>138.63</v>
      </c>
      <c r="B1955">
        <v>182.26</v>
      </c>
      <c r="C1955">
        <v>15709.1</v>
      </c>
      <c r="D1955">
        <v>2.5</v>
      </c>
      <c r="E1955">
        <v>17536.8</v>
      </c>
      <c r="F1955">
        <v>13.739100000000001</v>
      </c>
    </row>
    <row r="1956" spans="1:6" x14ac:dyDescent="0.25">
      <c r="A1956">
        <v>138.63</v>
      </c>
      <c r="B1956">
        <v>182.26</v>
      </c>
      <c r="C1956">
        <v>15709.1</v>
      </c>
      <c r="D1956">
        <v>2.8</v>
      </c>
      <c r="E1956">
        <v>17537.8</v>
      </c>
      <c r="F1956">
        <v>13.7453</v>
      </c>
    </row>
    <row r="1957" spans="1:6" x14ac:dyDescent="0.25">
      <c r="A1957">
        <v>138.63</v>
      </c>
      <c r="B1957">
        <v>182.26</v>
      </c>
      <c r="C1957">
        <v>15709.1</v>
      </c>
      <c r="D1957">
        <v>3.1</v>
      </c>
      <c r="E1957">
        <v>17467.7</v>
      </c>
      <c r="F1957">
        <v>13.7502</v>
      </c>
    </row>
    <row r="1958" spans="1:6" x14ac:dyDescent="0.25">
      <c r="A1958">
        <v>138.63</v>
      </c>
      <c r="B1958">
        <v>182.26</v>
      </c>
      <c r="C1958">
        <v>15709.1</v>
      </c>
      <c r="D1958">
        <v>3.4</v>
      </c>
      <c r="E1958">
        <v>17328</v>
      </c>
      <c r="F1958">
        <v>13.750999999999999</v>
      </c>
    </row>
    <row r="1959" spans="1:6" x14ac:dyDescent="0.25">
      <c r="A1959">
        <v>138.63</v>
      </c>
      <c r="B1959">
        <v>182.26</v>
      </c>
      <c r="C1959">
        <v>15709.1</v>
      </c>
      <c r="D1959">
        <v>3.7</v>
      </c>
      <c r="E1959">
        <v>17136</v>
      </c>
      <c r="F1959">
        <v>13.750999999999999</v>
      </c>
    </row>
    <row r="1960" spans="1:6" x14ac:dyDescent="0.25">
      <c r="A1960">
        <v>138.63</v>
      </c>
      <c r="B1960">
        <v>182.26</v>
      </c>
      <c r="C1960">
        <v>15709.1</v>
      </c>
      <c r="D1960">
        <v>4</v>
      </c>
      <c r="E1960">
        <v>17342.8</v>
      </c>
      <c r="F1960">
        <v>13.747299999999999</v>
      </c>
    </row>
    <row r="1961" spans="1:6" x14ac:dyDescent="0.25">
      <c r="A1961">
        <v>138.63</v>
      </c>
      <c r="B1961">
        <v>182.26</v>
      </c>
      <c r="C1961">
        <v>17254.5</v>
      </c>
      <c r="D1961">
        <v>1</v>
      </c>
      <c r="E1961">
        <v>21131</v>
      </c>
      <c r="F1961">
        <v>13.580500000000001</v>
      </c>
    </row>
    <row r="1962" spans="1:6" x14ac:dyDescent="0.25">
      <c r="A1962">
        <v>138.63</v>
      </c>
      <c r="B1962">
        <v>182.26</v>
      </c>
      <c r="C1962">
        <v>17254.5</v>
      </c>
      <c r="D1962">
        <v>1.3</v>
      </c>
      <c r="E1962">
        <v>20275.099999999999</v>
      </c>
      <c r="F1962">
        <v>12.9474</v>
      </c>
    </row>
    <row r="1963" spans="1:6" x14ac:dyDescent="0.25">
      <c r="A1963">
        <v>138.63</v>
      </c>
      <c r="B1963">
        <v>182.26</v>
      </c>
      <c r="C1963">
        <v>17254.5</v>
      </c>
      <c r="D1963">
        <v>1.6</v>
      </c>
      <c r="E1963">
        <v>19967.400000000001</v>
      </c>
      <c r="F1963">
        <v>12.961</v>
      </c>
    </row>
    <row r="1964" spans="1:6" x14ac:dyDescent="0.25">
      <c r="A1964">
        <v>138.63</v>
      </c>
      <c r="B1964">
        <v>182.26</v>
      </c>
      <c r="C1964">
        <v>17254.5</v>
      </c>
      <c r="D1964">
        <v>1.9</v>
      </c>
      <c r="E1964">
        <v>19482.599999999999</v>
      </c>
      <c r="F1964">
        <v>13.7072</v>
      </c>
    </row>
    <row r="1965" spans="1:6" x14ac:dyDescent="0.25">
      <c r="A1965">
        <v>138.63</v>
      </c>
      <c r="B1965">
        <v>182.26</v>
      </c>
      <c r="C1965">
        <v>17254.5</v>
      </c>
      <c r="D1965">
        <v>2.2000000000000002</v>
      </c>
      <c r="E1965">
        <v>19360.099999999999</v>
      </c>
      <c r="F1965">
        <v>13.726000000000001</v>
      </c>
    </row>
    <row r="1966" spans="1:6" x14ac:dyDescent="0.25">
      <c r="A1966">
        <v>138.63</v>
      </c>
      <c r="B1966">
        <v>182.26</v>
      </c>
      <c r="C1966">
        <v>17254.5</v>
      </c>
      <c r="D1966">
        <v>2.5</v>
      </c>
      <c r="E1966">
        <v>19261.7</v>
      </c>
      <c r="F1966">
        <v>13.739100000000001</v>
      </c>
    </row>
    <row r="1967" spans="1:6" x14ac:dyDescent="0.25">
      <c r="A1967">
        <v>138.63</v>
      </c>
      <c r="B1967">
        <v>182.26</v>
      </c>
      <c r="C1967">
        <v>17254.5</v>
      </c>
      <c r="D1967">
        <v>2.8</v>
      </c>
      <c r="E1967">
        <v>19204.2</v>
      </c>
      <c r="F1967">
        <v>13.7453</v>
      </c>
    </row>
    <row r="1968" spans="1:6" x14ac:dyDescent="0.25">
      <c r="A1968">
        <v>138.63</v>
      </c>
      <c r="B1968">
        <v>182.26</v>
      </c>
      <c r="C1968">
        <v>17254.5</v>
      </c>
      <c r="D1968">
        <v>3.1</v>
      </c>
      <c r="E1968">
        <v>18989.5</v>
      </c>
      <c r="F1968">
        <v>13.7502</v>
      </c>
    </row>
    <row r="1969" spans="1:6" x14ac:dyDescent="0.25">
      <c r="A1969">
        <v>138.63</v>
      </c>
      <c r="B1969">
        <v>182.26</v>
      </c>
      <c r="C1969">
        <v>17254.5</v>
      </c>
      <c r="D1969">
        <v>3.4</v>
      </c>
      <c r="E1969">
        <v>18750.2</v>
      </c>
      <c r="F1969">
        <v>13.750999999999999</v>
      </c>
    </row>
    <row r="1970" spans="1:6" x14ac:dyDescent="0.25">
      <c r="A1970">
        <v>138.63</v>
      </c>
      <c r="B1970">
        <v>182.26</v>
      </c>
      <c r="C1970">
        <v>17254.5</v>
      </c>
      <c r="D1970">
        <v>3.7</v>
      </c>
      <c r="E1970">
        <v>18679</v>
      </c>
      <c r="F1970">
        <v>13.750999999999999</v>
      </c>
    </row>
    <row r="1971" spans="1:6" x14ac:dyDescent="0.25">
      <c r="A1971">
        <v>138.63</v>
      </c>
      <c r="B1971">
        <v>182.26</v>
      </c>
      <c r="C1971">
        <v>17254.5</v>
      </c>
      <c r="D1971">
        <v>4</v>
      </c>
      <c r="E1971">
        <v>18681.900000000001</v>
      </c>
      <c r="F1971">
        <v>13.747299999999999</v>
      </c>
    </row>
    <row r="1972" spans="1:6" x14ac:dyDescent="0.25">
      <c r="A1972">
        <v>138.63</v>
      </c>
      <c r="B1972">
        <v>182.26</v>
      </c>
      <c r="C1972">
        <v>18800</v>
      </c>
      <c r="D1972">
        <v>1</v>
      </c>
      <c r="E1972">
        <v>22749.9</v>
      </c>
      <c r="F1972">
        <v>13.580500000000001</v>
      </c>
    </row>
    <row r="1973" spans="1:6" x14ac:dyDescent="0.25">
      <c r="A1973">
        <v>138.63</v>
      </c>
      <c r="B1973">
        <v>182.26</v>
      </c>
      <c r="C1973">
        <v>18800</v>
      </c>
      <c r="D1973">
        <v>1.3</v>
      </c>
      <c r="E1973">
        <v>22088.5</v>
      </c>
      <c r="F1973">
        <v>12.9474</v>
      </c>
    </row>
    <row r="1974" spans="1:6" x14ac:dyDescent="0.25">
      <c r="A1974">
        <v>138.63</v>
      </c>
      <c r="B1974">
        <v>182.26</v>
      </c>
      <c r="C1974">
        <v>18800</v>
      </c>
      <c r="D1974">
        <v>1.6</v>
      </c>
      <c r="E1974">
        <v>21614.3</v>
      </c>
      <c r="F1974">
        <v>12.961</v>
      </c>
    </row>
    <row r="1975" spans="1:6" x14ac:dyDescent="0.25">
      <c r="A1975">
        <v>138.63</v>
      </c>
      <c r="B1975">
        <v>182.26</v>
      </c>
      <c r="C1975">
        <v>18800</v>
      </c>
      <c r="D1975">
        <v>1.9</v>
      </c>
      <c r="E1975">
        <v>21238</v>
      </c>
      <c r="F1975">
        <v>13.7072</v>
      </c>
    </row>
    <row r="1976" spans="1:6" x14ac:dyDescent="0.25">
      <c r="A1976">
        <v>138.63</v>
      </c>
      <c r="B1976">
        <v>182.26</v>
      </c>
      <c r="C1976">
        <v>18800</v>
      </c>
      <c r="D1976">
        <v>2.2000000000000002</v>
      </c>
      <c r="E1976">
        <v>20956.900000000001</v>
      </c>
      <c r="F1976">
        <v>13.726000000000001</v>
      </c>
    </row>
    <row r="1977" spans="1:6" x14ac:dyDescent="0.25">
      <c r="A1977">
        <v>138.63</v>
      </c>
      <c r="B1977">
        <v>182.26</v>
      </c>
      <c r="C1977">
        <v>18800</v>
      </c>
      <c r="D1977">
        <v>2.5</v>
      </c>
      <c r="E1977">
        <v>20692</v>
      </c>
      <c r="F1977">
        <v>13.739100000000001</v>
      </c>
    </row>
    <row r="1978" spans="1:6" x14ac:dyDescent="0.25">
      <c r="A1978">
        <v>138.63</v>
      </c>
      <c r="B1978">
        <v>182.26</v>
      </c>
      <c r="C1978">
        <v>18800</v>
      </c>
      <c r="D1978">
        <v>2.8</v>
      </c>
      <c r="E1978">
        <v>20661.099999999999</v>
      </c>
      <c r="F1978">
        <v>13.7453</v>
      </c>
    </row>
    <row r="1979" spans="1:6" x14ac:dyDescent="0.25">
      <c r="A1979">
        <v>138.63</v>
      </c>
      <c r="B1979">
        <v>182.26</v>
      </c>
      <c r="C1979">
        <v>18800</v>
      </c>
      <c r="D1979">
        <v>3.1</v>
      </c>
      <c r="E1979">
        <v>20411.099999999999</v>
      </c>
      <c r="F1979">
        <v>13.7502</v>
      </c>
    </row>
    <row r="1980" spans="1:6" x14ac:dyDescent="0.25">
      <c r="A1980">
        <v>138.63</v>
      </c>
      <c r="B1980">
        <v>182.26</v>
      </c>
      <c r="C1980">
        <v>18800</v>
      </c>
      <c r="D1980">
        <v>3.4</v>
      </c>
      <c r="E1980">
        <v>20432.3</v>
      </c>
      <c r="F1980">
        <v>13.750999999999999</v>
      </c>
    </row>
    <row r="1981" spans="1:6" x14ac:dyDescent="0.25">
      <c r="A1981">
        <v>138.63</v>
      </c>
      <c r="B1981">
        <v>182.26</v>
      </c>
      <c r="C1981">
        <v>18800</v>
      </c>
      <c r="D1981">
        <v>3.7</v>
      </c>
      <c r="E1981">
        <v>20282</v>
      </c>
      <c r="F1981">
        <v>13.750999999999999</v>
      </c>
    </row>
    <row r="1982" spans="1:6" x14ac:dyDescent="0.25">
      <c r="A1982">
        <v>138.63</v>
      </c>
      <c r="B1982">
        <v>182.26</v>
      </c>
      <c r="C1982">
        <v>18800</v>
      </c>
      <c r="D1982">
        <v>4</v>
      </c>
      <c r="E1982">
        <v>20254</v>
      </c>
      <c r="F1982">
        <v>13.747299999999999</v>
      </c>
    </row>
    <row r="1983" spans="1:6" x14ac:dyDescent="0.25">
      <c r="A1983">
        <v>138.63</v>
      </c>
      <c r="B1983">
        <v>185.89</v>
      </c>
      <c r="C1983">
        <v>1800</v>
      </c>
      <c r="D1983">
        <v>1</v>
      </c>
      <c r="E1983">
        <v>5651.42</v>
      </c>
      <c r="F1983">
        <v>60.465899999999998</v>
      </c>
    </row>
    <row r="1984" spans="1:6" x14ac:dyDescent="0.25">
      <c r="A1984">
        <v>138.63</v>
      </c>
      <c r="B1984">
        <v>185.89</v>
      </c>
      <c r="C1984">
        <v>1800</v>
      </c>
      <c r="D1984">
        <v>1.3</v>
      </c>
      <c r="E1984">
        <v>5056.09</v>
      </c>
      <c r="F1984">
        <v>74.974500000000006</v>
      </c>
    </row>
    <row r="1985" spans="1:6" x14ac:dyDescent="0.25">
      <c r="A1985">
        <v>138.63</v>
      </c>
      <c r="B1985">
        <v>185.89</v>
      </c>
      <c r="C1985">
        <v>1800</v>
      </c>
      <c r="D1985">
        <v>1.6</v>
      </c>
      <c r="E1985">
        <v>4650.9799999999996</v>
      </c>
      <c r="F1985">
        <v>83.3797</v>
      </c>
    </row>
    <row r="1986" spans="1:6" x14ac:dyDescent="0.25">
      <c r="A1986">
        <v>138.63</v>
      </c>
      <c r="B1986">
        <v>185.89</v>
      </c>
      <c r="C1986">
        <v>1800</v>
      </c>
      <c r="D1986">
        <v>1.9</v>
      </c>
      <c r="E1986">
        <v>4388.3100000000004</v>
      </c>
      <c r="F1986">
        <v>94.717500000000001</v>
      </c>
    </row>
    <row r="1987" spans="1:6" x14ac:dyDescent="0.25">
      <c r="A1987">
        <v>138.63</v>
      </c>
      <c r="B1987">
        <v>185.89</v>
      </c>
      <c r="C1987">
        <v>1800</v>
      </c>
      <c r="D1987">
        <v>2.2000000000000002</v>
      </c>
      <c r="E1987">
        <v>4199.4399999999996</v>
      </c>
      <c r="F1987">
        <v>100.626</v>
      </c>
    </row>
    <row r="1988" spans="1:6" x14ac:dyDescent="0.25">
      <c r="A1988">
        <v>138.63</v>
      </c>
      <c r="B1988">
        <v>185.89</v>
      </c>
      <c r="C1988">
        <v>1800</v>
      </c>
      <c r="D1988">
        <v>2.5</v>
      </c>
      <c r="E1988">
        <v>4056.88</v>
      </c>
      <c r="F1988">
        <v>105.399</v>
      </c>
    </row>
    <row r="1989" spans="1:6" x14ac:dyDescent="0.25">
      <c r="A1989">
        <v>138.63</v>
      </c>
      <c r="B1989">
        <v>185.89</v>
      </c>
      <c r="C1989">
        <v>1800</v>
      </c>
      <c r="D1989">
        <v>2.8</v>
      </c>
      <c r="E1989">
        <v>3948.83</v>
      </c>
      <c r="F1989">
        <v>104.81399999999999</v>
      </c>
    </row>
    <row r="1990" spans="1:6" x14ac:dyDescent="0.25">
      <c r="A1990">
        <v>138.63</v>
      </c>
      <c r="B1990">
        <v>185.89</v>
      </c>
      <c r="C1990">
        <v>1800</v>
      </c>
      <c r="D1990">
        <v>3.1</v>
      </c>
      <c r="E1990">
        <v>3885.92</v>
      </c>
      <c r="F1990">
        <v>107.343</v>
      </c>
    </row>
    <row r="1991" spans="1:6" x14ac:dyDescent="0.25">
      <c r="A1991">
        <v>138.63</v>
      </c>
      <c r="B1991">
        <v>185.89</v>
      </c>
      <c r="C1991">
        <v>1800</v>
      </c>
      <c r="D1991">
        <v>3.4</v>
      </c>
      <c r="E1991">
        <v>3798.61</v>
      </c>
      <c r="F1991">
        <v>110.03100000000001</v>
      </c>
    </row>
    <row r="1992" spans="1:6" x14ac:dyDescent="0.25">
      <c r="A1992">
        <v>138.63</v>
      </c>
      <c r="B1992">
        <v>185.89</v>
      </c>
      <c r="C1992">
        <v>1800</v>
      </c>
      <c r="D1992">
        <v>3.7</v>
      </c>
      <c r="E1992">
        <v>3708.49</v>
      </c>
      <c r="F1992">
        <v>113.714</v>
      </c>
    </row>
    <row r="1993" spans="1:6" x14ac:dyDescent="0.25">
      <c r="A1993">
        <v>138.63</v>
      </c>
      <c r="B1993">
        <v>185.89</v>
      </c>
      <c r="C1993">
        <v>1800</v>
      </c>
      <c r="D1993">
        <v>4</v>
      </c>
      <c r="E1993">
        <v>3678.62</v>
      </c>
      <c r="F1993">
        <v>111.495</v>
      </c>
    </row>
    <row r="1994" spans="1:6" x14ac:dyDescent="0.25">
      <c r="A1994">
        <v>138.63</v>
      </c>
      <c r="B1994">
        <v>185.89</v>
      </c>
      <c r="C1994">
        <v>3345.45</v>
      </c>
      <c r="D1994">
        <v>1</v>
      </c>
      <c r="E1994">
        <v>7002.39</v>
      </c>
      <c r="F1994">
        <v>32.992199999999997</v>
      </c>
    </row>
    <row r="1995" spans="1:6" x14ac:dyDescent="0.25">
      <c r="A1995">
        <v>138.63</v>
      </c>
      <c r="B1995">
        <v>185.89</v>
      </c>
      <c r="C1995">
        <v>3345.45</v>
      </c>
      <c r="D1995">
        <v>1.3</v>
      </c>
      <c r="E1995">
        <v>6379.41</v>
      </c>
      <c r="F1995">
        <v>42.511099999999999</v>
      </c>
    </row>
    <row r="1996" spans="1:6" x14ac:dyDescent="0.25">
      <c r="A1996">
        <v>138.63</v>
      </c>
      <c r="B1996">
        <v>185.89</v>
      </c>
      <c r="C1996">
        <v>3345.45</v>
      </c>
      <c r="D1996">
        <v>1.6</v>
      </c>
      <c r="E1996">
        <v>5976.22</v>
      </c>
      <c r="F1996">
        <v>47.669600000000003</v>
      </c>
    </row>
    <row r="1997" spans="1:6" x14ac:dyDescent="0.25">
      <c r="A1997">
        <v>138.63</v>
      </c>
      <c r="B1997">
        <v>185.89</v>
      </c>
      <c r="C1997">
        <v>3345.45</v>
      </c>
      <c r="D1997">
        <v>1.9</v>
      </c>
      <c r="E1997">
        <v>5733.43</v>
      </c>
      <c r="F1997">
        <v>56.441600000000001</v>
      </c>
    </row>
    <row r="1998" spans="1:6" x14ac:dyDescent="0.25">
      <c r="A1998">
        <v>138.63</v>
      </c>
      <c r="B1998">
        <v>185.89</v>
      </c>
      <c r="C1998">
        <v>3345.45</v>
      </c>
      <c r="D1998">
        <v>2.2000000000000002</v>
      </c>
      <c r="E1998">
        <v>5568.85</v>
      </c>
      <c r="F1998">
        <v>66.024000000000001</v>
      </c>
    </row>
    <row r="1999" spans="1:6" x14ac:dyDescent="0.25">
      <c r="A1999">
        <v>138.63</v>
      </c>
      <c r="B1999">
        <v>185.89</v>
      </c>
      <c r="C1999">
        <v>3345.45</v>
      </c>
      <c r="D1999">
        <v>2.5</v>
      </c>
      <c r="E1999">
        <v>5421.19</v>
      </c>
      <c r="F1999">
        <v>72.462699999999998</v>
      </c>
    </row>
    <row r="2000" spans="1:6" x14ac:dyDescent="0.25">
      <c r="A2000">
        <v>138.63</v>
      </c>
      <c r="B2000">
        <v>185.89</v>
      </c>
      <c r="C2000">
        <v>3345.45</v>
      </c>
      <c r="D2000">
        <v>2.8</v>
      </c>
      <c r="E2000">
        <v>5282.4</v>
      </c>
      <c r="F2000">
        <v>77.610500000000002</v>
      </c>
    </row>
    <row r="2001" spans="1:6" x14ac:dyDescent="0.25">
      <c r="A2001">
        <v>138.63</v>
      </c>
      <c r="B2001">
        <v>185.89</v>
      </c>
      <c r="C2001">
        <v>3345.45</v>
      </c>
      <c r="D2001">
        <v>3.1</v>
      </c>
      <c r="E2001">
        <v>5232.04</v>
      </c>
      <c r="F2001">
        <v>79.305800000000005</v>
      </c>
    </row>
    <row r="2002" spans="1:6" x14ac:dyDescent="0.25">
      <c r="A2002">
        <v>138.63</v>
      </c>
      <c r="B2002">
        <v>185.89</v>
      </c>
      <c r="C2002">
        <v>3345.45</v>
      </c>
      <c r="D2002">
        <v>3.4</v>
      </c>
      <c r="E2002">
        <v>5132.3599999999997</v>
      </c>
      <c r="F2002">
        <v>83.496099999999998</v>
      </c>
    </row>
    <row r="2003" spans="1:6" x14ac:dyDescent="0.25">
      <c r="A2003">
        <v>138.63</v>
      </c>
      <c r="B2003">
        <v>185.89</v>
      </c>
      <c r="C2003">
        <v>3345.45</v>
      </c>
      <c r="D2003">
        <v>3.7</v>
      </c>
      <c r="E2003">
        <v>5056.3</v>
      </c>
      <c r="F2003">
        <v>85.571200000000005</v>
      </c>
    </row>
    <row r="2004" spans="1:6" x14ac:dyDescent="0.25">
      <c r="A2004">
        <v>138.63</v>
      </c>
      <c r="B2004">
        <v>185.89</v>
      </c>
      <c r="C2004">
        <v>3345.45</v>
      </c>
      <c r="D2004">
        <v>4</v>
      </c>
      <c r="E2004">
        <v>5050.6499999999996</v>
      </c>
      <c r="F2004">
        <v>87.960300000000004</v>
      </c>
    </row>
    <row r="2005" spans="1:6" x14ac:dyDescent="0.25">
      <c r="A2005">
        <v>138.63</v>
      </c>
      <c r="B2005">
        <v>185.89</v>
      </c>
      <c r="C2005">
        <v>4890.8999999999996</v>
      </c>
      <c r="D2005">
        <v>1</v>
      </c>
      <c r="E2005">
        <v>8214.94</v>
      </c>
      <c r="F2005">
        <v>15.187900000000001</v>
      </c>
    </row>
    <row r="2006" spans="1:6" x14ac:dyDescent="0.25">
      <c r="A2006">
        <v>138.63</v>
      </c>
      <c r="B2006">
        <v>185.89</v>
      </c>
      <c r="C2006">
        <v>4890.8999999999996</v>
      </c>
      <c r="D2006">
        <v>1.3</v>
      </c>
      <c r="E2006">
        <v>7883.41</v>
      </c>
      <c r="F2006">
        <v>17.122499999999999</v>
      </c>
    </row>
    <row r="2007" spans="1:6" x14ac:dyDescent="0.25">
      <c r="A2007">
        <v>138.63</v>
      </c>
      <c r="B2007">
        <v>185.89</v>
      </c>
      <c r="C2007">
        <v>4890.8999999999996</v>
      </c>
      <c r="D2007">
        <v>1.6</v>
      </c>
      <c r="E2007">
        <v>7480.13</v>
      </c>
      <c r="F2007">
        <v>19.802199999999999</v>
      </c>
    </row>
    <row r="2008" spans="1:6" x14ac:dyDescent="0.25">
      <c r="A2008">
        <v>138.63</v>
      </c>
      <c r="B2008">
        <v>185.89</v>
      </c>
      <c r="C2008">
        <v>4890.8999999999996</v>
      </c>
      <c r="D2008">
        <v>1.9</v>
      </c>
      <c r="E2008">
        <v>7124.6</v>
      </c>
      <c r="F2008">
        <v>24.051100000000002</v>
      </c>
    </row>
    <row r="2009" spans="1:6" x14ac:dyDescent="0.25">
      <c r="A2009">
        <v>138.63</v>
      </c>
      <c r="B2009">
        <v>185.89</v>
      </c>
      <c r="C2009">
        <v>4890.8999999999996</v>
      </c>
      <c r="D2009">
        <v>2.2000000000000002</v>
      </c>
      <c r="E2009">
        <v>7068.15</v>
      </c>
      <c r="F2009">
        <v>28.529399999999999</v>
      </c>
    </row>
    <row r="2010" spans="1:6" x14ac:dyDescent="0.25">
      <c r="A2010">
        <v>138.63</v>
      </c>
      <c r="B2010">
        <v>185.89</v>
      </c>
      <c r="C2010">
        <v>4890.8999999999996</v>
      </c>
      <c r="D2010">
        <v>2.5</v>
      </c>
      <c r="E2010">
        <v>6804.21</v>
      </c>
      <c r="F2010">
        <v>33.488999999999997</v>
      </c>
    </row>
    <row r="2011" spans="1:6" x14ac:dyDescent="0.25">
      <c r="A2011">
        <v>138.63</v>
      </c>
      <c r="B2011">
        <v>185.89</v>
      </c>
      <c r="C2011">
        <v>4890.8999999999996</v>
      </c>
      <c r="D2011">
        <v>2.8</v>
      </c>
      <c r="E2011">
        <v>6759.87</v>
      </c>
      <c r="F2011">
        <v>38.6111</v>
      </c>
    </row>
    <row r="2012" spans="1:6" x14ac:dyDescent="0.25">
      <c r="A2012">
        <v>138.63</v>
      </c>
      <c r="B2012">
        <v>185.89</v>
      </c>
      <c r="C2012">
        <v>4890.8999999999996</v>
      </c>
      <c r="D2012">
        <v>3.1</v>
      </c>
      <c r="E2012">
        <v>6660.79</v>
      </c>
      <c r="F2012">
        <v>41.028199999999998</v>
      </c>
    </row>
    <row r="2013" spans="1:6" x14ac:dyDescent="0.25">
      <c r="A2013">
        <v>138.63</v>
      </c>
      <c r="B2013">
        <v>185.89</v>
      </c>
      <c r="C2013">
        <v>4890.8999999999996</v>
      </c>
      <c r="D2013">
        <v>3.4</v>
      </c>
      <c r="E2013">
        <v>6522.25</v>
      </c>
      <c r="F2013">
        <v>44.963500000000003</v>
      </c>
    </row>
    <row r="2014" spans="1:6" x14ac:dyDescent="0.25">
      <c r="A2014">
        <v>138.63</v>
      </c>
      <c r="B2014">
        <v>185.89</v>
      </c>
      <c r="C2014">
        <v>4890.8999999999996</v>
      </c>
      <c r="D2014">
        <v>3.7</v>
      </c>
      <c r="E2014">
        <v>6425</v>
      </c>
      <c r="F2014">
        <v>47.220399999999998</v>
      </c>
    </row>
    <row r="2015" spans="1:6" x14ac:dyDescent="0.25">
      <c r="A2015">
        <v>138.63</v>
      </c>
      <c r="B2015">
        <v>185.89</v>
      </c>
      <c r="C2015">
        <v>4890.8999999999996</v>
      </c>
      <c r="D2015">
        <v>4</v>
      </c>
      <c r="E2015">
        <v>6483.97</v>
      </c>
      <c r="F2015">
        <v>49.111699999999999</v>
      </c>
    </row>
    <row r="2016" spans="1:6" x14ac:dyDescent="0.25">
      <c r="A2016">
        <v>138.63</v>
      </c>
      <c r="B2016">
        <v>185.89</v>
      </c>
      <c r="C2016">
        <v>6436.35</v>
      </c>
      <c r="D2016">
        <v>1</v>
      </c>
      <c r="E2016">
        <v>9941.81</v>
      </c>
      <c r="F2016">
        <v>11.4657</v>
      </c>
    </row>
    <row r="2017" spans="1:6" x14ac:dyDescent="0.25">
      <c r="A2017">
        <v>138.63</v>
      </c>
      <c r="B2017">
        <v>185.89</v>
      </c>
      <c r="C2017">
        <v>6436.35</v>
      </c>
      <c r="D2017">
        <v>1.3</v>
      </c>
      <c r="E2017">
        <v>9197.68</v>
      </c>
      <c r="F2017">
        <v>12.131600000000001</v>
      </c>
    </row>
    <row r="2018" spans="1:6" x14ac:dyDescent="0.25">
      <c r="A2018">
        <v>138.63</v>
      </c>
      <c r="B2018">
        <v>185.89</v>
      </c>
      <c r="C2018">
        <v>6436.35</v>
      </c>
      <c r="D2018">
        <v>1.6</v>
      </c>
      <c r="E2018">
        <v>8943.27</v>
      </c>
      <c r="F2018">
        <v>11.943899999999999</v>
      </c>
    </row>
    <row r="2019" spans="1:6" x14ac:dyDescent="0.25">
      <c r="A2019">
        <v>138.63</v>
      </c>
      <c r="B2019">
        <v>185.89</v>
      </c>
      <c r="C2019">
        <v>6436.35</v>
      </c>
      <c r="D2019">
        <v>1.9</v>
      </c>
      <c r="E2019">
        <v>8639.9500000000007</v>
      </c>
      <c r="F2019">
        <v>11.645799999999999</v>
      </c>
    </row>
    <row r="2020" spans="1:6" x14ac:dyDescent="0.25">
      <c r="A2020">
        <v>138.63</v>
      </c>
      <c r="B2020">
        <v>185.89</v>
      </c>
      <c r="C2020">
        <v>6436.35</v>
      </c>
      <c r="D2020">
        <v>2.2000000000000002</v>
      </c>
      <c r="E2020">
        <v>8329.9</v>
      </c>
      <c r="F2020">
        <v>11.2128</v>
      </c>
    </row>
    <row r="2021" spans="1:6" x14ac:dyDescent="0.25">
      <c r="A2021">
        <v>138.63</v>
      </c>
      <c r="B2021">
        <v>185.89</v>
      </c>
      <c r="C2021">
        <v>6436.35</v>
      </c>
      <c r="D2021">
        <v>2.5</v>
      </c>
      <c r="E2021">
        <v>8390.43</v>
      </c>
      <c r="F2021">
        <v>10.815099999999999</v>
      </c>
    </row>
    <row r="2022" spans="1:6" x14ac:dyDescent="0.25">
      <c r="A2022">
        <v>138.63</v>
      </c>
      <c r="B2022">
        <v>185.89</v>
      </c>
      <c r="C2022">
        <v>6436.35</v>
      </c>
      <c r="D2022">
        <v>2.8</v>
      </c>
      <c r="E2022">
        <v>8185.72</v>
      </c>
      <c r="F2022">
        <v>12.037800000000001</v>
      </c>
    </row>
    <row r="2023" spans="1:6" x14ac:dyDescent="0.25">
      <c r="A2023">
        <v>138.63</v>
      </c>
      <c r="B2023">
        <v>185.89</v>
      </c>
      <c r="C2023">
        <v>6436.35</v>
      </c>
      <c r="D2023">
        <v>3.1</v>
      </c>
      <c r="E2023">
        <v>8047.73</v>
      </c>
      <c r="F2023">
        <v>13.764699999999999</v>
      </c>
    </row>
    <row r="2024" spans="1:6" x14ac:dyDescent="0.25">
      <c r="A2024">
        <v>138.63</v>
      </c>
      <c r="B2024">
        <v>185.89</v>
      </c>
      <c r="C2024">
        <v>6436.35</v>
      </c>
      <c r="D2024">
        <v>3.4</v>
      </c>
      <c r="E2024">
        <v>8021.82</v>
      </c>
      <c r="F2024">
        <v>15.783200000000001</v>
      </c>
    </row>
    <row r="2025" spans="1:6" x14ac:dyDescent="0.25">
      <c r="A2025">
        <v>138.63</v>
      </c>
      <c r="B2025">
        <v>185.89</v>
      </c>
      <c r="C2025">
        <v>6436.35</v>
      </c>
      <c r="D2025">
        <v>3.7</v>
      </c>
      <c r="E2025">
        <v>7913.91</v>
      </c>
      <c r="F2025">
        <v>17.011600000000001</v>
      </c>
    </row>
    <row r="2026" spans="1:6" x14ac:dyDescent="0.25">
      <c r="A2026">
        <v>138.63</v>
      </c>
      <c r="B2026">
        <v>185.89</v>
      </c>
      <c r="C2026">
        <v>6436.35</v>
      </c>
      <c r="D2026">
        <v>4</v>
      </c>
      <c r="E2026">
        <v>7785.18</v>
      </c>
      <c r="F2026">
        <v>18.254899999999999</v>
      </c>
    </row>
    <row r="2027" spans="1:6" x14ac:dyDescent="0.25">
      <c r="A2027">
        <v>138.63</v>
      </c>
      <c r="B2027">
        <v>185.89</v>
      </c>
      <c r="C2027">
        <v>7981.8</v>
      </c>
      <c r="D2027">
        <v>1</v>
      </c>
      <c r="E2027">
        <v>11792.8</v>
      </c>
      <c r="F2027">
        <v>13.580500000000001</v>
      </c>
    </row>
    <row r="2028" spans="1:6" x14ac:dyDescent="0.25">
      <c r="A2028">
        <v>138.63</v>
      </c>
      <c r="B2028">
        <v>185.89</v>
      </c>
      <c r="C2028">
        <v>7981.8</v>
      </c>
      <c r="D2028">
        <v>1.3</v>
      </c>
      <c r="E2028">
        <v>10963.5</v>
      </c>
      <c r="F2028">
        <v>12.8447</v>
      </c>
    </row>
    <row r="2029" spans="1:6" x14ac:dyDescent="0.25">
      <c r="A2029">
        <v>138.63</v>
      </c>
      <c r="B2029">
        <v>185.89</v>
      </c>
      <c r="C2029">
        <v>7981.8</v>
      </c>
      <c r="D2029">
        <v>1.6</v>
      </c>
      <c r="E2029">
        <v>10596.8</v>
      </c>
      <c r="F2029">
        <v>12.911199999999999</v>
      </c>
    </row>
    <row r="2030" spans="1:6" x14ac:dyDescent="0.25">
      <c r="A2030">
        <v>138.63</v>
      </c>
      <c r="B2030">
        <v>185.89</v>
      </c>
      <c r="C2030">
        <v>7981.8</v>
      </c>
      <c r="D2030">
        <v>1.9</v>
      </c>
      <c r="E2030">
        <v>10173.200000000001</v>
      </c>
      <c r="F2030">
        <v>13.7072</v>
      </c>
    </row>
    <row r="2031" spans="1:6" x14ac:dyDescent="0.25">
      <c r="A2031">
        <v>138.63</v>
      </c>
      <c r="B2031">
        <v>185.89</v>
      </c>
      <c r="C2031">
        <v>7981.8</v>
      </c>
      <c r="D2031">
        <v>2.2000000000000002</v>
      </c>
      <c r="E2031">
        <v>10041.6</v>
      </c>
      <c r="F2031">
        <v>13.726000000000001</v>
      </c>
    </row>
    <row r="2032" spans="1:6" x14ac:dyDescent="0.25">
      <c r="A2032">
        <v>138.63</v>
      </c>
      <c r="B2032">
        <v>185.89</v>
      </c>
      <c r="C2032">
        <v>7981.8</v>
      </c>
      <c r="D2032">
        <v>2.5</v>
      </c>
      <c r="E2032">
        <v>9988.9699999999993</v>
      </c>
      <c r="F2032">
        <v>13.739100000000001</v>
      </c>
    </row>
    <row r="2033" spans="1:6" x14ac:dyDescent="0.25">
      <c r="A2033">
        <v>138.63</v>
      </c>
      <c r="B2033">
        <v>185.89</v>
      </c>
      <c r="C2033">
        <v>7981.8</v>
      </c>
      <c r="D2033">
        <v>2.8</v>
      </c>
      <c r="E2033">
        <v>9729.7199999999993</v>
      </c>
      <c r="F2033">
        <v>13.7453</v>
      </c>
    </row>
    <row r="2034" spans="1:6" x14ac:dyDescent="0.25">
      <c r="A2034">
        <v>138.63</v>
      </c>
      <c r="B2034">
        <v>185.89</v>
      </c>
      <c r="C2034">
        <v>7981.8</v>
      </c>
      <c r="D2034">
        <v>3.1</v>
      </c>
      <c r="E2034">
        <v>9584.7199999999993</v>
      </c>
      <c r="F2034">
        <v>13.7502</v>
      </c>
    </row>
    <row r="2035" spans="1:6" x14ac:dyDescent="0.25">
      <c r="A2035">
        <v>138.63</v>
      </c>
      <c r="B2035">
        <v>185.89</v>
      </c>
      <c r="C2035">
        <v>7981.8</v>
      </c>
      <c r="D2035">
        <v>3.4</v>
      </c>
      <c r="E2035">
        <v>9409.6200000000008</v>
      </c>
      <c r="F2035">
        <v>13.750999999999999</v>
      </c>
    </row>
    <row r="2036" spans="1:6" x14ac:dyDescent="0.25">
      <c r="A2036">
        <v>138.63</v>
      </c>
      <c r="B2036">
        <v>185.89</v>
      </c>
      <c r="C2036">
        <v>7981.8</v>
      </c>
      <c r="D2036">
        <v>3.7</v>
      </c>
      <c r="E2036">
        <v>9529.48</v>
      </c>
      <c r="F2036">
        <v>13.750999999999999</v>
      </c>
    </row>
    <row r="2037" spans="1:6" x14ac:dyDescent="0.25">
      <c r="A2037">
        <v>138.63</v>
      </c>
      <c r="B2037">
        <v>185.89</v>
      </c>
      <c r="C2037">
        <v>7981.8</v>
      </c>
      <c r="D2037">
        <v>4</v>
      </c>
      <c r="E2037">
        <v>9416.4599999999991</v>
      </c>
      <c r="F2037">
        <v>13.747299999999999</v>
      </c>
    </row>
    <row r="2038" spans="1:6" x14ac:dyDescent="0.25">
      <c r="A2038">
        <v>138.63</v>
      </c>
      <c r="B2038">
        <v>185.89</v>
      </c>
      <c r="C2038">
        <v>9527.25</v>
      </c>
      <c r="D2038">
        <v>1</v>
      </c>
      <c r="E2038">
        <v>13400.7</v>
      </c>
      <c r="F2038">
        <v>13.580500000000001</v>
      </c>
    </row>
    <row r="2039" spans="1:6" x14ac:dyDescent="0.25">
      <c r="A2039">
        <v>138.63</v>
      </c>
      <c r="B2039">
        <v>185.89</v>
      </c>
      <c r="C2039">
        <v>9527.25</v>
      </c>
      <c r="D2039">
        <v>1.3</v>
      </c>
      <c r="E2039">
        <v>12823.7</v>
      </c>
      <c r="F2039">
        <v>12.9474</v>
      </c>
    </row>
    <row r="2040" spans="1:6" x14ac:dyDescent="0.25">
      <c r="A2040">
        <v>138.63</v>
      </c>
      <c r="B2040">
        <v>185.89</v>
      </c>
      <c r="C2040">
        <v>9527.25</v>
      </c>
      <c r="D2040">
        <v>1.6</v>
      </c>
      <c r="E2040">
        <v>12108.9</v>
      </c>
      <c r="F2040">
        <v>12.961</v>
      </c>
    </row>
    <row r="2041" spans="1:6" x14ac:dyDescent="0.25">
      <c r="A2041">
        <v>138.63</v>
      </c>
      <c r="B2041">
        <v>185.89</v>
      </c>
      <c r="C2041">
        <v>9527.25</v>
      </c>
      <c r="D2041">
        <v>1.9</v>
      </c>
      <c r="E2041">
        <v>11787.9</v>
      </c>
      <c r="F2041">
        <v>13.7072</v>
      </c>
    </row>
    <row r="2042" spans="1:6" x14ac:dyDescent="0.25">
      <c r="A2042">
        <v>138.63</v>
      </c>
      <c r="B2042">
        <v>185.89</v>
      </c>
      <c r="C2042">
        <v>9527.25</v>
      </c>
      <c r="D2042">
        <v>2.2000000000000002</v>
      </c>
      <c r="E2042">
        <v>11713.8</v>
      </c>
      <c r="F2042">
        <v>13.726000000000001</v>
      </c>
    </row>
    <row r="2043" spans="1:6" x14ac:dyDescent="0.25">
      <c r="A2043">
        <v>138.63</v>
      </c>
      <c r="B2043">
        <v>185.89</v>
      </c>
      <c r="C2043">
        <v>9527.25</v>
      </c>
      <c r="D2043">
        <v>2.5</v>
      </c>
      <c r="E2043">
        <v>11480</v>
      </c>
      <c r="F2043">
        <v>13.739100000000001</v>
      </c>
    </row>
    <row r="2044" spans="1:6" x14ac:dyDescent="0.25">
      <c r="A2044">
        <v>138.63</v>
      </c>
      <c r="B2044">
        <v>185.89</v>
      </c>
      <c r="C2044">
        <v>9527.25</v>
      </c>
      <c r="D2044">
        <v>2.8</v>
      </c>
      <c r="E2044">
        <v>11291</v>
      </c>
      <c r="F2044">
        <v>13.7453</v>
      </c>
    </row>
    <row r="2045" spans="1:6" x14ac:dyDescent="0.25">
      <c r="A2045">
        <v>138.63</v>
      </c>
      <c r="B2045">
        <v>185.89</v>
      </c>
      <c r="C2045">
        <v>9527.25</v>
      </c>
      <c r="D2045">
        <v>3.1</v>
      </c>
      <c r="E2045">
        <v>11133.4</v>
      </c>
      <c r="F2045">
        <v>13.7502</v>
      </c>
    </row>
    <row r="2046" spans="1:6" x14ac:dyDescent="0.25">
      <c r="A2046">
        <v>138.63</v>
      </c>
      <c r="B2046">
        <v>185.89</v>
      </c>
      <c r="C2046">
        <v>9527.25</v>
      </c>
      <c r="D2046">
        <v>3.4</v>
      </c>
      <c r="E2046">
        <v>10999</v>
      </c>
      <c r="F2046">
        <v>13.750999999999999</v>
      </c>
    </row>
    <row r="2047" spans="1:6" x14ac:dyDescent="0.25">
      <c r="A2047">
        <v>138.63</v>
      </c>
      <c r="B2047">
        <v>185.89</v>
      </c>
      <c r="C2047">
        <v>9527.25</v>
      </c>
      <c r="D2047">
        <v>3.7</v>
      </c>
      <c r="E2047">
        <v>10882.2</v>
      </c>
      <c r="F2047">
        <v>13.750999999999999</v>
      </c>
    </row>
    <row r="2048" spans="1:6" x14ac:dyDescent="0.25">
      <c r="A2048">
        <v>138.63</v>
      </c>
      <c r="B2048">
        <v>185.89</v>
      </c>
      <c r="C2048">
        <v>9527.25</v>
      </c>
      <c r="D2048">
        <v>4</v>
      </c>
      <c r="E2048">
        <v>10999.5</v>
      </c>
      <c r="F2048">
        <v>13.747299999999999</v>
      </c>
    </row>
    <row r="2049" spans="1:6" x14ac:dyDescent="0.25">
      <c r="A2049">
        <v>138.63</v>
      </c>
      <c r="B2049">
        <v>185.89</v>
      </c>
      <c r="C2049">
        <v>11072.7</v>
      </c>
      <c r="D2049">
        <v>1</v>
      </c>
      <c r="E2049">
        <v>15018.1</v>
      </c>
      <c r="F2049">
        <v>13.580500000000001</v>
      </c>
    </row>
    <row r="2050" spans="1:6" x14ac:dyDescent="0.25">
      <c r="A2050">
        <v>138.63</v>
      </c>
      <c r="B2050">
        <v>185.89</v>
      </c>
      <c r="C2050">
        <v>11072.7</v>
      </c>
      <c r="D2050">
        <v>1.3</v>
      </c>
      <c r="E2050">
        <v>14157.2</v>
      </c>
      <c r="F2050">
        <v>12.9474</v>
      </c>
    </row>
    <row r="2051" spans="1:6" x14ac:dyDescent="0.25">
      <c r="A2051">
        <v>138.63</v>
      </c>
      <c r="B2051">
        <v>185.89</v>
      </c>
      <c r="C2051">
        <v>11072.7</v>
      </c>
      <c r="D2051">
        <v>1.6</v>
      </c>
      <c r="E2051">
        <v>13661.2</v>
      </c>
      <c r="F2051">
        <v>12.961</v>
      </c>
    </row>
    <row r="2052" spans="1:6" x14ac:dyDescent="0.25">
      <c r="A2052">
        <v>138.63</v>
      </c>
      <c r="B2052">
        <v>185.89</v>
      </c>
      <c r="C2052">
        <v>11072.7</v>
      </c>
      <c r="D2052">
        <v>1.9</v>
      </c>
      <c r="E2052">
        <v>13417.4</v>
      </c>
      <c r="F2052">
        <v>13.7072</v>
      </c>
    </row>
    <row r="2053" spans="1:6" x14ac:dyDescent="0.25">
      <c r="A2053">
        <v>138.63</v>
      </c>
      <c r="B2053">
        <v>185.89</v>
      </c>
      <c r="C2053">
        <v>11072.7</v>
      </c>
      <c r="D2053">
        <v>2.2000000000000002</v>
      </c>
      <c r="E2053">
        <v>13038.4</v>
      </c>
      <c r="F2053">
        <v>13.726000000000001</v>
      </c>
    </row>
    <row r="2054" spans="1:6" x14ac:dyDescent="0.25">
      <c r="A2054">
        <v>138.63</v>
      </c>
      <c r="B2054">
        <v>185.89</v>
      </c>
      <c r="C2054">
        <v>11072.7</v>
      </c>
      <c r="D2054">
        <v>2.5</v>
      </c>
      <c r="E2054">
        <v>13009.5</v>
      </c>
      <c r="F2054">
        <v>13.739100000000001</v>
      </c>
    </row>
    <row r="2055" spans="1:6" x14ac:dyDescent="0.25">
      <c r="A2055">
        <v>138.63</v>
      </c>
      <c r="B2055">
        <v>185.89</v>
      </c>
      <c r="C2055">
        <v>11072.7</v>
      </c>
      <c r="D2055">
        <v>2.8</v>
      </c>
      <c r="E2055">
        <v>12700.2</v>
      </c>
      <c r="F2055">
        <v>13.7453</v>
      </c>
    </row>
    <row r="2056" spans="1:6" x14ac:dyDescent="0.25">
      <c r="A2056">
        <v>138.63</v>
      </c>
      <c r="B2056">
        <v>185.89</v>
      </c>
      <c r="C2056">
        <v>11072.7</v>
      </c>
      <c r="D2056">
        <v>3.1</v>
      </c>
      <c r="E2056">
        <v>12613</v>
      </c>
      <c r="F2056">
        <v>13.7502</v>
      </c>
    </row>
    <row r="2057" spans="1:6" x14ac:dyDescent="0.25">
      <c r="A2057">
        <v>138.63</v>
      </c>
      <c r="B2057">
        <v>185.89</v>
      </c>
      <c r="C2057">
        <v>11072.7</v>
      </c>
      <c r="D2057">
        <v>3.4</v>
      </c>
      <c r="E2057">
        <v>12579.1</v>
      </c>
      <c r="F2057">
        <v>13.750999999999999</v>
      </c>
    </row>
    <row r="2058" spans="1:6" x14ac:dyDescent="0.25">
      <c r="A2058">
        <v>138.63</v>
      </c>
      <c r="B2058">
        <v>185.89</v>
      </c>
      <c r="C2058">
        <v>11072.7</v>
      </c>
      <c r="D2058">
        <v>3.7</v>
      </c>
      <c r="E2058">
        <v>12634.4</v>
      </c>
      <c r="F2058">
        <v>13.750999999999999</v>
      </c>
    </row>
    <row r="2059" spans="1:6" x14ac:dyDescent="0.25">
      <c r="A2059">
        <v>138.63</v>
      </c>
      <c r="B2059">
        <v>185.89</v>
      </c>
      <c r="C2059">
        <v>11072.7</v>
      </c>
      <c r="D2059">
        <v>4</v>
      </c>
      <c r="E2059">
        <v>12453</v>
      </c>
      <c r="F2059">
        <v>13.747299999999999</v>
      </c>
    </row>
    <row r="2060" spans="1:6" x14ac:dyDescent="0.25">
      <c r="A2060">
        <v>138.63</v>
      </c>
      <c r="B2060">
        <v>185.89</v>
      </c>
      <c r="C2060">
        <v>12618.2</v>
      </c>
      <c r="D2060">
        <v>1</v>
      </c>
      <c r="E2060">
        <v>16797.5</v>
      </c>
      <c r="F2060">
        <v>13.580500000000001</v>
      </c>
    </row>
    <row r="2061" spans="1:6" x14ac:dyDescent="0.25">
      <c r="A2061">
        <v>138.63</v>
      </c>
      <c r="B2061">
        <v>185.89</v>
      </c>
      <c r="C2061">
        <v>12618.2</v>
      </c>
      <c r="D2061">
        <v>1.3</v>
      </c>
      <c r="E2061">
        <v>15692.9</v>
      </c>
      <c r="F2061">
        <v>12.9474</v>
      </c>
    </row>
    <row r="2062" spans="1:6" x14ac:dyDescent="0.25">
      <c r="A2062">
        <v>138.63</v>
      </c>
      <c r="B2062">
        <v>185.89</v>
      </c>
      <c r="C2062">
        <v>12618.2</v>
      </c>
      <c r="D2062">
        <v>1.6</v>
      </c>
      <c r="E2062">
        <v>15400.3</v>
      </c>
      <c r="F2062">
        <v>12.961</v>
      </c>
    </row>
    <row r="2063" spans="1:6" x14ac:dyDescent="0.25">
      <c r="A2063">
        <v>138.63</v>
      </c>
      <c r="B2063">
        <v>185.89</v>
      </c>
      <c r="C2063">
        <v>12618.2</v>
      </c>
      <c r="D2063">
        <v>1.9</v>
      </c>
      <c r="E2063">
        <v>14896.6</v>
      </c>
      <c r="F2063">
        <v>13.7072</v>
      </c>
    </row>
    <row r="2064" spans="1:6" x14ac:dyDescent="0.25">
      <c r="A2064">
        <v>138.63</v>
      </c>
      <c r="B2064">
        <v>185.89</v>
      </c>
      <c r="C2064">
        <v>12618.2</v>
      </c>
      <c r="D2064">
        <v>2.2000000000000002</v>
      </c>
      <c r="E2064">
        <v>14806.1</v>
      </c>
      <c r="F2064">
        <v>13.726000000000001</v>
      </c>
    </row>
    <row r="2065" spans="1:6" x14ac:dyDescent="0.25">
      <c r="A2065">
        <v>138.63</v>
      </c>
      <c r="B2065">
        <v>185.89</v>
      </c>
      <c r="C2065">
        <v>12618.2</v>
      </c>
      <c r="D2065">
        <v>2.5</v>
      </c>
      <c r="E2065">
        <v>14401.9</v>
      </c>
      <c r="F2065">
        <v>13.739100000000001</v>
      </c>
    </row>
    <row r="2066" spans="1:6" x14ac:dyDescent="0.25">
      <c r="A2066">
        <v>138.63</v>
      </c>
      <c r="B2066">
        <v>185.89</v>
      </c>
      <c r="C2066">
        <v>12618.2</v>
      </c>
      <c r="D2066">
        <v>2.8</v>
      </c>
      <c r="E2066">
        <v>14411</v>
      </c>
      <c r="F2066">
        <v>13.7453</v>
      </c>
    </row>
    <row r="2067" spans="1:6" x14ac:dyDescent="0.25">
      <c r="A2067">
        <v>138.63</v>
      </c>
      <c r="B2067">
        <v>185.89</v>
      </c>
      <c r="C2067">
        <v>12618.2</v>
      </c>
      <c r="D2067">
        <v>3.1</v>
      </c>
      <c r="E2067">
        <v>14164.7</v>
      </c>
      <c r="F2067">
        <v>13.7502</v>
      </c>
    </row>
    <row r="2068" spans="1:6" x14ac:dyDescent="0.25">
      <c r="A2068">
        <v>138.63</v>
      </c>
      <c r="B2068">
        <v>185.89</v>
      </c>
      <c r="C2068">
        <v>12618.2</v>
      </c>
      <c r="D2068">
        <v>3.4</v>
      </c>
      <c r="E2068">
        <v>14138.1</v>
      </c>
      <c r="F2068">
        <v>13.750999999999999</v>
      </c>
    </row>
    <row r="2069" spans="1:6" x14ac:dyDescent="0.25">
      <c r="A2069">
        <v>138.63</v>
      </c>
      <c r="B2069">
        <v>185.89</v>
      </c>
      <c r="C2069">
        <v>12618.2</v>
      </c>
      <c r="D2069">
        <v>3.7</v>
      </c>
      <c r="E2069">
        <v>14097.4</v>
      </c>
      <c r="F2069">
        <v>13.750999999999999</v>
      </c>
    </row>
    <row r="2070" spans="1:6" x14ac:dyDescent="0.25">
      <c r="A2070">
        <v>138.63</v>
      </c>
      <c r="B2070">
        <v>185.89</v>
      </c>
      <c r="C2070">
        <v>12618.2</v>
      </c>
      <c r="D2070">
        <v>4</v>
      </c>
      <c r="E2070">
        <v>13990.8</v>
      </c>
      <c r="F2070">
        <v>13.747299999999999</v>
      </c>
    </row>
    <row r="2071" spans="1:6" x14ac:dyDescent="0.25">
      <c r="A2071">
        <v>138.63</v>
      </c>
      <c r="B2071">
        <v>185.89</v>
      </c>
      <c r="C2071">
        <v>14163.6</v>
      </c>
      <c r="D2071">
        <v>1</v>
      </c>
      <c r="E2071">
        <v>18314.099999999999</v>
      </c>
      <c r="F2071">
        <v>13.580500000000001</v>
      </c>
    </row>
    <row r="2072" spans="1:6" x14ac:dyDescent="0.25">
      <c r="A2072">
        <v>138.63</v>
      </c>
      <c r="B2072">
        <v>185.89</v>
      </c>
      <c r="C2072">
        <v>14163.6</v>
      </c>
      <c r="D2072">
        <v>1.3</v>
      </c>
      <c r="E2072">
        <v>17199.8</v>
      </c>
      <c r="F2072">
        <v>12.9474</v>
      </c>
    </row>
    <row r="2073" spans="1:6" x14ac:dyDescent="0.25">
      <c r="A2073">
        <v>138.63</v>
      </c>
      <c r="B2073">
        <v>185.89</v>
      </c>
      <c r="C2073">
        <v>14163.6</v>
      </c>
      <c r="D2073">
        <v>1.6</v>
      </c>
      <c r="E2073">
        <v>16745.400000000001</v>
      </c>
      <c r="F2073">
        <v>12.961</v>
      </c>
    </row>
    <row r="2074" spans="1:6" x14ac:dyDescent="0.25">
      <c r="A2074">
        <v>138.63</v>
      </c>
      <c r="B2074">
        <v>185.89</v>
      </c>
      <c r="C2074">
        <v>14163.6</v>
      </c>
      <c r="D2074">
        <v>1.9</v>
      </c>
      <c r="E2074">
        <v>16480.5</v>
      </c>
      <c r="F2074">
        <v>13.7072</v>
      </c>
    </row>
    <row r="2075" spans="1:6" x14ac:dyDescent="0.25">
      <c r="A2075">
        <v>138.63</v>
      </c>
      <c r="B2075">
        <v>185.89</v>
      </c>
      <c r="C2075">
        <v>14163.6</v>
      </c>
      <c r="D2075">
        <v>2.2000000000000002</v>
      </c>
      <c r="E2075">
        <v>16248.7</v>
      </c>
      <c r="F2075">
        <v>13.726000000000001</v>
      </c>
    </row>
    <row r="2076" spans="1:6" x14ac:dyDescent="0.25">
      <c r="A2076">
        <v>138.63</v>
      </c>
      <c r="B2076">
        <v>185.89</v>
      </c>
      <c r="C2076">
        <v>14163.6</v>
      </c>
      <c r="D2076">
        <v>2.5</v>
      </c>
      <c r="E2076">
        <v>16059.2</v>
      </c>
      <c r="F2076">
        <v>13.739100000000001</v>
      </c>
    </row>
    <row r="2077" spans="1:6" x14ac:dyDescent="0.25">
      <c r="A2077">
        <v>138.63</v>
      </c>
      <c r="B2077">
        <v>185.89</v>
      </c>
      <c r="C2077">
        <v>14163.6</v>
      </c>
      <c r="D2077">
        <v>2.8</v>
      </c>
      <c r="E2077">
        <v>15841.6</v>
      </c>
      <c r="F2077">
        <v>13.7453</v>
      </c>
    </row>
    <row r="2078" spans="1:6" x14ac:dyDescent="0.25">
      <c r="A2078">
        <v>138.63</v>
      </c>
      <c r="B2078">
        <v>185.89</v>
      </c>
      <c r="C2078">
        <v>14163.6</v>
      </c>
      <c r="D2078">
        <v>3.1</v>
      </c>
      <c r="E2078">
        <v>15871</v>
      </c>
      <c r="F2078">
        <v>13.7502</v>
      </c>
    </row>
    <row r="2079" spans="1:6" x14ac:dyDescent="0.25">
      <c r="A2079">
        <v>138.63</v>
      </c>
      <c r="B2079">
        <v>185.89</v>
      </c>
      <c r="C2079">
        <v>14163.6</v>
      </c>
      <c r="D2079">
        <v>3.4</v>
      </c>
      <c r="E2079">
        <v>15704.3</v>
      </c>
      <c r="F2079">
        <v>13.750999999999999</v>
      </c>
    </row>
    <row r="2080" spans="1:6" x14ac:dyDescent="0.25">
      <c r="A2080">
        <v>138.63</v>
      </c>
      <c r="B2080">
        <v>185.89</v>
      </c>
      <c r="C2080">
        <v>14163.6</v>
      </c>
      <c r="D2080">
        <v>3.7</v>
      </c>
      <c r="E2080">
        <v>15629.4</v>
      </c>
      <c r="F2080">
        <v>13.750999999999999</v>
      </c>
    </row>
    <row r="2081" spans="1:6" x14ac:dyDescent="0.25">
      <c r="A2081">
        <v>138.63</v>
      </c>
      <c r="B2081">
        <v>185.89</v>
      </c>
      <c r="C2081">
        <v>14163.6</v>
      </c>
      <c r="D2081">
        <v>4</v>
      </c>
      <c r="E2081">
        <v>15536.6</v>
      </c>
      <c r="F2081">
        <v>13.747299999999999</v>
      </c>
    </row>
    <row r="2082" spans="1:6" x14ac:dyDescent="0.25">
      <c r="A2082">
        <v>138.63</v>
      </c>
      <c r="B2082">
        <v>185.89</v>
      </c>
      <c r="C2082">
        <v>15709.1</v>
      </c>
      <c r="D2082">
        <v>1</v>
      </c>
      <c r="E2082">
        <v>19412.8</v>
      </c>
      <c r="F2082">
        <v>13.580500000000001</v>
      </c>
    </row>
    <row r="2083" spans="1:6" x14ac:dyDescent="0.25">
      <c r="A2083">
        <v>138.63</v>
      </c>
      <c r="B2083">
        <v>185.89</v>
      </c>
      <c r="C2083">
        <v>15709.1</v>
      </c>
      <c r="D2083">
        <v>1.3</v>
      </c>
      <c r="E2083">
        <v>18882.400000000001</v>
      </c>
      <c r="F2083">
        <v>12.9474</v>
      </c>
    </row>
    <row r="2084" spans="1:6" x14ac:dyDescent="0.25">
      <c r="A2084">
        <v>138.63</v>
      </c>
      <c r="B2084">
        <v>185.89</v>
      </c>
      <c r="C2084">
        <v>15709.1</v>
      </c>
      <c r="D2084">
        <v>1.6</v>
      </c>
      <c r="E2084">
        <v>18293.400000000001</v>
      </c>
      <c r="F2084">
        <v>12.961</v>
      </c>
    </row>
    <row r="2085" spans="1:6" x14ac:dyDescent="0.25">
      <c r="A2085">
        <v>138.63</v>
      </c>
      <c r="B2085">
        <v>185.89</v>
      </c>
      <c r="C2085">
        <v>15709.1</v>
      </c>
      <c r="D2085">
        <v>1.9</v>
      </c>
      <c r="E2085">
        <v>18016.099999999999</v>
      </c>
      <c r="F2085">
        <v>13.7072</v>
      </c>
    </row>
    <row r="2086" spans="1:6" x14ac:dyDescent="0.25">
      <c r="A2086">
        <v>138.63</v>
      </c>
      <c r="B2086">
        <v>185.89</v>
      </c>
      <c r="C2086">
        <v>15709.1</v>
      </c>
      <c r="D2086">
        <v>2.2000000000000002</v>
      </c>
      <c r="E2086">
        <v>17791.5</v>
      </c>
      <c r="F2086">
        <v>13.726000000000001</v>
      </c>
    </row>
    <row r="2087" spans="1:6" x14ac:dyDescent="0.25">
      <c r="A2087">
        <v>138.63</v>
      </c>
      <c r="B2087">
        <v>185.89</v>
      </c>
      <c r="C2087">
        <v>15709.1</v>
      </c>
      <c r="D2087">
        <v>2.5</v>
      </c>
      <c r="E2087">
        <v>17540.7</v>
      </c>
      <c r="F2087">
        <v>13.739100000000001</v>
      </c>
    </row>
    <row r="2088" spans="1:6" x14ac:dyDescent="0.25">
      <c r="A2088">
        <v>138.63</v>
      </c>
      <c r="B2088">
        <v>185.89</v>
      </c>
      <c r="C2088">
        <v>15709.1</v>
      </c>
      <c r="D2088">
        <v>2.8</v>
      </c>
      <c r="E2088">
        <v>17541.2</v>
      </c>
      <c r="F2088">
        <v>13.7453</v>
      </c>
    </row>
    <row r="2089" spans="1:6" x14ac:dyDescent="0.25">
      <c r="A2089">
        <v>138.63</v>
      </c>
      <c r="B2089">
        <v>185.89</v>
      </c>
      <c r="C2089">
        <v>15709.1</v>
      </c>
      <c r="D2089">
        <v>3.1</v>
      </c>
      <c r="E2089">
        <v>17362.400000000001</v>
      </c>
      <c r="F2089">
        <v>13.7502</v>
      </c>
    </row>
    <row r="2090" spans="1:6" x14ac:dyDescent="0.25">
      <c r="A2090">
        <v>138.63</v>
      </c>
      <c r="B2090">
        <v>185.89</v>
      </c>
      <c r="C2090">
        <v>15709.1</v>
      </c>
      <c r="D2090">
        <v>3.4</v>
      </c>
      <c r="E2090">
        <v>17310.599999999999</v>
      </c>
      <c r="F2090">
        <v>13.750999999999999</v>
      </c>
    </row>
    <row r="2091" spans="1:6" x14ac:dyDescent="0.25">
      <c r="A2091">
        <v>138.63</v>
      </c>
      <c r="B2091">
        <v>185.89</v>
      </c>
      <c r="C2091">
        <v>15709.1</v>
      </c>
      <c r="D2091">
        <v>3.7</v>
      </c>
      <c r="E2091">
        <v>17119.8</v>
      </c>
      <c r="F2091">
        <v>13.750999999999999</v>
      </c>
    </row>
    <row r="2092" spans="1:6" x14ac:dyDescent="0.25">
      <c r="A2092">
        <v>138.63</v>
      </c>
      <c r="B2092">
        <v>185.89</v>
      </c>
      <c r="C2092">
        <v>15709.1</v>
      </c>
      <c r="D2092">
        <v>4</v>
      </c>
      <c r="E2092">
        <v>17007.7</v>
      </c>
      <c r="F2092">
        <v>13.747299999999999</v>
      </c>
    </row>
    <row r="2093" spans="1:6" x14ac:dyDescent="0.25">
      <c r="A2093">
        <v>138.63</v>
      </c>
      <c r="B2093">
        <v>185.89</v>
      </c>
      <c r="C2093">
        <v>17254.5</v>
      </c>
      <c r="D2093">
        <v>1</v>
      </c>
      <c r="E2093">
        <v>21131</v>
      </c>
      <c r="F2093">
        <v>13.580500000000001</v>
      </c>
    </row>
    <row r="2094" spans="1:6" x14ac:dyDescent="0.25">
      <c r="A2094">
        <v>138.63</v>
      </c>
      <c r="B2094">
        <v>185.89</v>
      </c>
      <c r="C2094">
        <v>17254.5</v>
      </c>
      <c r="D2094">
        <v>1.3</v>
      </c>
      <c r="E2094">
        <v>20433</v>
      </c>
      <c r="F2094">
        <v>12.9474</v>
      </c>
    </row>
    <row r="2095" spans="1:6" x14ac:dyDescent="0.25">
      <c r="A2095">
        <v>138.63</v>
      </c>
      <c r="B2095">
        <v>185.89</v>
      </c>
      <c r="C2095">
        <v>17254.5</v>
      </c>
      <c r="D2095">
        <v>1.6</v>
      </c>
      <c r="E2095">
        <v>19967.400000000001</v>
      </c>
      <c r="F2095">
        <v>12.961</v>
      </c>
    </row>
    <row r="2096" spans="1:6" x14ac:dyDescent="0.25">
      <c r="A2096">
        <v>138.63</v>
      </c>
      <c r="B2096">
        <v>185.89</v>
      </c>
      <c r="C2096">
        <v>17254.5</v>
      </c>
      <c r="D2096">
        <v>1.9</v>
      </c>
      <c r="E2096">
        <v>19482.599999999999</v>
      </c>
      <c r="F2096">
        <v>13.7072</v>
      </c>
    </row>
    <row r="2097" spans="1:6" x14ac:dyDescent="0.25">
      <c r="A2097">
        <v>138.63</v>
      </c>
      <c r="B2097">
        <v>185.89</v>
      </c>
      <c r="C2097">
        <v>17254.5</v>
      </c>
      <c r="D2097">
        <v>2.2000000000000002</v>
      </c>
      <c r="E2097">
        <v>19339.900000000001</v>
      </c>
      <c r="F2097">
        <v>13.726000000000001</v>
      </c>
    </row>
    <row r="2098" spans="1:6" x14ac:dyDescent="0.25">
      <c r="A2098">
        <v>138.63</v>
      </c>
      <c r="B2098">
        <v>185.89</v>
      </c>
      <c r="C2098">
        <v>17254.5</v>
      </c>
      <c r="D2098">
        <v>2.5</v>
      </c>
      <c r="E2098">
        <v>19261.7</v>
      </c>
      <c r="F2098">
        <v>13.739100000000001</v>
      </c>
    </row>
    <row r="2099" spans="1:6" x14ac:dyDescent="0.25">
      <c r="A2099">
        <v>138.63</v>
      </c>
      <c r="B2099">
        <v>185.89</v>
      </c>
      <c r="C2099">
        <v>17254.5</v>
      </c>
      <c r="D2099">
        <v>2.8</v>
      </c>
      <c r="E2099">
        <v>18887.099999999999</v>
      </c>
      <c r="F2099">
        <v>13.7453</v>
      </c>
    </row>
    <row r="2100" spans="1:6" x14ac:dyDescent="0.25">
      <c r="A2100">
        <v>138.63</v>
      </c>
      <c r="B2100">
        <v>185.89</v>
      </c>
      <c r="C2100">
        <v>17254.5</v>
      </c>
      <c r="D2100">
        <v>3.1</v>
      </c>
      <c r="E2100">
        <v>18771.400000000001</v>
      </c>
      <c r="F2100">
        <v>13.7502</v>
      </c>
    </row>
    <row r="2101" spans="1:6" x14ac:dyDescent="0.25">
      <c r="A2101">
        <v>138.63</v>
      </c>
      <c r="B2101">
        <v>185.89</v>
      </c>
      <c r="C2101">
        <v>17254.5</v>
      </c>
      <c r="D2101">
        <v>3.4</v>
      </c>
      <c r="E2101">
        <v>18938.3</v>
      </c>
      <c r="F2101">
        <v>13.750999999999999</v>
      </c>
    </row>
    <row r="2102" spans="1:6" x14ac:dyDescent="0.25">
      <c r="A2102">
        <v>138.63</v>
      </c>
      <c r="B2102">
        <v>185.89</v>
      </c>
      <c r="C2102">
        <v>17254.5</v>
      </c>
      <c r="D2102">
        <v>3.7</v>
      </c>
      <c r="E2102">
        <v>18655.900000000001</v>
      </c>
      <c r="F2102">
        <v>13.750999999999999</v>
      </c>
    </row>
    <row r="2103" spans="1:6" x14ac:dyDescent="0.25">
      <c r="A2103">
        <v>138.63</v>
      </c>
      <c r="B2103">
        <v>185.89</v>
      </c>
      <c r="C2103">
        <v>17254.5</v>
      </c>
      <c r="D2103">
        <v>4</v>
      </c>
      <c r="E2103">
        <v>18592.599999999999</v>
      </c>
      <c r="F2103">
        <v>13.747299999999999</v>
      </c>
    </row>
    <row r="2104" spans="1:6" x14ac:dyDescent="0.25">
      <c r="A2104">
        <v>138.63</v>
      </c>
      <c r="B2104">
        <v>185.89</v>
      </c>
      <c r="C2104">
        <v>18800</v>
      </c>
      <c r="D2104">
        <v>1</v>
      </c>
      <c r="E2104">
        <v>22749.9</v>
      </c>
      <c r="F2104">
        <v>13.580500000000001</v>
      </c>
    </row>
    <row r="2105" spans="1:6" x14ac:dyDescent="0.25">
      <c r="A2105">
        <v>138.63</v>
      </c>
      <c r="B2105">
        <v>185.89</v>
      </c>
      <c r="C2105">
        <v>18800</v>
      </c>
      <c r="D2105">
        <v>1.3</v>
      </c>
      <c r="E2105">
        <v>22041.4</v>
      </c>
      <c r="F2105">
        <v>12.9474</v>
      </c>
    </row>
    <row r="2106" spans="1:6" x14ac:dyDescent="0.25">
      <c r="A2106">
        <v>138.63</v>
      </c>
      <c r="B2106">
        <v>185.89</v>
      </c>
      <c r="C2106">
        <v>18800</v>
      </c>
      <c r="D2106">
        <v>1.6</v>
      </c>
      <c r="E2106">
        <v>21522.2</v>
      </c>
      <c r="F2106">
        <v>12.961</v>
      </c>
    </row>
    <row r="2107" spans="1:6" x14ac:dyDescent="0.25">
      <c r="A2107">
        <v>138.63</v>
      </c>
      <c r="B2107">
        <v>185.89</v>
      </c>
      <c r="C2107">
        <v>18800</v>
      </c>
      <c r="D2107">
        <v>1.9</v>
      </c>
      <c r="E2107">
        <v>21164.2</v>
      </c>
      <c r="F2107">
        <v>13.7072</v>
      </c>
    </row>
    <row r="2108" spans="1:6" x14ac:dyDescent="0.25">
      <c r="A2108">
        <v>138.63</v>
      </c>
      <c r="B2108">
        <v>185.89</v>
      </c>
      <c r="C2108">
        <v>18800</v>
      </c>
      <c r="D2108">
        <v>2.2000000000000002</v>
      </c>
      <c r="E2108">
        <v>20880.2</v>
      </c>
      <c r="F2108">
        <v>13.726000000000001</v>
      </c>
    </row>
    <row r="2109" spans="1:6" x14ac:dyDescent="0.25">
      <c r="A2109">
        <v>138.63</v>
      </c>
      <c r="B2109">
        <v>185.89</v>
      </c>
      <c r="C2109">
        <v>18800</v>
      </c>
      <c r="D2109">
        <v>2.5</v>
      </c>
      <c r="E2109">
        <v>20615.400000000001</v>
      </c>
      <c r="F2109">
        <v>13.739100000000001</v>
      </c>
    </row>
    <row r="2110" spans="1:6" x14ac:dyDescent="0.25">
      <c r="A2110">
        <v>138.63</v>
      </c>
      <c r="B2110">
        <v>185.89</v>
      </c>
      <c r="C2110">
        <v>18800</v>
      </c>
      <c r="D2110">
        <v>2.8</v>
      </c>
      <c r="E2110">
        <v>20586.7</v>
      </c>
      <c r="F2110">
        <v>13.7453</v>
      </c>
    </row>
    <row r="2111" spans="1:6" x14ac:dyDescent="0.25">
      <c r="A2111">
        <v>138.63</v>
      </c>
      <c r="B2111">
        <v>185.89</v>
      </c>
      <c r="C2111">
        <v>18800</v>
      </c>
      <c r="D2111">
        <v>3.1</v>
      </c>
      <c r="E2111">
        <v>20410</v>
      </c>
      <c r="F2111">
        <v>13.7502</v>
      </c>
    </row>
    <row r="2112" spans="1:6" x14ac:dyDescent="0.25">
      <c r="A2112">
        <v>138.63</v>
      </c>
      <c r="B2112">
        <v>185.89</v>
      </c>
      <c r="C2112">
        <v>18800</v>
      </c>
      <c r="D2112">
        <v>3.4</v>
      </c>
      <c r="E2112">
        <v>20309</v>
      </c>
      <c r="F2112">
        <v>13.750999999999999</v>
      </c>
    </row>
    <row r="2113" spans="1:6" x14ac:dyDescent="0.25">
      <c r="A2113">
        <v>138.63</v>
      </c>
      <c r="B2113">
        <v>185.89</v>
      </c>
      <c r="C2113">
        <v>18800</v>
      </c>
      <c r="D2113">
        <v>3.7</v>
      </c>
      <c r="E2113">
        <v>20231.7</v>
      </c>
      <c r="F2113">
        <v>13.750999999999999</v>
      </c>
    </row>
    <row r="2114" spans="1:6" x14ac:dyDescent="0.25">
      <c r="A2114">
        <v>138.63</v>
      </c>
      <c r="B2114">
        <v>185.89</v>
      </c>
      <c r="C2114">
        <v>18800</v>
      </c>
      <c r="D2114">
        <v>4</v>
      </c>
      <c r="E2114">
        <v>20242.8</v>
      </c>
      <c r="F2114">
        <v>13.747299999999999</v>
      </c>
    </row>
    <row r="2115" spans="1:6" x14ac:dyDescent="0.25">
      <c r="A2115">
        <v>138.63</v>
      </c>
      <c r="B2115">
        <v>189.52</v>
      </c>
      <c r="C2115">
        <v>1800</v>
      </c>
      <c r="D2115">
        <v>1</v>
      </c>
      <c r="E2115">
        <v>5651.42</v>
      </c>
      <c r="F2115">
        <v>60.465899999999998</v>
      </c>
    </row>
    <row r="2116" spans="1:6" x14ac:dyDescent="0.25">
      <c r="A2116">
        <v>138.63</v>
      </c>
      <c r="B2116">
        <v>189.52</v>
      </c>
      <c r="C2116">
        <v>1800</v>
      </c>
      <c r="D2116">
        <v>1.3</v>
      </c>
      <c r="E2116">
        <v>5058.9399999999996</v>
      </c>
      <c r="F2116">
        <v>74.974500000000006</v>
      </c>
    </row>
    <row r="2117" spans="1:6" x14ac:dyDescent="0.25">
      <c r="A2117">
        <v>138.63</v>
      </c>
      <c r="B2117">
        <v>189.52</v>
      </c>
      <c r="C2117">
        <v>1800</v>
      </c>
      <c r="D2117">
        <v>1.6</v>
      </c>
      <c r="E2117">
        <v>4661.8999999999996</v>
      </c>
      <c r="F2117">
        <v>83.082999999999998</v>
      </c>
    </row>
    <row r="2118" spans="1:6" x14ac:dyDescent="0.25">
      <c r="A2118">
        <v>138.63</v>
      </c>
      <c r="B2118">
        <v>189.52</v>
      </c>
      <c r="C2118">
        <v>1800</v>
      </c>
      <c r="D2118">
        <v>1.9</v>
      </c>
      <c r="E2118">
        <v>4343.8599999999997</v>
      </c>
      <c r="F2118">
        <v>91.706699999999998</v>
      </c>
    </row>
    <row r="2119" spans="1:6" x14ac:dyDescent="0.25">
      <c r="A2119">
        <v>138.63</v>
      </c>
      <c r="B2119">
        <v>189.52</v>
      </c>
      <c r="C2119">
        <v>1800</v>
      </c>
      <c r="D2119">
        <v>2.2000000000000002</v>
      </c>
      <c r="E2119">
        <v>4138.17</v>
      </c>
      <c r="F2119">
        <v>99.440600000000003</v>
      </c>
    </row>
    <row r="2120" spans="1:6" x14ac:dyDescent="0.25">
      <c r="A2120">
        <v>138.63</v>
      </c>
      <c r="B2120">
        <v>189.52</v>
      </c>
      <c r="C2120">
        <v>1800</v>
      </c>
      <c r="D2120">
        <v>2.5</v>
      </c>
      <c r="E2120">
        <v>3971.64</v>
      </c>
      <c r="F2120">
        <v>105.32</v>
      </c>
    </row>
    <row r="2121" spans="1:6" x14ac:dyDescent="0.25">
      <c r="A2121">
        <v>138.63</v>
      </c>
      <c r="B2121">
        <v>189.52</v>
      </c>
      <c r="C2121">
        <v>1800</v>
      </c>
      <c r="D2121">
        <v>2.8</v>
      </c>
      <c r="E2121">
        <v>3865.76</v>
      </c>
      <c r="F2121">
        <v>109.723</v>
      </c>
    </row>
    <row r="2122" spans="1:6" x14ac:dyDescent="0.25">
      <c r="A2122">
        <v>138.63</v>
      </c>
      <c r="B2122">
        <v>189.52</v>
      </c>
      <c r="C2122">
        <v>1800</v>
      </c>
      <c r="D2122">
        <v>3.1</v>
      </c>
      <c r="E2122">
        <v>3760.06</v>
      </c>
      <c r="F2122">
        <v>110.756</v>
      </c>
    </row>
    <row r="2123" spans="1:6" x14ac:dyDescent="0.25">
      <c r="A2123">
        <v>138.63</v>
      </c>
      <c r="B2123">
        <v>189.52</v>
      </c>
      <c r="C2123">
        <v>1800</v>
      </c>
      <c r="D2123">
        <v>3.4</v>
      </c>
      <c r="E2123">
        <v>3686.7</v>
      </c>
      <c r="F2123">
        <v>114.544</v>
      </c>
    </row>
    <row r="2124" spans="1:6" x14ac:dyDescent="0.25">
      <c r="A2124">
        <v>138.63</v>
      </c>
      <c r="B2124">
        <v>189.52</v>
      </c>
      <c r="C2124">
        <v>1800</v>
      </c>
      <c r="D2124">
        <v>3.7</v>
      </c>
      <c r="E2124">
        <v>3632.03</v>
      </c>
      <c r="F2124">
        <v>112.416</v>
      </c>
    </row>
    <row r="2125" spans="1:6" x14ac:dyDescent="0.25">
      <c r="A2125">
        <v>138.63</v>
      </c>
      <c r="B2125">
        <v>189.52</v>
      </c>
      <c r="C2125">
        <v>1800</v>
      </c>
      <c r="D2125">
        <v>4</v>
      </c>
      <c r="E2125">
        <v>3563.01</v>
      </c>
      <c r="F2125">
        <v>116.553</v>
      </c>
    </row>
    <row r="2126" spans="1:6" x14ac:dyDescent="0.25">
      <c r="A2126">
        <v>138.63</v>
      </c>
      <c r="B2126">
        <v>189.52</v>
      </c>
      <c r="C2126">
        <v>3345.45</v>
      </c>
      <c r="D2126">
        <v>1</v>
      </c>
      <c r="E2126">
        <v>7002.39</v>
      </c>
      <c r="F2126">
        <v>32.992199999999997</v>
      </c>
    </row>
    <row r="2127" spans="1:6" x14ac:dyDescent="0.25">
      <c r="A2127">
        <v>138.63</v>
      </c>
      <c r="B2127">
        <v>189.52</v>
      </c>
      <c r="C2127">
        <v>3345.45</v>
      </c>
      <c r="D2127">
        <v>1.3</v>
      </c>
      <c r="E2127">
        <v>6379.41</v>
      </c>
      <c r="F2127">
        <v>42.511099999999999</v>
      </c>
    </row>
    <row r="2128" spans="1:6" x14ac:dyDescent="0.25">
      <c r="A2128">
        <v>138.63</v>
      </c>
      <c r="B2128">
        <v>189.52</v>
      </c>
      <c r="C2128">
        <v>3345.45</v>
      </c>
      <c r="D2128">
        <v>1.6</v>
      </c>
      <c r="E2128">
        <v>5976.22</v>
      </c>
      <c r="F2128">
        <v>47.669600000000003</v>
      </c>
    </row>
    <row r="2129" spans="1:6" x14ac:dyDescent="0.25">
      <c r="A2129">
        <v>138.63</v>
      </c>
      <c r="B2129">
        <v>189.52</v>
      </c>
      <c r="C2129">
        <v>3345.45</v>
      </c>
      <c r="D2129">
        <v>1.9</v>
      </c>
      <c r="E2129">
        <v>5733.43</v>
      </c>
      <c r="F2129">
        <v>55.031399999999998</v>
      </c>
    </row>
    <row r="2130" spans="1:6" x14ac:dyDescent="0.25">
      <c r="A2130">
        <v>138.63</v>
      </c>
      <c r="B2130">
        <v>189.52</v>
      </c>
      <c r="C2130">
        <v>3345.45</v>
      </c>
      <c r="D2130">
        <v>2.2000000000000002</v>
      </c>
      <c r="E2130">
        <v>5509.27</v>
      </c>
      <c r="F2130">
        <v>63.0124</v>
      </c>
    </row>
    <row r="2131" spans="1:6" x14ac:dyDescent="0.25">
      <c r="A2131">
        <v>138.63</v>
      </c>
      <c r="B2131">
        <v>189.52</v>
      </c>
      <c r="C2131">
        <v>3345.45</v>
      </c>
      <c r="D2131">
        <v>2.5</v>
      </c>
      <c r="E2131">
        <v>5355.05</v>
      </c>
      <c r="F2131">
        <v>69.906700000000001</v>
      </c>
    </row>
    <row r="2132" spans="1:6" x14ac:dyDescent="0.25">
      <c r="A2132">
        <v>138.63</v>
      </c>
      <c r="B2132">
        <v>189.52</v>
      </c>
      <c r="C2132">
        <v>3345.45</v>
      </c>
      <c r="D2132">
        <v>2.8</v>
      </c>
      <c r="E2132">
        <v>5252.72</v>
      </c>
      <c r="F2132">
        <v>72.180099999999996</v>
      </c>
    </row>
    <row r="2133" spans="1:6" x14ac:dyDescent="0.25">
      <c r="A2133">
        <v>138.63</v>
      </c>
      <c r="B2133">
        <v>189.52</v>
      </c>
      <c r="C2133">
        <v>3345.45</v>
      </c>
      <c r="D2133">
        <v>3.1</v>
      </c>
      <c r="E2133">
        <v>5149.16</v>
      </c>
      <c r="F2133">
        <v>78.849000000000004</v>
      </c>
    </row>
    <row r="2134" spans="1:6" x14ac:dyDescent="0.25">
      <c r="A2134">
        <v>138.63</v>
      </c>
      <c r="B2134">
        <v>189.52</v>
      </c>
      <c r="C2134">
        <v>3345.45</v>
      </c>
      <c r="D2134">
        <v>3.4</v>
      </c>
      <c r="E2134">
        <v>5088.2299999999996</v>
      </c>
      <c r="F2134">
        <v>84.458299999999994</v>
      </c>
    </row>
    <row r="2135" spans="1:6" x14ac:dyDescent="0.25">
      <c r="A2135">
        <v>138.63</v>
      </c>
      <c r="B2135">
        <v>189.52</v>
      </c>
      <c r="C2135">
        <v>3345.45</v>
      </c>
      <c r="D2135">
        <v>3.7</v>
      </c>
      <c r="E2135">
        <v>5015</v>
      </c>
      <c r="F2135">
        <v>86.182000000000002</v>
      </c>
    </row>
    <row r="2136" spans="1:6" x14ac:dyDescent="0.25">
      <c r="A2136">
        <v>138.63</v>
      </c>
      <c r="B2136">
        <v>189.52</v>
      </c>
      <c r="C2136">
        <v>3345.45</v>
      </c>
      <c r="D2136">
        <v>4</v>
      </c>
      <c r="E2136">
        <v>4938.8999999999996</v>
      </c>
      <c r="F2136">
        <v>89.238</v>
      </c>
    </row>
    <row r="2137" spans="1:6" x14ac:dyDescent="0.25">
      <c r="A2137">
        <v>138.63</v>
      </c>
      <c r="B2137">
        <v>189.52</v>
      </c>
      <c r="C2137">
        <v>4890.8999999999996</v>
      </c>
      <c r="D2137">
        <v>1</v>
      </c>
      <c r="E2137">
        <v>8214.94</v>
      </c>
      <c r="F2137">
        <v>15.187900000000001</v>
      </c>
    </row>
    <row r="2138" spans="1:6" x14ac:dyDescent="0.25">
      <c r="A2138">
        <v>138.63</v>
      </c>
      <c r="B2138">
        <v>189.52</v>
      </c>
      <c r="C2138">
        <v>4890.8999999999996</v>
      </c>
      <c r="D2138">
        <v>1.3</v>
      </c>
      <c r="E2138">
        <v>7883.41</v>
      </c>
      <c r="F2138">
        <v>17.122499999999999</v>
      </c>
    </row>
    <row r="2139" spans="1:6" x14ac:dyDescent="0.25">
      <c r="A2139">
        <v>138.63</v>
      </c>
      <c r="B2139">
        <v>189.52</v>
      </c>
      <c r="C2139">
        <v>4890.8999999999996</v>
      </c>
      <c r="D2139">
        <v>1.6</v>
      </c>
      <c r="E2139">
        <v>7480.13</v>
      </c>
      <c r="F2139">
        <v>19.802199999999999</v>
      </c>
    </row>
    <row r="2140" spans="1:6" x14ac:dyDescent="0.25">
      <c r="A2140">
        <v>138.63</v>
      </c>
      <c r="B2140">
        <v>189.52</v>
      </c>
      <c r="C2140">
        <v>4890.8999999999996</v>
      </c>
      <c r="D2140">
        <v>1.9</v>
      </c>
      <c r="E2140">
        <v>7124.6</v>
      </c>
      <c r="F2140">
        <v>22.1754</v>
      </c>
    </row>
    <row r="2141" spans="1:6" x14ac:dyDescent="0.25">
      <c r="A2141">
        <v>138.63</v>
      </c>
      <c r="B2141">
        <v>189.52</v>
      </c>
      <c r="C2141">
        <v>4890.8999999999996</v>
      </c>
      <c r="D2141">
        <v>2.2000000000000002</v>
      </c>
      <c r="E2141">
        <v>6902.58</v>
      </c>
      <c r="F2141">
        <v>26.117999999999999</v>
      </c>
    </row>
    <row r="2142" spans="1:6" x14ac:dyDescent="0.25">
      <c r="A2142">
        <v>138.63</v>
      </c>
      <c r="B2142">
        <v>189.52</v>
      </c>
      <c r="C2142">
        <v>4890.8999999999996</v>
      </c>
      <c r="D2142">
        <v>2.5</v>
      </c>
      <c r="E2142">
        <v>6804.21</v>
      </c>
      <c r="F2142">
        <v>31.844100000000001</v>
      </c>
    </row>
    <row r="2143" spans="1:6" x14ac:dyDescent="0.25">
      <c r="A2143">
        <v>138.63</v>
      </c>
      <c r="B2143">
        <v>189.52</v>
      </c>
      <c r="C2143">
        <v>4890.8999999999996</v>
      </c>
      <c r="D2143">
        <v>2.8</v>
      </c>
      <c r="E2143">
        <v>6710.38</v>
      </c>
      <c r="F2143">
        <v>35.152200000000001</v>
      </c>
    </row>
    <row r="2144" spans="1:6" x14ac:dyDescent="0.25">
      <c r="A2144">
        <v>138.63</v>
      </c>
      <c r="B2144">
        <v>189.52</v>
      </c>
      <c r="C2144">
        <v>4890.8999999999996</v>
      </c>
      <c r="D2144">
        <v>3.1</v>
      </c>
      <c r="E2144">
        <v>6639.55</v>
      </c>
      <c r="F2144">
        <v>39.867699999999999</v>
      </c>
    </row>
    <row r="2145" spans="1:6" x14ac:dyDescent="0.25">
      <c r="A2145">
        <v>138.63</v>
      </c>
      <c r="B2145">
        <v>189.52</v>
      </c>
      <c r="C2145">
        <v>4890.8999999999996</v>
      </c>
      <c r="D2145">
        <v>3.4</v>
      </c>
      <c r="E2145">
        <v>6503.55</v>
      </c>
      <c r="F2145">
        <v>43.55</v>
      </c>
    </row>
    <row r="2146" spans="1:6" x14ac:dyDescent="0.25">
      <c r="A2146">
        <v>138.63</v>
      </c>
      <c r="B2146">
        <v>189.52</v>
      </c>
      <c r="C2146">
        <v>4890.8999999999996</v>
      </c>
      <c r="D2146">
        <v>3.7</v>
      </c>
      <c r="E2146">
        <v>6406.81</v>
      </c>
      <c r="F2146">
        <v>46.043799999999997</v>
      </c>
    </row>
    <row r="2147" spans="1:6" x14ac:dyDescent="0.25">
      <c r="A2147">
        <v>138.63</v>
      </c>
      <c r="B2147">
        <v>189.52</v>
      </c>
      <c r="C2147">
        <v>4890.8999999999996</v>
      </c>
      <c r="D2147">
        <v>4</v>
      </c>
      <c r="E2147">
        <v>6334.01</v>
      </c>
      <c r="F2147">
        <v>48.321899999999999</v>
      </c>
    </row>
    <row r="2148" spans="1:6" x14ac:dyDescent="0.25">
      <c r="A2148">
        <v>138.63</v>
      </c>
      <c r="B2148">
        <v>189.52</v>
      </c>
      <c r="C2148">
        <v>6436.35</v>
      </c>
      <c r="D2148">
        <v>1</v>
      </c>
      <c r="E2148">
        <v>9941.81</v>
      </c>
      <c r="F2148">
        <v>11.4657</v>
      </c>
    </row>
    <row r="2149" spans="1:6" x14ac:dyDescent="0.25">
      <c r="A2149">
        <v>138.63</v>
      </c>
      <c r="B2149">
        <v>189.52</v>
      </c>
      <c r="C2149">
        <v>6436.35</v>
      </c>
      <c r="D2149">
        <v>1.3</v>
      </c>
      <c r="E2149">
        <v>9197.68</v>
      </c>
      <c r="F2149">
        <v>12.131600000000001</v>
      </c>
    </row>
    <row r="2150" spans="1:6" x14ac:dyDescent="0.25">
      <c r="A2150">
        <v>138.63</v>
      </c>
      <c r="B2150">
        <v>189.52</v>
      </c>
      <c r="C2150">
        <v>6436.35</v>
      </c>
      <c r="D2150">
        <v>1.6</v>
      </c>
      <c r="E2150">
        <v>8943.27</v>
      </c>
      <c r="F2150">
        <v>11.943899999999999</v>
      </c>
    </row>
    <row r="2151" spans="1:6" x14ac:dyDescent="0.25">
      <c r="A2151">
        <v>138.63</v>
      </c>
      <c r="B2151">
        <v>189.52</v>
      </c>
      <c r="C2151">
        <v>6436.35</v>
      </c>
      <c r="D2151">
        <v>1.9</v>
      </c>
      <c r="E2151">
        <v>8557.25</v>
      </c>
      <c r="F2151">
        <v>11.645799999999999</v>
      </c>
    </row>
    <row r="2152" spans="1:6" x14ac:dyDescent="0.25">
      <c r="A2152">
        <v>138.63</v>
      </c>
      <c r="B2152">
        <v>189.52</v>
      </c>
      <c r="C2152">
        <v>6436.35</v>
      </c>
      <c r="D2152">
        <v>2.2000000000000002</v>
      </c>
      <c r="E2152">
        <v>8420.9500000000007</v>
      </c>
      <c r="F2152">
        <v>11.2128</v>
      </c>
    </row>
    <row r="2153" spans="1:6" x14ac:dyDescent="0.25">
      <c r="A2153">
        <v>138.63</v>
      </c>
      <c r="B2153">
        <v>189.52</v>
      </c>
      <c r="C2153">
        <v>6436.35</v>
      </c>
      <c r="D2153">
        <v>2.5</v>
      </c>
      <c r="E2153">
        <v>8164.43</v>
      </c>
      <c r="F2153">
        <v>10.815099999999999</v>
      </c>
    </row>
    <row r="2154" spans="1:6" x14ac:dyDescent="0.25">
      <c r="A2154">
        <v>138.63</v>
      </c>
      <c r="B2154">
        <v>189.52</v>
      </c>
      <c r="C2154">
        <v>6436.35</v>
      </c>
      <c r="D2154">
        <v>2.8</v>
      </c>
      <c r="E2154">
        <v>8039.51</v>
      </c>
      <c r="F2154">
        <v>11.506</v>
      </c>
    </row>
    <row r="2155" spans="1:6" x14ac:dyDescent="0.25">
      <c r="A2155">
        <v>138.63</v>
      </c>
      <c r="B2155">
        <v>189.52</v>
      </c>
      <c r="C2155">
        <v>6436.35</v>
      </c>
      <c r="D2155">
        <v>3.1</v>
      </c>
      <c r="E2155">
        <v>8005.53</v>
      </c>
      <c r="F2155">
        <v>12.7974</v>
      </c>
    </row>
    <row r="2156" spans="1:6" x14ac:dyDescent="0.25">
      <c r="A2156">
        <v>138.63</v>
      </c>
      <c r="B2156">
        <v>189.52</v>
      </c>
      <c r="C2156">
        <v>6436.35</v>
      </c>
      <c r="D2156">
        <v>3.4</v>
      </c>
      <c r="E2156">
        <v>7853.84</v>
      </c>
      <c r="F2156">
        <v>15.252800000000001</v>
      </c>
    </row>
    <row r="2157" spans="1:6" x14ac:dyDescent="0.25">
      <c r="A2157">
        <v>138.63</v>
      </c>
      <c r="B2157">
        <v>189.52</v>
      </c>
      <c r="C2157">
        <v>6436.35</v>
      </c>
      <c r="D2157">
        <v>3.7</v>
      </c>
      <c r="E2157">
        <v>7868.08</v>
      </c>
      <c r="F2157">
        <v>16.5244</v>
      </c>
    </row>
    <row r="2158" spans="1:6" x14ac:dyDescent="0.25">
      <c r="A2158">
        <v>138.63</v>
      </c>
      <c r="B2158">
        <v>189.52</v>
      </c>
      <c r="C2158">
        <v>6436.35</v>
      </c>
      <c r="D2158">
        <v>4</v>
      </c>
      <c r="E2158">
        <v>7749.17</v>
      </c>
      <c r="F2158">
        <v>17.258600000000001</v>
      </c>
    </row>
    <row r="2159" spans="1:6" x14ac:dyDescent="0.25">
      <c r="A2159">
        <v>138.63</v>
      </c>
      <c r="B2159">
        <v>189.52</v>
      </c>
      <c r="C2159">
        <v>7981.8</v>
      </c>
      <c r="D2159">
        <v>1</v>
      </c>
      <c r="E2159">
        <v>11792.8</v>
      </c>
      <c r="F2159">
        <v>13.580500000000001</v>
      </c>
    </row>
    <row r="2160" spans="1:6" x14ac:dyDescent="0.25">
      <c r="A2160">
        <v>138.63</v>
      </c>
      <c r="B2160">
        <v>189.52</v>
      </c>
      <c r="C2160">
        <v>7981.8</v>
      </c>
      <c r="D2160">
        <v>1.3</v>
      </c>
      <c r="E2160">
        <v>10963.5</v>
      </c>
      <c r="F2160">
        <v>12.8447</v>
      </c>
    </row>
    <row r="2161" spans="1:6" x14ac:dyDescent="0.25">
      <c r="A2161">
        <v>138.63</v>
      </c>
      <c r="B2161">
        <v>189.52</v>
      </c>
      <c r="C2161">
        <v>7981.8</v>
      </c>
      <c r="D2161">
        <v>1.6</v>
      </c>
      <c r="E2161">
        <v>10513.3</v>
      </c>
      <c r="F2161">
        <v>12.911199999999999</v>
      </c>
    </row>
    <row r="2162" spans="1:6" x14ac:dyDescent="0.25">
      <c r="A2162">
        <v>138.63</v>
      </c>
      <c r="B2162">
        <v>189.52</v>
      </c>
      <c r="C2162">
        <v>7981.8</v>
      </c>
      <c r="D2162">
        <v>1.9</v>
      </c>
      <c r="E2162">
        <v>10242.9</v>
      </c>
      <c r="F2162">
        <v>13.7072</v>
      </c>
    </row>
    <row r="2163" spans="1:6" x14ac:dyDescent="0.25">
      <c r="A2163">
        <v>138.63</v>
      </c>
      <c r="B2163">
        <v>189.52</v>
      </c>
      <c r="C2163">
        <v>7981.8</v>
      </c>
      <c r="D2163">
        <v>2.2000000000000002</v>
      </c>
      <c r="E2163">
        <v>10013.1</v>
      </c>
      <c r="F2163">
        <v>13.726000000000001</v>
      </c>
    </row>
    <row r="2164" spans="1:6" x14ac:dyDescent="0.25">
      <c r="A2164">
        <v>138.63</v>
      </c>
      <c r="B2164">
        <v>189.52</v>
      </c>
      <c r="C2164">
        <v>7981.8</v>
      </c>
      <c r="D2164">
        <v>2.5</v>
      </c>
      <c r="E2164">
        <v>9834.75</v>
      </c>
      <c r="F2164">
        <v>13.739100000000001</v>
      </c>
    </row>
    <row r="2165" spans="1:6" x14ac:dyDescent="0.25">
      <c r="A2165">
        <v>138.63</v>
      </c>
      <c r="B2165">
        <v>189.52</v>
      </c>
      <c r="C2165">
        <v>7981.8</v>
      </c>
      <c r="D2165">
        <v>2.8</v>
      </c>
      <c r="E2165">
        <v>9795.06</v>
      </c>
      <c r="F2165">
        <v>13.7453</v>
      </c>
    </row>
    <row r="2166" spans="1:6" x14ac:dyDescent="0.25">
      <c r="A2166">
        <v>138.63</v>
      </c>
      <c r="B2166">
        <v>189.52</v>
      </c>
      <c r="C2166">
        <v>7981.8</v>
      </c>
      <c r="D2166">
        <v>3.1</v>
      </c>
      <c r="E2166">
        <v>9572.9699999999993</v>
      </c>
      <c r="F2166">
        <v>13.7502</v>
      </c>
    </row>
    <row r="2167" spans="1:6" x14ac:dyDescent="0.25">
      <c r="A2167">
        <v>138.63</v>
      </c>
      <c r="B2167">
        <v>189.52</v>
      </c>
      <c r="C2167">
        <v>7981.8</v>
      </c>
      <c r="D2167">
        <v>3.4</v>
      </c>
      <c r="E2167">
        <v>9449.8799999999992</v>
      </c>
      <c r="F2167">
        <v>13.750999999999999</v>
      </c>
    </row>
    <row r="2168" spans="1:6" x14ac:dyDescent="0.25">
      <c r="A2168">
        <v>138.63</v>
      </c>
      <c r="B2168">
        <v>189.52</v>
      </c>
      <c r="C2168">
        <v>7981.8</v>
      </c>
      <c r="D2168">
        <v>3.7</v>
      </c>
      <c r="E2168">
        <v>9368.39</v>
      </c>
      <c r="F2168">
        <v>13.750999999999999</v>
      </c>
    </row>
    <row r="2169" spans="1:6" x14ac:dyDescent="0.25">
      <c r="A2169">
        <v>138.63</v>
      </c>
      <c r="B2169">
        <v>189.52</v>
      </c>
      <c r="C2169">
        <v>7981.8</v>
      </c>
      <c r="D2169">
        <v>4</v>
      </c>
      <c r="E2169">
        <v>9265.67</v>
      </c>
      <c r="F2169">
        <v>13.747299999999999</v>
      </c>
    </row>
    <row r="2170" spans="1:6" x14ac:dyDescent="0.25">
      <c r="A2170">
        <v>138.63</v>
      </c>
      <c r="B2170">
        <v>189.52</v>
      </c>
      <c r="C2170">
        <v>9527.25</v>
      </c>
      <c r="D2170">
        <v>1</v>
      </c>
      <c r="E2170">
        <v>13400.7</v>
      </c>
      <c r="F2170">
        <v>13.580500000000001</v>
      </c>
    </row>
    <row r="2171" spans="1:6" x14ac:dyDescent="0.25">
      <c r="A2171">
        <v>138.63</v>
      </c>
      <c r="B2171">
        <v>189.52</v>
      </c>
      <c r="C2171">
        <v>9527.25</v>
      </c>
      <c r="D2171">
        <v>1.3</v>
      </c>
      <c r="E2171">
        <v>12672.2</v>
      </c>
      <c r="F2171">
        <v>12.9474</v>
      </c>
    </row>
    <row r="2172" spans="1:6" x14ac:dyDescent="0.25">
      <c r="A2172">
        <v>138.63</v>
      </c>
      <c r="B2172">
        <v>189.52</v>
      </c>
      <c r="C2172">
        <v>9527.25</v>
      </c>
      <c r="D2172">
        <v>1.6</v>
      </c>
      <c r="E2172">
        <v>12108.9</v>
      </c>
      <c r="F2172">
        <v>12.961</v>
      </c>
    </row>
    <row r="2173" spans="1:6" x14ac:dyDescent="0.25">
      <c r="A2173">
        <v>138.63</v>
      </c>
      <c r="B2173">
        <v>189.52</v>
      </c>
      <c r="C2173">
        <v>9527.25</v>
      </c>
      <c r="D2173">
        <v>1.9</v>
      </c>
      <c r="E2173">
        <v>11752.3</v>
      </c>
      <c r="F2173">
        <v>13.7072</v>
      </c>
    </row>
    <row r="2174" spans="1:6" x14ac:dyDescent="0.25">
      <c r="A2174">
        <v>138.63</v>
      </c>
      <c r="B2174">
        <v>189.52</v>
      </c>
      <c r="C2174">
        <v>9527.25</v>
      </c>
      <c r="D2174">
        <v>2.2000000000000002</v>
      </c>
      <c r="E2174">
        <v>11546.4</v>
      </c>
      <c r="F2174">
        <v>13.726000000000001</v>
      </c>
    </row>
    <row r="2175" spans="1:6" x14ac:dyDescent="0.25">
      <c r="A2175">
        <v>138.63</v>
      </c>
      <c r="B2175">
        <v>189.52</v>
      </c>
      <c r="C2175">
        <v>9527.25</v>
      </c>
      <c r="D2175">
        <v>2.5</v>
      </c>
      <c r="E2175">
        <v>11277.2</v>
      </c>
      <c r="F2175">
        <v>13.739100000000001</v>
      </c>
    </row>
    <row r="2176" spans="1:6" x14ac:dyDescent="0.25">
      <c r="A2176">
        <v>138.63</v>
      </c>
      <c r="B2176">
        <v>189.52</v>
      </c>
      <c r="C2176">
        <v>9527.25</v>
      </c>
      <c r="D2176">
        <v>2.8</v>
      </c>
      <c r="E2176">
        <v>11126.4</v>
      </c>
      <c r="F2176">
        <v>13.7453</v>
      </c>
    </row>
    <row r="2177" spans="1:6" x14ac:dyDescent="0.25">
      <c r="A2177">
        <v>138.63</v>
      </c>
      <c r="B2177">
        <v>189.52</v>
      </c>
      <c r="C2177">
        <v>9527.25</v>
      </c>
      <c r="D2177">
        <v>3.1</v>
      </c>
      <c r="E2177">
        <v>10994.7</v>
      </c>
      <c r="F2177">
        <v>13.7502</v>
      </c>
    </row>
    <row r="2178" spans="1:6" x14ac:dyDescent="0.25">
      <c r="A2178">
        <v>138.63</v>
      </c>
      <c r="B2178">
        <v>189.52</v>
      </c>
      <c r="C2178">
        <v>9527.25</v>
      </c>
      <c r="D2178">
        <v>3.4</v>
      </c>
      <c r="E2178">
        <v>11037.7</v>
      </c>
      <c r="F2178">
        <v>13.750999999999999</v>
      </c>
    </row>
    <row r="2179" spans="1:6" x14ac:dyDescent="0.25">
      <c r="A2179">
        <v>138.63</v>
      </c>
      <c r="B2179">
        <v>189.52</v>
      </c>
      <c r="C2179">
        <v>9527.25</v>
      </c>
      <c r="D2179">
        <v>3.7</v>
      </c>
      <c r="E2179">
        <v>10920.7</v>
      </c>
      <c r="F2179">
        <v>13.750999999999999</v>
      </c>
    </row>
    <row r="2180" spans="1:6" x14ac:dyDescent="0.25">
      <c r="A2180">
        <v>138.63</v>
      </c>
      <c r="B2180">
        <v>189.52</v>
      </c>
      <c r="C2180">
        <v>9527.25</v>
      </c>
      <c r="D2180">
        <v>4</v>
      </c>
      <c r="E2180">
        <v>10809.9</v>
      </c>
      <c r="F2180">
        <v>13.747299999999999</v>
      </c>
    </row>
    <row r="2181" spans="1:6" x14ac:dyDescent="0.25">
      <c r="A2181">
        <v>138.63</v>
      </c>
      <c r="B2181">
        <v>189.52</v>
      </c>
      <c r="C2181">
        <v>11072.7</v>
      </c>
      <c r="D2181">
        <v>1</v>
      </c>
      <c r="E2181">
        <v>15014.6</v>
      </c>
      <c r="F2181">
        <v>13.580500000000001</v>
      </c>
    </row>
    <row r="2182" spans="1:6" x14ac:dyDescent="0.25">
      <c r="A2182">
        <v>138.63</v>
      </c>
      <c r="B2182">
        <v>189.52</v>
      </c>
      <c r="C2182">
        <v>11072.7</v>
      </c>
      <c r="D2182">
        <v>1.3</v>
      </c>
      <c r="E2182">
        <v>14157.2</v>
      </c>
      <c r="F2182">
        <v>12.9474</v>
      </c>
    </row>
    <row r="2183" spans="1:6" x14ac:dyDescent="0.25">
      <c r="A2183">
        <v>138.63</v>
      </c>
      <c r="B2183">
        <v>189.52</v>
      </c>
      <c r="C2183">
        <v>11072.7</v>
      </c>
      <c r="D2183">
        <v>1.6</v>
      </c>
      <c r="E2183">
        <v>13661.2</v>
      </c>
      <c r="F2183">
        <v>12.961</v>
      </c>
    </row>
    <row r="2184" spans="1:6" x14ac:dyDescent="0.25">
      <c r="A2184">
        <v>138.63</v>
      </c>
      <c r="B2184">
        <v>189.52</v>
      </c>
      <c r="C2184">
        <v>11072.7</v>
      </c>
      <c r="D2184">
        <v>1.9</v>
      </c>
      <c r="E2184">
        <v>13417.4</v>
      </c>
      <c r="F2184">
        <v>13.7072</v>
      </c>
    </row>
    <row r="2185" spans="1:6" x14ac:dyDescent="0.25">
      <c r="A2185">
        <v>138.63</v>
      </c>
      <c r="B2185">
        <v>189.52</v>
      </c>
      <c r="C2185">
        <v>11072.7</v>
      </c>
      <c r="D2185">
        <v>2.2000000000000002</v>
      </c>
      <c r="E2185">
        <v>13168.4</v>
      </c>
      <c r="F2185">
        <v>13.726000000000001</v>
      </c>
    </row>
    <row r="2186" spans="1:6" x14ac:dyDescent="0.25">
      <c r="A2186">
        <v>138.63</v>
      </c>
      <c r="B2186">
        <v>189.52</v>
      </c>
      <c r="C2186">
        <v>11072.7</v>
      </c>
      <c r="D2186">
        <v>2.5</v>
      </c>
      <c r="E2186">
        <v>13009.5</v>
      </c>
      <c r="F2186">
        <v>13.739100000000001</v>
      </c>
    </row>
    <row r="2187" spans="1:6" x14ac:dyDescent="0.25">
      <c r="A2187">
        <v>138.63</v>
      </c>
      <c r="B2187">
        <v>189.52</v>
      </c>
      <c r="C2187">
        <v>11072.7</v>
      </c>
      <c r="D2187">
        <v>2.8</v>
      </c>
      <c r="E2187">
        <v>12700.2</v>
      </c>
      <c r="F2187">
        <v>13.7453</v>
      </c>
    </row>
    <row r="2188" spans="1:6" x14ac:dyDescent="0.25">
      <c r="A2188">
        <v>138.63</v>
      </c>
      <c r="B2188">
        <v>189.52</v>
      </c>
      <c r="C2188">
        <v>11072.7</v>
      </c>
      <c r="D2188">
        <v>3.1</v>
      </c>
      <c r="E2188">
        <v>12613</v>
      </c>
      <c r="F2188">
        <v>13.7502</v>
      </c>
    </row>
    <row r="2189" spans="1:6" x14ac:dyDescent="0.25">
      <c r="A2189">
        <v>138.63</v>
      </c>
      <c r="B2189">
        <v>189.52</v>
      </c>
      <c r="C2189">
        <v>11072.7</v>
      </c>
      <c r="D2189">
        <v>3.4</v>
      </c>
      <c r="E2189">
        <v>12579.1</v>
      </c>
      <c r="F2189">
        <v>13.750999999999999</v>
      </c>
    </row>
    <row r="2190" spans="1:6" x14ac:dyDescent="0.25">
      <c r="A2190">
        <v>138.63</v>
      </c>
      <c r="B2190">
        <v>189.52</v>
      </c>
      <c r="C2190">
        <v>11072.7</v>
      </c>
      <c r="D2190">
        <v>3.7</v>
      </c>
      <c r="E2190">
        <v>12427.3</v>
      </c>
      <c r="F2190">
        <v>13.750999999999999</v>
      </c>
    </row>
    <row r="2191" spans="1:6" x14ac:dyDescent="0.25">
      <c r="A2191">
        <v>138.63</v>
      </c>
      <c r="B2191">
        <v>189.52</v>
      </c>
      <c r="C2191">
        <v>11072.7</v>
      </c>
      <c r="D2191">
        <v>4</v>
      </c>
      <c r="E2191">
        <v>12453</v>
      </c>
      <c r="F2191">
        <v>13.747299999999999</v>
      </c>
    </row>
    <row r="2192" spans="1:6" x14ac:dyDescent="0.25">
      <c r="A2192">
        <v>138.63</v>
      </c>
      <c r="B2192">
        <v>189.52</v>
      </c>
      <c r="C2192">
        <v>12618.2</v>
      </c>
      <c r="D2192">
        <v>1</v>
      </c>
      <c r="E2192">
        <v>16613.2</v>
      </c>
      <c r="F2192">
        <v>13.580500000000001</v>
      </c>
    </row>
    <row r="2193" spans="1:6" x14ac:dyDescent="0.25">
      <c r="A2193">
        <v>138.63</v>
      </c>
      <c r="B2193">
        <v>189.52</v>
      </c>
      <c r="C2193">
        <v>12618.2</v>
      </c>
      <c r="D2193">
        <v>1.3</v>
      </c>
      <c r="E2193">
        <v>15692.9</v>
      </c>
      <c r="F2193">
        <v>12.9474</v>
      </c>
    </row>
    <row r="2194" spans="1:6" x14ac:dyDescent="0.25">
      <c r="A2194">
        <v>138.63</v>
      </c>
      <c r="B2194">
        <v>189.52</v>
      </c>
      <c r="C2194">
        <v>12618.2</v>
      </c>
      <c r="D2194">
        <v>1.6</v>
      </c>
      <c r="E2194">
        <v>15400.3</v>
      </c>
      <c r="F2194">
        <v>12.961</v>
      </c>
    </row>
    <row r="2195" spans="1:6" x14ac:dyDescent="0.25">
      <c r="A2195">
        <v>138.63</v>
      </c>
      <c r="B2195">
        <v>189.52</v>
      </c>
      <c r="C2195">
        <v>12618.2</v>
      </c>
      <c r="D2195">
        <v>1.9</v>
      </c>
      <c r="E2195">
        <v>14823.7</v>
      </c>
      <c r="F2195">
        <v>13.7072</v>
      </c>
    </row>
    <row r="2196" spans="1:6" x14ac:dyDescent="0.25">
      <c r="A2196">
        <v>138.63</v>
      </c>
      <c r="B2196">
        <v>189.52</v>
      </c>
      <c r="C2196">
        <v>12618.2</v>
      </c>
      <c r="D2196">
        <v>2.2000000000000002</v>
      </c>
      <c r="E2196">
        <v>14549.4</v>
      </c>
      <c r="F2196">
        <v>13.726000000000001</v>
      </c>
    </row>
    <row r="2197" spans="1:6" x14ac:dyDescent="0.25">
      <c r="A2197">
        <v>138.63</v>
      </c>
      <c r="B2197">
        <v>189.52</v>
      </c>
      <c r="C2197">
        <v>12618.2</v>
      </c>
      <c r="D2197">
        <v>2.5</v>
      </c>
      <c r="E2197">
        <v>14395.6</v>
      </c>
      <c r="F2197">
        <v>13.739100000000001</v>
      </c>
    </row>
    <row r="2198" spans="1:6" x14ac:dyDescent="0.25">
      <c r="A2198">
        <v>138.63</v>
      </c>
      <c r="B2198">
        <v>189.52</v>
      </c>
      <c r="C2198">
        <v>12618.2</v>
      </c>
      <c r="D2198">
        <v>2.8</v>
      </c>
      <c r="E2198">
        <v>14233.1</v>
      </c>
      <c r="F2198">
        <v>13.7453</v>
      </c>
    </row>
    <row r="2199" spans="1:6" x14ac:dyDescent="0.25">
      <c r="A2199">
        <v>138.63</v>
      </c>
      <c r="B2199">
        <v>189.52</v>
      </c>
      <c r="C2199">
        <v>12618.2</v>
      </c>
      <c r="D2199">
        <v>3.1</v>
      </c>
      <c r="E2199">
        <v>14211.6</v>
      </c>
      <c r="F2199">
        <v>13.7502</v>
      </c>
    </row>
    <row r="2200" spans="1:6" x14ac:dyDescent="0.25">
      <c r="A2200">
        <v>138.63</v>
      </c>
      <c r="B2200">
        <v>189.52</v>
      </c>
      <c r="C2200">
        <v>12618.2</v>
      </c>
      <c r="D2200">
        <v>3.4</v>
      </c>
      <c r="E2200">
        <v>14042.1</v>
      </c>
      <c r="F2200">
        <v>13.750999999999999</v>
      </c>
    </row>
    <row r="2201" spans="1:6" x14ac:dyDescent="0.25">
      <c r="A2201">
        <v>138.63</v>
      </c>
      <c r="B2201">
        <v>189.52</v>
      </c>
      <c r="C2201">
        <v>12618.2</v>
      </c>
      <c r="D2201">
        <v>3.7</v>
      </c>
      <c r="E2201">
        <v>14088.1</v>
      </c>
      <c r="F2201">
        <v>13.750999999999999</v>
      </c>
    </row>
    <row r="2202" spans="1:6" x14ac:dyDescent="0.25">
      <c r="A2202">
        <v>138.63</v>
      </c>
      <c r="B2202">
        <v>189.52</v>
      </c>
      <c r="C2202">
        <v>12618.2</v>
      </c>
      <c r="D2202">
        <v>4</v>
      </c>
      <c r="E2202">
        <v>13990.8</v>
      </c>
      <c r="F2202">
        <v>13.747299999999999</v>
      </c>
    </row>
    <row r="2203" spans="1:6" x14ac:dyDescent="0.25">
      <c r="A2203">
        <v>138.63</v>
      </c>
      <c r="B2203">
        <v>189.52</v>
      </c>
      <c r="C2203">
        <v>14163.6</v>
      </c>
      <c r="D2203">
        <v>1</v>
      </c>
      <c r="E2203">
        <v>18126.7</v>
      </c>
      <c r="F2203">
        <v>13.580500000000001</v>
      </c>
    </row>
    <row r="2204" spans="1:6" x14ac:dyDescent="0.25">
      <c r="A2204">
        <v>138.63</v>
      </c>
      <c r="B2204">
        <v>189.52</v>
      </c>
      <c r="C2204">
        <v>14163.6</v>
      </c>
      <c r="D2204">
        <v>1.3</v>
      </c>
      <c r="E2204">
        <v>17199.8</v>
      </c>
      <c r="F2204">
        <v>12.9474</v>
      </c>
    </row>
    <row r="2205" spans="1:6" x14ac:dyDescent="0.25">
      <c r="A2205">
        <v>138.63</v>
      </c>
      <c r="B2205">
        <v>189.52</v>
      </c>
      <c r="C2205">
        <v>14163.6</v>
      </c>
      <c r="D2205">
        <v>1.6</v>
      </c>
      <c r="E2205">
        <v>16864.599999999999</v>
      </c>
      <c r="F2205">
        <v>12.961</v>
      </c>
    </row>
    <row r="2206" spans="1:6" x14ac:dyDescent="0.25">
      <c r="A2206">
        <v>138.63</v>
      </c>
      <c r="B2206">
        <v>189.52</v>
      </c>
      <c r="C2206">
        <v>14163.6</v>
      </c>
      <c r="D2206">
        <v>1.9</v>
      </c>
      <c r="E2206">
        <v>16450.5</v>
      </c>
      <c r="F2206">
        <v>13.7072</v>
      </c>
    </row>
    <row r="2207" spans="1:6" x14ac:dyDescent="0.25">
      <c r="A2207">
        <v>138.63</v>
      </c>
      <c r="B2207">
        <v>189.52</v>
      </c>
      <c r="C2207">
        <v>14163.6</v>
      </c>
      <c r="D2207">
        <v>2.2000000000000002</v>
      </c>
      <c r="E2207">
        <v>16218.4</v>
      </c>
      <c r="F2207">
        <v>13.726000000000001</v>
      </c>
    </row>
    <row r="2208" spans="1:6" x14ac:dyDescent="0.25">
      <c r="A2208">
        <v>138.63</v>
      </c>
      <c r="B2208">
        <v>189.52</v>
      </c>
      <c r="C2208">
        <v>14163.6</v>
      </c>
      <c r="D2208">
        <v>2.5</v>
      </c>
      <c r="E2208">
        <v>16011.2</v>
      </c>
      <c r="F2208">
        <v>13.739100000000001</v>
      </c>
    </row>
    <row r="2209" spans="1:6" x14ac:dyDescent="0.25">
      <c r="A2209">
        <v>138.63</v>
      </c>
      <c r="B2209">
        <v>189.52</v>
      </c>
      <c r="C2209">
        <v>14163.6</v>
      </c>
      <c r="D2209">
        <v>2.8</v>
      </c>
      <c r="E2209">
        <v>15829.8</v>
      </c>
      <c r="F2209">
        <v>13.7453</v>
      </c>
    </row>
    <row r="2210" spans="1:6" x14ac:dyDescent="0.25">
      <c r="A2210">
        <v>138.63</v>
      </c>
      <c r="B2210">
        <v>189.52</v>
      </c>
      <c r="C2210">
        <v>14163.6</v>
      </c>
      <c r="D2210">
        <v>3.1</v>
      </c>
      <c r="E2210">
        <v>15860.5</v>
      </c>
      <c r="F2210">
        <v>13.7502</v>
      </c>
    </row>
    <row r="2211" spans="1:6" x14ac:dyDescent="0.25">
      <c r="A2211">
        <v>138.63</v>
      </c>
      <c r="B2211">
        <v>189.52</v>
      </c>
      <c r="C2211">
        <v>14163.6</v>
      </c>
      <c r="D2211">
        <v>3.4</v>
      </c>
      <c r="E2211">
        <v>15675.3</v>
      </c>
      <c r="F2211">
        <v>13.750999999999999</v>
      </c>
    </row>
    <row r="2212" spans="1:6" x14ac:dyDescent="0.25">
      <c r="A2212">
        <v>138.63</v>
      </c>
      <c r="B2212">
        <v>189.52</v>
      </c>
      <c r="C2212">
        <v>14163.6</v>
      </c>
      <c r="D2212">
        <v>3.7</v>
      </c>
      <c r="E2212">
        <v>15649.3</v>
      </c>
      <c r="F2212">
        <v>13.750999999999999</v>
      </c>
    </row>
    <row r="2213" spans="1:6" x14ac:dyDescent="0.25">
      <c r="A2213">
        <v>138.63</v>
      </c>
      <c r="B2213">
        <v>189.52</v>
      </c>
      <c r="C2213">
        <v>14163.6</v>
      </c>
      <c r="D2213">
        <v>4</v>
      </c>
      <c r="E2213">
        <v>15466.4</v>
      </c>
      <c r="F2213">
        <v>13.747299999999999</v>
      </c>
    </row>
    <row r="2214" spans="1:6" x14ac:dyDescent="0.25">
      <c r="A2214">
        <v>138.63</v>
      </c>
      <c r="B2214">
        <v>189.52</v>
      </c>
      <c r="C2214">
        <v>15709.1</v>
      </c>
      <c r="D2214">
        <v>1</v>
      </c>
      <c r="E2214">
        <v>19412.8</v>
      </c>
      <c r="F2214">
        <v>13.580500000000001</v>
      </c>
    </row>
    <row r="2215" spans="1:6" x14ac:dyDescent="0.25">
      <c r="A2215">
        <v>138.63</v>
      </c>
      <c r="B2215">
        <v>189.52</v>
      </c>
      <c r="C2215">
        <v>15709.1</v>
      </c>
      <c r="D2215">
        <v>1.3</v>
      </c>
      <c r="E2215">
        <v>18773.400000000001</v>
      </c>
      <c r="F2215">
        <v>12.9474</v>
      </c>
    </row>
    <row r="2216" spans="1:6" x14ac:dyDescent="0.25">
      <c r="A2216">
        <v>138.63</v>
      </c>
      <c r="B2216">
        <v>189.52</v>
      </c>
      <c r="C2216">
        <v>15709.1</v>
      </c>
      <c r="D2216">
        <v>1.6</v>
      </c>
      <c r="E2216">
        <v>18293.400000000001</v>
      </c>
      <c r="F2216">
        <v>12.961</v>
      </c>
    </row>
    <row r="2217" spans="1:6" x14ac:dyDescent="0.25">
      <c r="A2217">
        <v>138.63</v>
      </c>
      <c r="B2217">
        <v>189.52</v>
      </c>
      <c r="C2217">
        <v>15709.1</v>
      </c>
      <c r="D2217">
        <v>1.9</v>
      </c>
      <c r="E2217">
        <v>18008.3</v>
      </c>
      <c r="F2217">
        <v>13.7072</v>
      </c>
    </row>
    <row r="2218" spans="1:6" x14ac:dyDescent="0.25">
      <c r="A2218">
        <v>138.63</v>
      </c>
      <c r="B2218">
        <v>189.52</v>
      </c>
      <c r="C2218">
        <v>15709.1</v>
      </c>
      <c r="D2218">
        <v>2.2000000000000002</v>
      </c>
      <c r="E2218">
        <v>17659.7</v>
      </c>
      <c r="F2218">
        <v>13.726000000000001</v>
      </c>
    </row>
    <row r="2219" spans="1:6" x14ac:dyDescent="0.25">
      <c r="A2219">
        <v>138.63</v>
      </c>
      <c r="B2219">
        <v>189.52</v>
      </c>
      <c r="C2219">
        <v>15709.1</v>
      </c>
      <c r="D2219">
        <v>2.5</v>
      </c>
      <c r="E2219">
        <v>17608.7</v>
      </c>
      <c r="F2219">
        <v>13.739100000000001</v>
      </c>
    </row>
    <row r="2220" spans="1:6" x14ac:dyDescent="0.25">
      <c r="A2220">
        <v>138.63</v>
      </c>
      <c r="B2220">
        <v>189.52</v>
      </c>
      <c r="C2220">
        <v>15709.1</v>
      </c>
      <c r="D2220">
        <v>2.8</v>
      </c>
      <c r="E2220">
        <v>17358.400000000001</v>
      </c>
      <c r="F2220">
        <v>13.7453</v>
      </c>
    </row>
    <row r="2221" spans="1:6" x14ac:dyDescent="0.25">
      <c r="A2221">
        <v>138.63</v>
      </c>
      <c r="B2221">
        <v>189.52</v>
      </c>
      <c r="C2221">
        <v>15709.1</v>
      </c>
      <c r="D2221">
        <v>3.1</v>
      </c>
      <c r="E2221">
        <v>17368.8</v>
      </c>
      <c r="F2221">
        <v>13.7502</v>
      </c>
    </row>
    <row r="2222" spans="1:6" x14ac:dyDescent="0.25">
      <c r="A2222">
        <v>138.63</v>
      </c>
      <c r="B2222">
        <v>189.52</v>
      </c>
      <c r="C2222">
        <v>15709.1</v>
      </c>
      <c r="D2222">
        <v>3.4</v>
      </c>
      <c r="E2222">
        <v>17296.2</v>
      </c>
      <c r="F2222">
        <v>13.750999999999999</v>
      </c>
    </row>
    <row r="2223" spans="1:6" x14ac:dyDescent="0.25">
      <c r="A2223">
        <v>138.63</v>
      </c>
      <c r="B2223">
        <v>189.52</v>
      </c>
      <c r="C2223">
        <v>15709.1</v>
      </c>
      <c r="D2223">
        <v>3.7</v>
      </c>
      <c r="E2223">
        <v>17106.7</v>
      </c>
      <c r="F2223">
        <v>13.750999999999999</v>
      </c>
    </row>
    <row r="2224" spans="1:6" x14ac:dyDescent="0.25">
      <c r="A2224">
        <v>138.63</v>
      </c>
      <c r="B2224">
        <v>189.52</v>
      </c>
      <c r="C2224">
        <v>15709.1</v>
      </c>
      <c r="D2224">
        <v>4</v>
      </c>
      <c r="E2224">
        <v>17066.400000000001</v>
      </c>
      <c r="F2224">
        <v>13.747299999999999</v>
      </c>
    </row>
    <row r="2225" spans="1:6" x14ac:dyDescent="0.25">
      <c r="A2225">
        <v>138.63</v>
      </c>
      <c r="B2225">
        <v>189.52</v>
      </c>
      <c r="C2225">
        <v>17254.5</v>
      </c>
      <c r="D2225">
        <v>1</v>
      </c>
      <c r="E2225">
        <v>21131</v>
      </c>
      <c r="F2225">
        <v>13.580500000000001</v>
      </c>
    </row>
    <row r="2226" spans="1:6" x14ac:dyDescent="0.25">
      <c r="A2226">
        <v>138.63</v>
      </c>
      <c r="B2226">
        <v>189.52</v>
      </c>
      <c r="C2226">
        <v>17254.5</v>
      </c>
      <c r="D2226">
        <v>1.3</v>
      </c>
      <c r="E2226">
        <v>20433</v>
      </c>
      <c r="F2226">
        <v>12.9474</v>
      </c>
    </row>
    <row r="2227" spans="1:6" x14ac:dyDescent="0.25">
      <c r="A2227">
        <v>138.63</v>
      </c>
      <c r="B2227">
        <v>189.52</v>
      </c>
      <c r="C2227">
        <v>17254.5</v>
      </c>
      <c r="D2227">
        <v>1.6</v>
      </c>
      <c r="E2227">
        <v>19965.400000000001</v>
      </c>
      <c r="F2227">
        <v>12.961</v>
      </c>
    </row>
    <row r="2228" spans="1:6" x14ac:dyDescent="0.25">
      <c r="A2228">
        <v>138.63</v>
      </c>
      <c r="B2228">
        <v>189.52</v>
      </c>
      <c r="C2228">
        <v>17254.5</v>
      </c>
      <c r="D2228">
        <v>1.9</v>
      </c>
      <c r="E2228">
        <v>19601.900000000001</v>
      </c>
      <c r="F2228">
        <v>13.7072</v>
      </c>
    </row>
    <row r="2229" spans="1:6" x14ac:dyDescent="0.25">
      <c r="A2229">
        <v>138.63</v>
      </c>
      <c r="B2229">
        <v>189.52</v>
      </c>
      <c r="C2229">
        <v>17254.5</v>
      </c>
      <c r="D2229">
        <v>2.2000000000000002</v>
      </c>
      <c r="E2229">
        <v>19339.900000000001</v>
      </c>
      <c r="F2229">
        <v>13.726000000000001</v>
      </c>
    </row>
    <row r="2230" spans="1:6" x14ac:dyDescent="0.25">
      <c r="A2230">
        <v>138.63</v>
      </c>
      <c r="B2230">
        <v>189.52</v>
      </c>
      <c r="C2230">
        <v>17254.5</v>
      </c>
      <c r="D2230">
        <v>2.5</v>
      </c>
      <c r="E2230">
        <v>19261.7</v>
      </c>
      <c r="F2230">
        <v>13.739100000000001</v>
      </c>
    </row>
    <row r="2231" spans="1:6" x14ac:dyDescent="0.25">
      <c r="A2231">
        <v>138.63</v>
      </c>
      <c r="B2231">
        <v>189.52</v>
      </c>
      <c r="C2231">
        <v>17254.5</v>
      </c>
      <c r="D2231">
        <v>2.8</v>
      </c>
      <c r="E2231">
        <v>18887.099999999999</v>
      </c>
      <c r="F2231">
        <v>13.7453</v>
      </c>
    </row>
    <row r="2232" spans="1:6" x14ac:dyDescent="0.25">
      <c r="A2232">
        <v>138.63</v>
      </c>
      <c r="B2232">
        <v>189.52</v>
      </c>
      <c r="C2232">
        <v>17254.5</v>
      </c>
      <c r="D2232">
        <v>3.1</v>
      </c>
      <c r="E2232">
        <v>18771.400000000001</v>
      </c>
      <c r="F2232">
        <v>13.7502</v>
      </c>
    </row>
    <row r="2233" spans="1:6" x14ac:dyDescent="0.25">
      <c r="A2233">
        <v>138.63</v>
      </c>
      <c r="B2233">
        <v>189.52</v>
      </c>
      <c r="C2233">
        <v>17254.5</v>
      </c>
      <c r="D2233">
        <v>3.4</v>
      </c>
      <c r="E2233">
        <v>18656.099999999999</v>
      </c>
      <c r="F2233">
        <v>13.750999999999999</v>
      </c>
    </row>
    <row r="2234" spans="1:6" x14ac:dyDescent="0.25">
      <c r="A2234">
        <v>138.63</v>
      </c>
      <c r="B2234">
        <v>189.52</v>
      </c>
      <c r="C2234">
        <v>17254.5</v>
      </c>
      <c r="D2234">
        <v>3.7</v>
      </c>
      <c r="E2234">
        <v>18644</v>
      </c>
      <c r="F2234">
        <v>13.750999999999999</v>
      </c>
    </row>
    <row r="2235" spans="1:6" x14ac:dyDescent="0.25">
      <c r="A2235">
        <v>138.63</v>
      </c>
      <c r="B2235">
        <v>189.52</v>
      </c>
      <c r="C2235">
        <v>17254.5</v>
      </c>
      <c r="D2235">
        <v>4</v>
      </c>
      <c r="E2235">
        <v>18599.5</v>
      </c>
      <c r="F2235">
        <v>13.747299999999999</v>
      </c>
    </row>
    <row r="2236" spans="1:6" x14ac:dyDescent="0.25">
      <c r="A2236">
        <v>138.63</v>
      </c>
      <c r="B2236">
        <v>189.52</v>
      </c>
      <c r="C2236">
        <v>18800</v>
      </c>
      <c r="D2236">
        <v>1</v>
      </c>
      <c r="E2236">
        <v>22749.9</v>
      </c>
      <c r="F2236">
        <v>13.580500000000001</v>
      </c>
    </row>
    <row r="2237" spans="1:6" x14ac:dyDescent="0.25">
      <c r="A2237">
        <v>138.63</v>
      </c>
      <c r="B2237">
        <v>189.52</v>
      </c>
      <c r="C2237">
        <v>18800</v>
      </c>
      <c r="D2237">
        <v>1.3</v>
      </c>
      <c r="E2237">
        <v>21995.8</v>
      </c>
      <c r="F2237">
        <v>12.9474</v>
      </c>
    </row>
    <row r="2238" spans="1:6" x14ac:dyDescent="0.25">
      <c r="A2238">
        <v>138.63</v>
      </c>
      <c r="B2238">
        <v>189.52</v>
      </c>
      <c r="C2238">
        <v>18800</v>
      </c>
      <c r="D2238">
        <v>1.6</v>
      </c>
      <c r="E2238">
        <v>21407.4</v>
      </c>
      <c r="F2238">
        <v>12.961</v>
      </c>
    </row>
    <row r="2239" spans="1:6" x14ac:dyDescent="0.25">
      <c r="A2239">
        <v>138.63</v>
      </c>
      <c r="B2239">
        <v>189.52</v>
      </c>
      <c r="C2239">
        <v>18800</v>
      </c>
      <c r="D2239">
        <v>1.9</v>
      </c>
      <c r="E2239">
        <v>21164.2</v>
      </c>
      <c r="F2239">
        <v>13.7072</v>
      </c>
    </row>
    <row r="2240" spans="1:6" x14ac:dyDescent="0.25">
      <c r="A2240">
        <v>138.63</v>
      </c>
      <c r="B2240">
        <v>189.52</v>
      </c>
      <c r="C2240">
        <v>18800</v>
      </c>
      <c r="D2240">
        <v>2.2000000000000002</v>
      </c>
      <c r="E2240">
        <v>20816.2</v>
      </c>
      <c r="F2240">
        <v>13.726000000000001</v>
      </c>
    </row>
    <row r="2241" spans="1:6" x14ac:dyDescent="0.25">
      <c r="A2241">
        <v>138.63</v>
      </c>
      <c r="B2241">
        <v>189.52</v>
      </c>
      <c r="C2241">
        <v>18800</v>
      </c>
      <c r="D2241">
        <v>2.5</v>
      </c>
      <c r="E2241">
        <v>20822.599999999999</v>
      </c>
      <c r="F2241">
        <v>13.739100000000001</v>
      </c>
    </row>
    <row r="2242" spans="1:6" x14ac:dyDescent="0.25">
      <c r="A2242">
        <v>138.63</v>
      </c>
      <c r="B2242">
        <v>189.52</v>
      </c>
      <c r="C2242">
        <v>18800</v>
      </c>
      <c r="D2242">
        <v>2.8</v>
      </c>
      <c r="E2242">
        <v>20593.400000000001</v>
      </c>
      <c r="F2242">
        <v>13.7453</v>
      </c>
    </row>
    <row r="2243" spans="1:6" x14ac:dyDescent="0.25">
      <c r="A2243">
        <v>138.63</v>
      </c>
      <c r="B2243">
        <v>189.52</v>
      </c>
      <c r="C2243">
        <v>18800</v>
      </c>
      <c r="D2243">
        <v>3.1</v>
      </c>
      <c r="E2243">
        <v>20479.3</v>
      </c>
      <c r="F2243">
        <v>13.7502</v>
      </c>
    </row>
    <row r="2244" spans="1:6" x14ac:dyDescent="0.25">
      <c r="A2244">
        <v>138.63</v>
      </c>
      <c r="B2244">
        <v>189.52</v>
      </c>
      <c r="C2244">
        <v>18800</v>
      </c>
      <c r="D2244">
        <v>3.4</v>
      </c>
      <c r="E2244">
        <v>20374.099999999999</v>
      </c>
      <c r="F2244">
        <v>13.750999999999999</v>
      </c>
    </row>
    <row r="2245" spans="1:6" x14ac:dyDescent="0.25">
      <c r="A2245">
        <v>138.63</v>
      </c>
      <c r="B2245">
        <v>189.52</v>
      </c>
      <c r="C2245">
        <v>18800</v>
      </c>
      <c r="D2245">
        <v>3.7</v>
      </c>
      <c r="E2245">
        <v>20153.599999999999</v>
      </c>
      <c r="F2245">
        <v>13.750999999999999</v>
      </c>
    </row>
    <row r="2246" spans="1:6" x14ac:dyDescent="0.25">
      <c r="A2246">
        <v>138.63</v>
      </c>
      <c r="B2246">
        <v>189.52</v>
      </c>
      <c r="C2246">
        <v>18800</v>
      </c>
      <c r="D2246">
        <v>4</v>
      </c>
      <c r="E2246">
        <v>20193.8</v>
      </c>
      <c r="F2246">
        <v>13.747299999999999</v>
      </c>
    </row>
    <row r="2247" spans="1:6" x14ac:dyDescent="0.25">
      <c r="A2247">
        <v>138.63</v>
      </c>
      <c r="B2247">
        <v>193.15</v>
      </c>
      <c r="C2247">
        <v>1800</v>
      </c>
      <c r="D2247">
        <v>1</v>
      </c>
      <c r="E2247">
        <v>5651.42</v>
      </c>
      <c r="F2247">
        <v>60.465899999999998</v>
      </c>
    </row>
    <row r="2248" spans="1:6" x14ac:dyDescent="0.25">
      <c r="A2248">
        <v>138.63</v>
      </c>
      <c r="B2248">
        <v>193.15</v>
      </c>
      <c r="C2248">
        <v>1800</v>
      </c>
      <c r="D2248">
        <v>1.3</v>
      </c>
      <c r="E2248">
        <v>5058.9399999999996</v>
      </c>
      <c r="F2248">
        <v>74.974500000000006</v>
      </c>
    </row>
    <row r="2249" spans="1:6" x14ac:dyDescent="0.25">
      <c r="A2249">
        <v>138.63</v>
      </c>
      <c r="B2249">
        <v>193.15</v>
      </c>
      <c r="C2249">
        <v>1800</v>
      </c>
      <c r="D2249">
        <v>1.6</v>
      </c>
      <c r="E2249">
        <v>4595.93</v>
      </c>
      <c r="F2249">
        <v>83.082999999999998</v>
      </c>
    </row>
    <row r="2250" spans="1:6" x14ac:dyDescent="0.25">
      <c r="A2250">
        <v>138.63</v>
      </c>
      <c r="B2250">
        <v>193.15</v>
      </c>
      <c r="C2250">
        <v>1800</v>
      </c>
      <c r="D2250">
        <v>1.9</v>
      </c>
      <c r="E2250">
        <v>4322.51</v>
      </c>
      <c r="F2250">
        <v>90.424800000000005</v>
      </c>
    </row>
    <row r="2251" spans="1:6" x14ac:dyDescent="0.25">
      <c r="A2251">
        <v>138.63</v>
      </c>
      <c r="B2251">
        <v>193.15</v>
      </c>
      <c r="C2251">
        <v>1800</v>
      </c>
      <c r="D2251">
        <v>2.2000000000000002</v>
      </c>
      <c r="E2251">
        <v>4086.95</v>
      </c>
      <c r="F2251">
        <v>96.562600000000003</v>
      </c>
    </row>
    <row r="2252" spans="1:6" x14ac:dyDescent="0.25">
      <c r="A2252">
        <v>138.63</v>
      </c>
      <c r="B2252">
        <v>193.15</v>
      </c>
      <c r="C2252">
        <v>1800</v>
      </c>
      <c r="D2252">
        <v>2.5</v>
      </c>
      <c r="E2252">
        <v>3939.41</v>
      </c>
      <c r="F2252">
        <v>103.626</v>
      </c>
    </row>
    <row r="2253" spans="1:6" x14ac:dyDescent="0.25">
      <c r="A2253">
        <v>138.63</v>
      </c>
      <c r="B2253">
        <v>193.15</v>
      </c>
      <c r="C2253">
        <v>1800</v>
      </c>
      <c r="D2253">
        <v>2.8</v>
      </c>
      <c r="E2253">
        <v>3796.4</v>
      </c>
      <c r="F2253">
        <v>105.53100000000001</v>
      </c>
    </row>
    <row r="2254" spans="1:6" x14ac:dyDescent="0.25">
      <c r="A2254">
        <v>138.63</v>
      </c>
      <c r="B2254">
        <v>193.15</v>
      </c>
      <c r="C2254">
        <v>1800</v>
      </c>
      <c r="D2254">
        <v>3.1</v>
      </c>
      <c r="E2254">
        <v>3711.07</v>
      </c>
      <c r="F2254">
        <v>109.277</v>
      </c>
    </row>
    <row r="2255" spans="1:6" x14ac:dyDescent="0.25">
      <c r="A2255">
        <v>138.63</v>
      </c>
      <c r="B2255">
        <v>193.15</v>
      </c>
      <c r="C2255">
        <v>1800</v>
      </c>
      <c r="D2255">
        <v>3.4</v>
      </c>
      <c r="E2255">
        <v>3617.65</v>
      </c>
      <c r="F2255">
        <v>115.9</v>
      </c>
    </row>
    <row r="2256" spans="1:6" x14ac:dyDescent="0.25">
      <c r="A2256">
        <v>138.63</v>
      </c>
      <c r="B2256">
        <v>193.15</v>
      </c>
      <c r="C2256">
        <v>1800</v>
      </c>
      <c r="D2256">
        <v>3.7</v>
      </c>
      <c r="E2256">
        <v>3554.6</v>
      </c>
      <c r="F2256">
        <v>112.746</v>
      </c>
    </row>
    <row r="2257" spans="1:6" x14ac:dyDescent="0.25">
      <c r="A2257">
        <v>138.63</v>
      </c>
      <c r="B2257">
        <v>193.15</v>
      </c>
      <c r="C2257">
        <v>1800</v>
      </c>
      <c r="D2257">
        <v>4</v>
      </c>
      <c r="E2257">
        <v>3482.46</v>
      </c>
      <c r="F2257">
        <v>118.892</v>
      </c>
    </row>
    <row r="2258" spans="1:6" x14ac:dyDescent="0.25">
      <c r="A2258">
        <v>138.63</v>
      </c>
      <c r="B2258">
        <v>193.15</v>
      </c>
      <c r="C2258">
        <v>3345.45</v>
      </c>
      <c r="D2258">
        <v>1</v>
      </c>
      <c r="E2258">
        <v>7002.39</v>
      </c>
      <c r="F2258">
        <v>32.992199999999997</v>
      </c>
    </row>
    <row r="2259" spans="1:6" x14ac:dyDescent="0.25">
      <c r="A2259">
        <v>138.63</v>
      </c>
      <c r="B2259">
        <v>193.15</v>
      </c>
      <c r="C2259">
        <v>3345.45</v>
      </c>
      <c r="D2259">
        <v>1.3</v>
      </c>
      <c r="E2259">
        <v>6379.41</v>
      </c>
      <c r="F2259">
        <v>42.511099999999999</v>
      </c>
    </row>
    <row r="2260" spans="1:6" x14ac:dyDescent="0.25">
      <c r="A2260">
        <v>138.63</v>
      </c>
      <c r="B2260">
        <v>193.15</v>
      </c>
      <c r="C2260">
        <v>3345.45</v>
      </c>
      <c r="D2260">
        <v>1.6</v>
      </c>
      <c r="E2260">
        <v>5976.22</v>
      </c>
      <c r="F2260">
        <v>47.669600000000003</v>
      </c>
    </row>
    <row r="2261" spans="1:6" x14ac:dyDescent="0.25">
      <c r="A2261">
        <v>138.63</v>
      </c>
      <c r="B2261">
        <v>193.15</v>
      </c>
      <c r="C2261">
        <v>3345.45</v>
      </c>
      <c r="D2261">
        <v>1.9</v>
      </c>
      <c r="E2261">
        <v>5733.43</v>
      </c>
      <c r="F2261">
        <v>55.031399999999998</v>
      </c>
    </row>
    <row r="2262" spans="1:6" x14ac:dyDescent="0.25">
      <c r="A2262">
        <v>138.63</v>
      </c>
      <c r="B2262">
        <v>193.15</v>
      </c>
      <c r="C2262">
        <v>3345.45</v>
      </c>
      <c r="D2262">
        <v>2.2000000000000002</v>
      </c>
      <c r="E2262">
        <v>5513.57</v>
      </c>
      <c r="F2262">
        <v>61.273099999999999</v>
      </c>
    </row>
    <row r="2263" spans="1:6" x14ac:dyDescent="0.25">
      <c r="A2263">
        <v>138.63</v>
      </c>
      <c r="B2263">
        <v>193.15</v>
      </c>
      <c r="C2263">
        <v>3345.45</v>
      </c>
      <c r="D2263">
        <v>2.5</v>
      </c>
      <c r="E2263">
        <v>5319.11</v>
      </c>
      <c r="F2263">
        <v>66.628</v>
      </c>
    </row>
    <row r="2264" spans="1:6" x14ac:dyDescent="0.25">
      <c r="A2264">
        <v>138.63</v>
      </c>
      <c r="B2264">
        <v>193.15</v>
      </c>
      <c r="C2264">
        <v>3345.45</v>
      </c>
      <c r="D2264">
        <v>2.8</v>
      </c>
      <c r="E2264">
        <v>5193.49</v>
      </c>
      <c r="F2264">
        <v>71.398700000000005</v>
      </c>
    </row>
    <row r="2265" spans="1:6" x14ac:dyDescent="0.25">
      <c r="A2265">
        <v>138.63</v>
      </c>
      <c r="B2265">
        <v>193.15</v>
      </c>
      <c r="C2265">
        <v>3345.45</v>
      </c>
      <c r="D2265">
        <v>3.1</v>
      </c>
      <c r="E2265">
        <v>5092.58</v>
      </c>
      <c r="F2265">
        <v>77.044399999999996</v>
      </c>
    </row>
    <row r="2266" spans="1:6" x14ac:dyDescent="0.25">
      <c r="A2266">
        <v>138.63</v>
      </c>
      <c r="B2266">
        <v>193.15</v>
      </c>
      <c r="C2266">
        <v>3345.45</v>
      </c>
      <c r="D2266">
        <v>3.4</v>
      </c>
      <c r="E2266">
        <v>5022.9399999999996</v>
      </c>
      <c r="F2266">
        <v>83.2577</v>
      </c>
    </row>
    <row r="2267" spans="1:6" x14ac:dyDescent="0.25">
      <c r="A2267">
        <v>138.63</v>
      </c>
      <c r="B2267">
        <v>193.15</v>
      </c>
      <c r="C2267">
        <v>3345.45</v>
      </c>
      <c r="D2267">
        <v>3.7</v>
      </c>
      <c r="E2267">
        <v>4956.74</v>
      </c>
      <c r="F2267">
        <v>85.692300000000003</v>
      </c>
    </row>
    <row r="2268" spans="1:6" x14ac:dyDescent="0.25">
      <c r="A2268">
        <v>138.63</v>
      </c>
      <c r="B2268">
        <v>193.15</v>
      </c>
      <c r="C2268">
        <v>3345.45</v>
      </c>
      <c r="D2268">
        <v>4</v>
      </c>
      <c r="E2268">
        <v>4872.13</v>
      </c>
      <c r="F2268">
        <v>89.344300000000004</v>
      </c>
    </row>
    <row r="2269" spans="1:6" x14ac:dyDescent="0.25">
      <c r="A2269">
        <v>138.63</v>
      </c>
      <c r="B2269">
        <v>193.15</v>
      </c>
      <c r="C2269">
        <v>4890.8999999999996</v>
      </c>
      <c r="D2269">
        <v>1</v>
      </c>
      <c r="E2269">
        <v>8214.94</v>
      </c>
      <c r="F2269">
        <v>15.187900000000001</v>
      </c>
    </row>
    <row r="2270" spans="1:6" x14ac:dyDescent="0.25">
      <c r="A2270">
        <v>138.63</v>
      </c>
      <c r="B2270">
        <v>193.15</v>
      </c>
      <c r="C2270">
        <v>4890.8999999999996</v>
      </c>
      <c r="D2270">
        <v>1.3</v>
      </c>
      <c r="E2270">
        <v>7883.41</v>
      </c>
      <c r="F2270">
        <v>17.122499999999999</v>
      </c>
    </row>
    <row r="2271" spans="1:6" x14ac:dyDescent="0.25">
      <c r="A2271">
        <v>138.63</v>
      </c>
      <c r="B2271">
        <v>193.15</v>
      </c>
      <c r="C2271">
        <v>4890.8999999999996</v>
      </c>
      <c r="D2271">
        <v>1.6</v>
      </c>
      <c r="E2271">
        <v>7480.13</v>
      </c>
      <c r="F2271">
        <v>19.802199999999999</v>
      </c>
    </row>
    <row r="2272" spans="1:6" x14ac:dyDescent="0.25">
      <c r="A2272">
        <v>138.63</v>
      </c>
      <c r="B2272">
        <v>193.15</v>
      </c>
      <c r="C2272">
        <v>4890.8999999999996</v>
      </c>
      <c r="D2272">
        <v>1.9</v>
      </c>
      <c r="E2272">
        <v>7124.6</v>
      </c>
      <c r="F2272">
        <v>22.1754</v>
      </c>
    </row>
    <row r="2273" spans="1:6" x14ac:dyDescent="0.25">
      <c r="A2273">
        <v>138.63</v>
      </c>
      <c r="B2273">
        <v>193.15</v>
      </c>
      <c r="C2273">
        <v>4890.8999999999996</v>
      </c>
      <c r="D2273">
        <v>2.2000000000000002</v>
      </c>
      <c r="E2273">
        <v>6902.58</v>
      </c>
      <c r="F2273">
        <v>24.191099999999999</v>
      </c>
    </row>
    <row r="2274" spans="1:6" x14ac:dyDescent="0.25">
      <c r="A2274">
        <v>138.63</v>
      </c>
      <c r="B2274">
        <v>193.15</v>
      </c>
      <c r="C2274">
        <v>4890.8999999999996</v>
      </c>
      <c r="D2274">
        <v>2.5</v>
      </c>
      <c r="E2274">
        <v>6804.21</v>
      </c>
      <c r="F2274">
        <v>29.560600000000001</v>
      </c>
    </row>
    <row r="2275" spans="1:6" x14ac:dyDescent="0.25">
      <c r="A2275">
        <v>138.63</v>
      </c>
      <c r="B2275">
        <v>193.15</v>
      </c>
      <c r="C2275">
        <v>4890.8999999999996</v>
      </c>
      <c r="D2275">
        <v>2.8</v>
      </c>
      <c r="E2275">
        <v>6710.38</v>
      </c>
      <c r="F2275">
        <v>32.741399999999999</v>
      </c>
    </row>
    <row r="2276" spans="1:6" x14ac:dyDescent="0.25">
      <c r="A2276">
        <v>138.63</v>
      </c>
      <c r="B2276">
        <v>193.15</v>
      </c>
      <c r="C2276">
        <v>4890.8999999999996</v>
      </c>
      <c r="D2276">
        <v>3.1</v>
      </c>
      <c r="E2276">
        <v>6519.58</v>
      </c>
      <c r="F2276">
        <v>37.994100000000003</v>
      </c>
    </row>
    <row r="2277" spans="1:6" x14ac:dyDescent="0.25">
      <c r="A2277">
        <v>138.63</v>
      </c>
      <c r="B2277">
        <v>193.15</v>
      </c>
      <c r="C2277">
        <v>4890.8999999999996</v>
      </c>
      <c r="D2277">
        <v>3.4</v>
      </c>
      <c r="E2277">
        <v>6499.61</v>
      </c>
      <c r="F2277">
        <v>41.606000000000002</v>
      </c>
    </row>
    <row r="2278" spans="1:6" x14ac:dyDescent="0.25">
      <c r="A2278">
        <v>138.63</v>
      </c>
      <c r="B2278">
        <v>193.15</v>
      </c>
      <c r="C2278">
        <v>4890.8999999999996</v>
      </c>
      <c r="D2278">
        <v>3.7</v>
      </c>
      <c r="E2278">
        <v>6360.4</v>
      </c>
      <c r="F2278">
        <v>43.7089</v>
      </c>
    </row>
    <row r="2279" spans="1:6" x14ac:dyDescent="0.25">
      <c r="A2279">
        <v>138.63</v>
      </c>
      <c r="B2279">
        <v>193.15</v>
      </c>
      <c r="C2279">
        <v>4890.8999999999996</v>
      </c>
      <c r="D2279">
        <v>4</v>
      </c>
      <c r="E2279">
        <v>6321.34</v>
      </c>
      <c r="F2279">
        <v>47.271599999999999</v>
      </c>
    </row>
    <row r="2280" spans="1:6" x14ac:dyDescent="0.25">
      <c r="A2280">
        <v>138.63</v>
      </c>
      <c r="B2280">
        <v>193.15</v>
      </c>
      <c r="C2280">
        <v>6436.35</v>
      </c>
      <c r="D2280">
        <v>1</v>
      </c>
      <c r="E2280">
        <v>9941.81</v>
      </c>
      <c r="F2280">
        <v>11.4657</v>
      </c>
    </row>
    <row r="2281" spans="1:6" x14ac:dyDescent="0.25">
      <c r="A2281">
        <v>138.63</v>
      </c>
      <c r="B2281">
        <v>193.15</v>
      </c>
      <c r="C2281">
        <v>6436.35</v>
      </c>
      <c r="D2281">
        <v>1.3</v>
      </c>
      <c r="E2281">
        <v>9197.68</v>
      </c>
      <c r="F2281">
        <v>12.131600000000001</v>
      </c>
    </row>
    <row r="2282" spans="1:6" x14ac:dyDescent="0.25">
      <c r="A2282">
        <v>138.63</v>
      </c>
      <c r="B2282">
        <v>193.15</v>
      </c>
      <c r="C2282">
        <v>6436.35</v>
      </c>
      <c r="D2282">
        <v>1.6</v>
      </c>
      <c r="E2282">
        <v>8943.27</v>
      </c>
      <c r="F2282">
        <v>11.943899999999999</v>
      </c>
    </row>
    <row r="2283" spans="1:6" x14ac:dyDescent="0.25">
      <c r="A2283">
        <v>138.63</v>
      </c>
      <c r="B2283">
        <v>193.15</v>
      </c>
      <c r="C2283">
        <v>6436.35</v>
      </c>
      <c r="D2283">
        <v>1.9</v>
      </c>
      <c r="E2283">
        <v>8552.11</v>
      </c>
      <c r="F2283">
        <v>11.645799999999999</v>
      </c>
    </row>
    <row r="2284" spans="1:6" x14ac:dyDescent="0.25">
      <c r="A2284">
        <v>138.63</v>
      </c>
      <c r="B2284">
        <v>193.15</v>
      </c>
      <c r="C2284">
        <v>6436.35</v>
      </c>
      <c r="D2284">
        <v>2.2000000000000002</v>
      </c>
      <c r="E2284">
        <v>8314.89</v>
      </c>
      <c r="F2284">
        <v>11.2128</v>
      </c>
    </row>
    <row r="2285" spans="1:6" x14ac:dyDescent="0.25">
      <c r="A2285">
        <v>138.63</v>
      </c>
      <c r="B2285">
        <v>193.15</v>
      </c>
      <c r="C2285">
        <v>6436.35</v>
      </c>
      <c r="D2285">
        <v>2.5</v>
      </c>
      <c r="E2285">
        <v>8316.94</v>
      </c>
      <c r="F2285">
        <v>10.815099999999999</v>
      </c>
    </row>
    <row r="2286" spans="1:6" x14ac:dyDescent="0.25">
      <c r="A2286">
        <v>138.63</v>
      </c>
      <c r="B2286">
        <v>193.15</v>
      </c>
      <c r="C2286">
        <v>6436.35</v>
      </c>
      <c r="D2286">
        <v>2.8</v>
      </c>
      <c r="E2286">
        <v>8028.75</v>
      </c>
      <c r="F2286">
        <v>10.4466</v>
      </c>
    </row>
    <row r="2287" spans="1:6" x14ac:dyDescent="0.25">
      <c r="A2287">
        <v>138.63</v>
      </c>
      <c r="B2287">
        <v>193.15</v>
      </c>
      <c r="C2287">
        <v>6436.35</v>
      </c>
      <c r="D2287">
        <v>3.1</v>
      </c>
      <c r="E2287">
        <v>7996.26</v>
      </c>
      <c r="F2287">
        <v>11.915699999999999</v>
      </c>
    </row>
    <row r="2288" spans="1:6" x14ac:dyDescent="0.25">
      <c r="A2288">
        <v>138.63</v>
      </c>
      <c r="B2288">
        <v>193.15</v>
      </c>
      <c r="C2288">
        <v>6436.35</v>
      </c>
      <c r="D2288">
        <v>3.4</v>
      </c>
      <c r="E2288">
        <v>7852.98</v>
      </c>
      <c r="F2288">
        <v>14.585000000000001</v>
      </c>
    </row>
    <row r="2289" spans="1:6" x14ac:dyDescent="0.25">
      <c r="A2289">
        <v>138.63</v>
      </c>
      <c r="B2289">
        <v>193.15</v>
      </c>
      <c r="C2289">
        <v>6436.35</v>
      </c>
      <c r="D2289">
        <v>3.7</v>
      </c>
      <c r="E2289">
        <v>7866.79</v>
      </c>
      <c r="F2289">
        <v>15.684900000000001</v>
      </c>
    </row>
    <row r="2290" spans="1:6" x14ac:dyDescent="0.25">
      <c r="A2290">
        <v>138.63</v>
      </c>
      <c r="B2290">
        <v>193.15</v>
      </c>
      <c r="C2290">
        <v>6436.35</v>
      </c>
      <c r="D2290">
        <v>4</v>
      </c>
      <c r="E2290">
        <v>7749.17</v>
      </c>
      <c r="F2290">
        <v>16.8842</v>
      </c>
    </row>
    <row r="2291" spans="1:6" x14ac:dyDescent="0.25">
      <c r="A2291">
        <v>138.63</v>
      </c>
      <c r="B2291">
        <v>193.15</v>
      </c>
      <c r="C2291">
        <v>7981.8</v>
      </c>
      <c r="D2291">
        <v>1</v>
      </c>
      <c r="E2291">
        <v>11792.8</v>
      </c>
      <c r="F2291">
        <v>13.580500000000001</v>
      </c>
    </row>
    <row r="2292" spans="1:6" x14ac:dyDescent="0.25">
      <c r="A2292">
        <v>138.63</v>
      </c>
      <c r="B2292">
        <v>193.15</v>
      </c>
      <c r="C2292">
        <v>7981.8</v>
      </c>
      <c r="D2292">
        <v>1.3</v>
      </c>
      <c r="E2292">
        <v>10963.5</v>
      </c>
      <c r="F2292">
        <v>12.8447</v>
      </c>
    </row>
    <row r="2293" spans="1:6" x14ac:dyDescent="0.25">
      <c r="A2293">
        <v>138.63</v>
      </c>
      <c r="B2293">
        <v>193.15</v>
      </c>
      <c r="C2293">
        <v>7981.8</v>
      </c>
      <c r="D2293">
        <v>1.6</v>
      </c>
      <c r="E2293">
        <v>10511.5</v>
      </c>
      <c r="F2293">
        <v>12.911199999999999</v>
      </c>
    </row>
    <row r="2294" spans="1:6" x14ac:dyDescent="0.25">
      <c r="A2294">
        <v>138.63</v>
      </c>
      <c r="B2294">
        <v>193.15</v>
      </c>
      <c r="C2294">
        <v>7981.8</v>
      </c>
      <c r="D2294">
        <v>1.9</v>
      </c>
      <c r="E2294">
        <v>10242.9</v>
      </c>
      <c r="F2294">
        <v>13.7072</v>
      </c>
    </row>
    <row r="2295" spans="1:6" x14ac:dyDescent="0.25">
      <c r="A2295">
        <v>138.63</v>
      </c>
      <c r="B2295">
        <v>193.15</v>
      </c>
      <c r="C2295">
        <v>7981.8</v>
      </c>
      <c r="D2295">
        <v>2.2000000000000002</v>
      </c>
      <c r="E2295">
        <v>9991.49</v>
      </c>
      <c r="F2295">
        <v>13.726000000000001</v>
      </c>
    </row>
    <row r="2296" spans="1:6" x14ac:dyDescent="0.25">
      <c r="A2296">
        <v>138.63</v>
      </c>
      <c r="B2296">
        <v>193.15</v>
      </c>
      <c r="C2296">
        <v>7981.8</v>
      </c>
      <c r="D2296">
        <v>2.5</v>
      </c>
      <c r="E2296">
        <v>9809.83</v>
      </c>
      <c r="F2296">
        <v>13.739100000000001</v>
      </c>
    </row>
    <row r="2297" spans="1:6" x14ac:dyDescent="0.25">
      <c r="A2297">
        <v>138.63</v>
      </c>
      <c r="B2297">
        <v>193.15</v>
      </c>
      <c r="C2297">
        <v>7981.8</v>
      </c>
      <c r="D2297">
        <v>2.8</v>
      </c>
      <c r="E2297">
        <v>9664.11</v>
      </c>
      <c r="F2297">
        <v>13.7453</v>
      </c>
    </row>
    <row r="2298" spans="1:6" x14ac:dyDescent="0.25">
      <c r="A2298">
        <v>138.63</v>
      </c>
      <c r="B2298">
        <v>193.15</v>
      </c>
      <c r="C2298">
        <v>7981.8</v>
      </c>
      <c r="D2298">
        <v>3.1</v>
      </c>
      <c r="E2298">
        <v>9478.3700000000008</v>
      </c>
      <c r="F2298">
        <v>13.7502</v>
      </c>
    </row>
    <row r="2299" spans="1:6" x14ac:dyDescent="0.25">
      <c r="A2299">
        <v>138.63</v>
      </c>
      <c r="B2299">
        <v>193.15</v>
      </c>
      <c r="C2299">
        <v>7981.8</v>
      </c>
      <c r="D2299">
        <v>3.4</v>
      </c>
      <c r="E2299">
        <v>9439.74</v>
      </c>
      <c r="F2299">
        <v>13.750999999999999</v>
      </c>
    </row>
    <row r="2300" spans="1:6" x14ac:dyDescent="0.25">
      <c r="A2300">
        <v>138.63</v>
      </c>
      <c r="B2300">
        <v>193.15</v>
      </c>
      <c r="C2300">
        <v>7981.8</v>
      </c>
      <c r="D2300">
        <v>3.7</v>
      </c>
      <c r="E2300">
        <v>9333.39</v>
      </c>
      <c r="F2300">
        <v>13.750999999999999</v>
      </c>
    </row>
    <row r="2301" spans="1:6" x14ac:dyDescent="0.25">
      <c r="A2301">
        <v>138.63</v>
      </c>
      <c r="B2301">
        <v>193.15</v>
      </c>
      <c r="C2301">
        <v>7981.8</v>
      </c>
      <c r="D2301">
        <v>4</v>
      </c>
      <c r="E2301">
        <v>9240.32</v>
      </c>
      <c r="F2301">
        <v>13.747299999999999</v>
      </c>
    </row>
    <row r="2302" spans="1:6" x14ac:dyDescent="0.25">
      <c r="A2302">
        <v>138.63</v>
      </c>
      <c r="B2302">
        <v>193.15</v>
      </c>
      <c r="C2302">
        <v>9527.25</v>
      </c>
      <c r="D2302">
        <v>1</v>
      </c>
      <c r="E2302">
        <v>13400.7</v>
      </c>
      <c r="F2302">
        <v>13.580500000000001</v>
      </c>
    </row>
    <row r="2303" spans="1:6" x14ac:dyDescent="0.25">
      <c r="A2303">
        <v>138.63</v>
      </c>
      <c r="B2303">
        <v>193.15</v>
      </c>
      <c r="C2303">
        <v>9527.25</v>
      </c>
      <c r="D2303">
        <v>1.3</v>
      </c>
      <c r="E2303">
        <v>12647.8</v>
      </c>
      <c r="F2303">
        <v>12.9474</v>
      </c>
    </row>
    <row r="2304" spans="1:6" x14ac:dyDescent="0.25">
      <c r="A2304">
        <v>138.63</v>
      </c>
      <c r="B2304">
        <v>193.15</v>
      </c>
      <c r="C2304">
        <v>9527.25</v>
      </c>
      <c r="D2304">
        <v>1.6</v>
      </c>
      <c r="E2304">
        <v>12108.9</v>
      </c>
      <c r="F2304">
        <v>12.961</v>
      </c>
    </row>
    <row r="2305" spans="1:6" x14ac:dyDescent="0.25">
      <c r="A2305">
        <v>138.63</v>
      </c>
      <c r="B2305">
        <v>193.15</v>
      </c>
      <c r="C2305">
        <v>9527.25</v>
      </c>
      <c r="D2305">
        <v>1.9</v>
      </c>
      <c r="E2305">
        <v>11719.1</v>
      </c>
      <c r="F2305">
        <v>13.7072</v>
      </c>
    </row>
    <row r="2306" spans="1:6" x14ac:dyDescent="0.25">
      <c r="A2306">
        <v>138.63</v>
      </c>
      <c r="B2306">
        <v>193.15</v>
      </c>
      <c r="C2306">
        <v>9527.25</v>
      </c>
      <c r="D2306">
        <v>2.2000000000000002</v>
      </c>
      <c r="E2306">
        <v>11531.8</v>
      </c>
      <c r="F2306">
        <v>13.726000000000001</v>
      </c>
    </row>
    <row r="2307" spans="1:6" x14ac:dyDescent="0.25">
      <c r="A2307">
        <v>138.63</v>
      </c>
      <c r="B2307">
        <v>193.15</v>
      </c>
      <c r="C2307">
        <v>9527.25</v>
      </c>
      <c r="D2307">
        <v>2.5</v>
      </c>
      <c r="E2307">
        <v>11276.2</v>
      </c>
      <c r="F2307">
        <v>13.739100000000001</v>
      </c>
    </row>
    <row r="2308" spans="1:6" x14ac:dyDescent="0.25">
      <c r="A2308">
        <v>138.63</v>
      </c>
      <c r="B2308">
        <v>193.15</v>
      </c>
      <c r="C2308">
        <v>9527.25</v>
      </c>
      <c r="D2308">
        <v>2.8</v>
      </c>
      <c r="E2308">
        <v>11105.7</v>
      </c>
      <c r="F2308">
        <v>13.7453</v>
      </c>
    </row>
    <row r="2309" spans="1:6" x14ac:dyDescent="0.25">
      <c r="A2309">
        <v>138.63</v>
      </c>
      <c r="B2309">
        <v>193.15</v>
      </c>
      <c r="C2309">
        <v>9527.25</v>
      </c>
      <c r="D2309">
        <v>3.1</v>
      </c>
      <c r="E2309">
        <v>11113.1</v>
      </c>
      <c r="F2309">
        <v>13.7502</v>
      </c>
    </row>
    <row r="2310" spans="1:6" x14ac:dyDescent="0.25">
      <c r="A2310">
        <v>138.63</v>
      </c>
      <c r="B2310">
        <v>193.15</v>
      </c>
      <c r="C2310">
        <v>9527.25</v>
      </c>
      <c r="D2310">
        <v>3.4</v>
      </c>
      <c r="E2310">
        <v>10978.8</v>
      </c>
      <c r="F2310">
        <v>13.750999999999999</v>
      </c>
    </row>
    <row r="2311" spans="1:6" x14ac:dyDescent="0.25">
      <c r="A2311">
        <v>138.63</v>
      </c>
      <c r="B2311">
        <v>193.15</v>
      </c>
      <c r="C2311">
        <v>9527.25</v>
      </c>
      <c r="D2311">
        <v>3.7</v>
      </c>
      <c r="E2311">
        <v>10862.3</v>
      </c>
      <c r="F2311">
        <v>13.750999999999999</v>
      </c>
    </row>
    <row r="2312" spans="1:6" x14ac:dyDescent="0.25">
      <c r="A2312">
        <v>138.63</v>
      </c>
      <c r="B2312">
        <v>193.15</v>
      </c>
      <c r="C2312">
        <v>9527.25</v>
      </c>
      <c r="D2312">
        <v>4</v>
      </c>
      <c r="E2312">
        <v>10759.7</v>
      </c>
      <c r="F2312">
        <v>13.747299999999999</v>
      </c>
    </row>
    <row r="2313" spans="1:6" x14ac:dyDescent="0.25">
      <c r="A2313">
        <v>138.63</v>
      </c>
      <c r="B2313">
        <v>193.15</v>
      </c>
      <c r="C2313">
        <v>11072.7</v>
      </c>
      <c r="D2313">
        <v>1</v>
      </c>
      <c r="E2313">
        <v>15014.6</v>
      </c>
      <c r="F2313">
        <v>13.580500000000001</v>
      </c>
    </row>
    <row r="2314" spans="1:6" x14ac:dyDescent="0.25">
      <c r="A2314">
        <v>138.63</v>
      </c>
      <c r="B2314">
        <v>193.15</v>
      </c>
      <c r="C2314">
        <v>11072.7</v>
      </c>
      <c r="D2314">
        <v>1.3</v>
      </c>
      <c r="E2314">
        <v>14157.2</v>
      </c>
      <c r="F2314">
        <v>12.9474</v>
      </c>
    </row>
    <row r="2315" spans="1:6" x14ac:dyDescent="0.25">
      <c r="A2315">
        <v>138.63</v>
      </c>
      <c r="B2315">
        <v>193.15</v>
      </c>
      <c r="C2315">
        <v>11072.7</v>
      </c>
      <c r="D2315">
        <v>1.6</v>
      </c>
      <c r="E2315">
        <v>13661.2</v>
      </c>
      <c r="F2315">
        <v>12.961</v>
      </c>
    </row>
    <row r="2316" spans="1:6" x14ac:dyDescent="0.25">
      <c r="A2316">
        <v>138.63</v>
      </c>
      <c r="B2316">
        <v>193.15</v>
      </c>
      <c r="C2316">
        <v>11072.7</v>
      </c>
      <c r="D2316">
        <v>1.9</v>
      </c>
      <c r="E2316">
        <v>13417.4</v>
      </c>
      <c r="F2316">
        <v>13.7072</v>
      </c>
    </row>
    <row r="2317" spans="1:6" x14ac:dyDescent="0.25">
      <c r="A2317">
        <v>138.63</v>
      </c>
      <c r="B2317">
        <v>193.15</v>
      </c>
      <c r="C2317">
        <v>11072.7</v>
      </c>
      <c r="D2317">
        <v>2.2000000000000002</v>
      </c>
      <c r="E2317">
        <v>13121.6</v>
      </c>
      <c r="F2317">
        <v>13.726000000000001</v>
      </c>
    </row>
    <row r="2318" spans="1:6" x14ac:dyDescent="0.25">
      <c r="A2318">
        <v>138.63</v>
      </c>
      <c r="B2318">
        <v>193.15</v>
      </c>
      <c r="C2318">
        <v>11072.7</v>
      </c>
      <c r="D2318">
        <v>2.5</v>
      </c>
      <c r="E2318">
        <v>13009.5</v>
      </c>
      <c r="F2318">
        <v>13.739100000000001</v>
      </c>
    </row>
    <row r="2319" spans="1:6" x14ac:dyDescent="0.25">
      <c r="A2319">
        <v>138.63</v>
      </c>
      <c r="B2319">
        <v>193.15</v>
      </c>
      <c r="C2319">
        <v>11072.7</v>
      </c>
      <c r="D2319">
        <v>2.8</v>
      </c>
      <c r="E2319">
        <v>12700.2</v>
      </c>
      <c r="F2319">
        <v>13.7453</v>
      </c>
    </row>
    <row r="2320" spans="1:6" x14ac:dyDescent="0.25">
      <c r="A2320">
        <v>138.63</v>
      </c>
      <c r="B2320">
        <v>193.15</v>
      </c>
      <c r="C2320">
        <v>11072.7</v>
      </c>
      <c r="D2320">
        <v>3.1</v>
      </c>
      <c r="E2320">
        <v>12613</v>
      </c>
      <c r="F2320">
        <v>13.7502</v>
      </c>
    </row>
    <row r="2321" spans="1:6" x14ac:dyDescent="0.25">
      <c r="A2321">
        <v>138.63</v>
      </c>
      <c r="B2321">
        <v>193.15</v>
      </c>
      <c r="C2321">
        <v>11072.7</v>
      </c>
      <c r="D2321">
        <v>3.4</v>
      </c>
      <c r="E2321">
        <v>12585</v>
      </c>
      <c r="F2321">
        <v>13.750999999999999</v>
      </c>
    </row>
    <row r="2322" spans="1:6" x14ac:dyDescent="0.25">
      <c r="A2322">
        <v>138.63</v>
      </c>
      <c r="B2322">
        <v>193.15</v>
      </c>
      <c r="C2322">
        <v>11072.7</v>
      </c>
      <c r="D2322">
        <v>3.7</v>
      </c>
      <c r="E2322">
        <v>12395.4</v>
      </c>
      <c r="F2322">
        <v>13.750999999999999</v>
      </c>
    </row>
    <row r="2323" spans="1:6" x14ac:dyDescent="0.25">
      <c r="A2323">
        <v>138.63</v>
      </c>
      <c r="B2323">
        <v>193.15</v>
      </c>
      <c r="C2323">
        <v>11072.7</v>
      </c>
      <c r="D2323">
        <v>4</v>
      </c>
      <c r="E2323">
        <v>12453</v>
      </c>
      <c r="F2323">
        <v>13.747299999999999</v>
      </c>
    </row>
    <row r="2324" spans="1:6" x14ac:dyDescent="0.25">
      <c r="A2324">
        <v>138.63</v>
      </c>
      <c r="B2324">
        <v>193.15</v>
      </c>
      <c r="C2324">
        <v>12618.2</v>
      </c>
      <c r="D2324">
        <v>1</v>
      </c>
      <c r="E2324">
        <v>16610</v>
      </c>
      <c r="F2324">
        <v>13.580500000000001</v>
      </c>
    </row>
    <row r="2325" spans="1:6" x14ac:dyDescent="0.25">
      <c r="A2325">
        <v>138.63</v>
      </c>
      <c r="B2325">
        <v>193.15</v>
      </c>
      <c r="C2325">
        <v>12618.2</v>
      </c>
      <c r="D2325">
        <v>1.3</v>
      </c>
      <c r="E2325">
        <v>15692.9</v>
      </c>
      <c r="F2325">
        <v>12.9474</v>
      </c>
    </row>
    <row r="2326" spans="1:6" x14ac:dyDescent="0.25">
      <c r="A2326">
        <v>138.63</v>
      </c>
      <c r="B2326">
        <v>193.15</v>
      </c>
      <c r="C2326">
        <v>12618.2</v>
      </c>
      <c r="D2326">
        <v>1.6</v>
      </c>
      <c r="E2326">
        <v>15318.7</v>
      </c>
      <c r="F2326">
        <v>12.961</v>
      </c>
    </row>
    <row r="2327" spans="1:6" x14ac:dyDescent="0.25">
      <c r="A2327">
        <v>138.63</v>
      </c>
      <c r="B2327">
        <v>193.15</v>
      </c>
      <c r="C2327">
        <v>12618.2</v>
      </c>
      <c r="D2327">
        <v>1.9</v>
      </c>
      <c r="E2327">
        <v>14796.2</v>
      </c>
      <c r="F2327">
        <v>13.7072</v>
      </c>
    </row>
    <row r="2328" spans="1:6" x14ac:dyDescent="0.25">
      <c r="A2328">
        <v>138.63</v>
      </c>
      <c r="B2328">
        <v>193.15</v>
      </c>
      <c r="C2328">
        <v>12618.2</v>
      </c>
      <c r="D2328">
        <v>2.2000000000000002</v>
      </c>
      <c r="E2328">
        <v>14564.8</v>
      </c>
      <c r="F2328">
        <v>13.726000000000001</v>
      </c>
    </row>
    <row r="2329" spans="1:6" x14ac:dyDescent="0.25">
      <c r="A2329">
        <v>138.63</v>
      </c>
      <c r="B2329">
        <v>193.15</v>
      </c>
      <c r="C2329">
        <v>12618.2</v>
      </c>
      <c r="D2329">
        <v>2.5</v>
      </c>
      <c r="E2329">
        <v>14353.7</v>
      </c>
      <c r="F2329">
        <v>13.739100000000001</v>
      </c>
    </row>
    <row r="2330" spans="1:6" x14ac:dyDescent="0.25">
      <c r="A2330">
        <v>138.63</v>
      </c>
      <c r="B2330">
        <v>193.15</v>
      </c>
      <c r="C2330">
        <v>12618.2</v>
      </c>
      <c r="D2330">
        <v>2.8</v>
      </c>
      <c r="E2330">
        <v>14345.3</v>
      </c>
      <c r="F2330">
        <v>13.7453</v>
      </c>
    </row>
    <row r="2331" spans="1:6" x14ac:dyDescent="0.25">
      <c r="A2331">
        <v>138.63</v>
      </c>
      <c r="B2331">
        <v>193.15</v>
      </c>
      <c r="C2331">
        <v>12618.2</v>
      </c>
      <c r="D2331">
        <v>3.1</v>
      </c>
      <c r="E2331">
        <v>14172</v>
      </c>
      <c r="F2331">
        <v>13.7502</v>
      </c>
    </row>
    <row r="2332" spans="1:6" x14ac:dyDescent="0.25">
      <c r="A2332">
        <v>138.63</v>
      </c>
      <c r="B2332">
        <v>193.15</v>
      </c>
      <c r="C2332">
        <v>12618.2</v>
      </c>
      <c r="D2332">
        <v>3.4</v>
      </c>
      <c r="E2332">
        <v>14033.1</v>
      </c>
      <c r="F2332">
        <v>13.750999999999999</v>
      </c>
    </row>
    <row r="2333" spans="1:6" x14ac:dyDescent="0.25">
      <c r="A2333">
        <v>138.63</v>
      </c>
      <c r="B2333">
        <v>193.15</v>
      </c>
      <c r="C2333">
        <v>12618.2</v>
      </c>
      <c r="D2333">
        <v>3.7</v>
      </c>
      <c r="E2333">
        <v>14080.5</v>
      </c>
      <c r="F2333">
        <v>13.750999999999999</v>
      </c>
    </row>
    <row r="2334" spans="1:6" x14ac:dyDescent="0.25">
      <c r="A2334">
        <v>138.63</v>
      </c>
      <c r="B2334">
        <v>193.15</v>
      </c>
      <c r="C2334">
        <v>12618.2</v>
      </c>
      <c r="D2334">
        <v>4</v>
      </c>
      <c r="E2334">
        <v>13990.8</v>
      </c>
      <c r="F2334">
        <v>13.747299999999999</v>
      </c>
    </row>
    <row r="2335" spans="1:6" x14ac:dyDescent="0.25">
      <c r="A2335">
        <v>138.63</v>
      </c>
      <c r="B2335">
        <v>193.15</v>
      </c>
      <c r="C2335">
        <v>14163.6</v>
      </c>
      <c r="D2335">
        <v>1</v>
      </c>
      <c r="E2335">
        <v>18126.7</v>
      </c>
      <c r="F2335">
        <v>13.580500000000001</v>
      </c>
    </row>
    <row r="2336" spans="1:6" x14ac:dyDescent="0.25">
      <c r="A2336">
        <v>138.63</v>
      </c>
      <c r="B2336">
        <v>193.15</v>
      </c>
      <c r="C2336">
        <v>14163.6</v>
      </c>
      <c r="D2336">
        <v>1.3</v>
      </c>
      <c r="E2336">
        <v>17199.8</v>
      </c>
      <c r="F2336">
        <v>12.9474</v>
      </c>
    </row>
    <row r="2337" spans="1:6" x14ac:dyDescent="0.25">
      <c r="A2337">
        <v>138.63</v>
      </c>
      <c r="B2337">
        <v>193.15</v>
      </c>
      <c r="C2337">
        <v>14163.6</v>
      </c>
      <c r="D2337">
        <v>1.6</v>
      </c>
      <c r="E2337">
        <v>16864.599999999999</v>
      </c>
      <c r="F2337">
        <v>12.961</v>
      </c>
    </row>
    <row r="2338" spans="1:6" x14ac:dyDescent="0.25">
      <c r="A2338">
        <v>138.63</v>
      </c>
      <c r="B2338">
        <v>193.15</v>
      </c>
      <c r="C2338">
        <v>14163.6</v>
      </c>
      <c r="D2338">
        <v>1.9</v>
      </c>
      <c r="E2338">
        <v>16438.2</v>
      </c>
      <c r="F2338">
        <v>13.7072</v>
      </c>
    </row>
    <row r="2339" spans="1:6" x14ac:dyDescent="0.25">
      <c r="A2339">
        <v>138.63</v>
      </c>
      <c r="B2339">
        <v>193.15</v>
      </c>
      <c r="C2339">
        <v>14163.6</v>
      </c>
      <c r="D2339">
        <v>2.2000000000000002</v>
      </c>
      <c r="E2339">
        <v>16192.2</v>
      </c>
      <c r="F2339">
        <v>13.726000000000001</v>
      </c>
    </row>
    <row r="2340" spans="1:6" x14ac:dyDescent="0.25">
      <c r="A2340">
        <v>138.63</v>
      </c>
      <c r="B2340">
        <v>193.15</v>
      </c>
      <c r="C2340">
        <v>14163.6</v>
      </c>
      <c r="D2340">
        <v>2.5</v>
      </c>
      <c r="E2340">
        <v>15984.6</v>
      </c>
      <c r="F2340">
        <v>13.739100000000001</v>
      </c>
    </row>
    <row r="2341" spans="1:6" x14ac:dyDescent="0.25">
      <c r="A2341">
        <v>138.63</v>
      </c>
      <c r="B2341">
        <v>193.15</v>
      </c>
      <c r="C2341">
        <v>14163.6</v>
      </c>
      <c r="D2341">
        <v>2.8</v>
      </c>
      <c r="E2341">
        <v>15783.3</v>
      </c>
      <c r="F2341">
        <v>13.7453</v>
      </c>
    </row>
    <row r="2342" spans="1:6" x14ac:dyDescent="0.25">
      <c r="A2342">
        <v>138.63</v>
      </c>
      <c r="B2342">
        <v>193.15</v>
      </c>
      <c r="C2342">
        <v>14163.6</v>
      </c>
      <c r="D2342">
        <v>3.1</v>
      </c>
      <c r="E2342">
        <v>15683.9</v>
      </c>
      <c r="F2342">
        <v>13.7502</v>
      </c>
    </row>
    <row r="2343" spans="1:6" x14ac:dyDescent="0.25">
      <c r="A2343">
        <v>138.63</v>
      </c>
      <c r="B2343">
        <v>193.15</v>
      </c>
      <c r="C2343">
        <v>14163.6</v>
      </c>
      <c r="D2343">
        <v>3.4</v>
      </c>
      <c r="E2343">
        <v>15678.8</v>
      </c>
      <c r="F2343">
        <v>13.750999999999999</v>
      </c>
    </row>
    <row r="2344" spans="1:6" x14ac:dyDescent="0.25">
      <c r="A2344">
        <v>138.63</v>
      </c>
      <c r="B2344">
        <v>193.15</v>
      </c>
      <c r="C2344">
        <v>14163.6</v>
      </c>
      <c r="D2344">
        <v>3.7</v>
      </c>
      <c r="E2344">
        <v>15628.7</v>
      </c>
      <c r="F2344">
        <v>13.750999999999999</v>
      </c>
    </row>
    <row r="2345" spans="1:6" x14ac:dyDescent="0.25">
      <c r="A2345">
        <v>138.63</v>
      </c>
      <c r="B2345">
        <v>193.15</v>
      </c>
      <c r="C2345">
        <v>14163.6</v>
      </c>
      <c r="D2345">
        <v>4</v>
      </c>
      <c r="E2345">
        <v>15458.1</v>
      </c>
      <c r="F2345">
        <v>13.747299999999999</v>
      </c>
    </row>
    <row r="2346" spans="1:6" x14ac:dyDescent="0.25">
      <c r="A2346">
        <v>138.63</v>
      </c>
      <c r="B2346">
        <v>193.15</v>
      </c>
      <c r="C2346">
        <v>15709.1</v>
      </c>
      <c r="D2346">
        <v>1</v>
      </c>
      <c r="E2346">
        <v>19412.8</v>
      </c>
      <c r="F2346">
        <v>13.580500000000001</v>
      </c>
    </row>
    <row r="2347" spans="1:6" x14ac:dyDescent="0.25">
      <c r="A2347">
        <v>138.63</v>
      </c>
      <c r="B2347">
        <v>193.15</v>
      </c>
      <c r="C2347">
        <v>15709.1</v>
      </c>
      <c r="D2347">
        <v>1.3</v>
      </c>
      <c r="E2347">
        <v>18773.400000000001</v>
      </c>
      <c r="F2347">
        <v>12.9474</v>
      </c>
    </row>
    <row r="2348" spans="1:6" x14ac:dyDescent="0.25">
      <c r="A2348">
        <v>138.63</v>
      </c>
      <c r="B2348">
        <v>193.15</v>
      </c>
      <c r="C2348">
        <v>15709.1</v>
      </c>
      <c r="D2348">
        <v>1.6</v>
      </c>
      <c r="E2348">
        <v>18293.400000000001</v>
      </c>
      <c r="F2348">
        <v>12.961</v>
      </c>
    </row>
    <row r="2349" spans="1:6" x14ac:dyDescent="0.25">
      <c r="A2349">
        <v>138.63</v>
      </c>
      <c r="B2349">
        <v>193.15</v>
      </c>
      <c r="C2349">
        <v>15709.1</v>
      </c>
      <c r="D2349">
        <v>1.9</v>
      </c>
      <c r="E2349">
        <v>17968.900000000001</v>
      </c>
      <c r="F2349">
        <v>13.7072</v>
      </c>
    </row>
    <row r="2350" spans="1:6" x14ac:dyDescent="0.25">
      <c r="A2350">
        <v>138.63</v>
      </c>
      <c r="B2350">
        <v>193.15</v>
      </c>
      <c r="C2350">
        <v>15709.1</v>
      </c>
      <c r="D2350">
        <v>2.2000000000000002</v>
      </c>
      <c r="E2350">
        <v>17662.099999999999</v>
      </c>
      <c r="F2350">
        <v>13.726000000000001</v>
      </c>
    </row>
    <row r="2351" spans="1:6" x14ac:dyDescent="0.25">
      <c r="A2351">
        <v>138.63</v>
      </c>
      <c r="B2351">
        <v>193.15</v>
      </c>
      <c r="C2351">
        <v>15709.1</v>
      </c>
      <c r="D2351">
        <v>2.5</v>
      </c>
      <c r="E2351">
        <v>17610.8</v>
      </c>
      <c r="F2351">
        <v>13.739100000000001</v>
      </c>
    </row>
    <row r="2352" spans="1:6" x14ac:dyDescent="0.25">
      <c r="A2352">
        <v>138.63</v>
      </c>
      <c r="B2352">
        <v>193.15</v>
      </c>
      <c r="C2352">
        <v>15709.1</v>
      </c>
      <c r="D2352">
        <v>2.8</v>
      </c>
      <c r="E2352">
        <v>17360.3</v>
      </c>
      <c r="F2352">
        <v>13.7453</v>
      </c>
    </row>
    <row r="2353" spans="1:6" x14ac:dyDescent="0.25">
      <c r="A2353">
        <v>138.63</v>
      </c>
      <c r="B2353">
        <v>193.15</v>
      </c>
      <c r="C2353">
        <v>15709.1</v>
      </c>
      <c r="D2353">
        <v>3.1</v>
      </c>
      <c r="E2353">
        <v>17196.7</v>
      </c>
      <c r="F2353">
        <v>13.7502</v>
      </c>
    </row>
    <row r="2354" spans="1:6" x14ac:dyDescent="0.25">
      <c r="A2354">
        <v>138.63</v>
      </c>
      <c r="B2354">
        <v>193.15</v>
      </c>
      <c r="C2354">
        <v>15709.1</v>
      </c>
      <c r="D2354">
        <v>3.4</v>
      </c>
      <c r="E2354">
        <v>17284.2</v>
      </c>
      <c r="F2354">
        <v>13.750999999999999</v>
      </c>
    </row>
    <row r="2355" spans="1:6" x14ac:dyDescent="0.25">
      <c r="A2355">
        <v>138.63</v>
      </c>
      <c r="B2355">
        <v>193.15</v>
      </c>
      <c r="C2355">
        <v>15709.1</v>
      </c>
      <c r="D2355">
        <v>3.7</v>
      </c>
      <c r="E2355">
        <v>17103.900000000001</v>
      </c>
      <c r="F2355">
        <v>13.750999999999999</v>
      </c>
    </row>
    <row r="2356" spans="1:6" x14ac:dyDescent="0.25">
      <c r="A2356">
        <v>138.63</v>
      </c>
      <c r="B2356">
        <v>193.15</v>
      </c>
      <c r="C2356">
        <v>15709.1</v>
      </c>
      <c r="D2356">
        <v>4</v>
      </c>
      <c r="E2356">
        <v>17088.099999999999</v>
      </c>
      <c r="F2356">
        <v>13.747299999999999</v>
      </c>
    </row>
    <row r="2357" spans="1:6" x14ac:dyDescent="0.25">
      <c r="A2357">
        <v>138.63</v>
      </c>
      <c r="B2357">
        <v>193.15</v>
      </c>
      <c r="C2357">
        <v>17254.5</v>
      </c>
      <c r="D2357">
        <v>1</v>
      </c>
      <c r="E2357">
        <v>21131</v>
      </c>
      <c r="F2357">
        <v>13.580500000000001</v>
      </c>
    </row>
    <row r="2358" spans="1:6" x14ac:dyDescent="0.25">
      <c r="A2358">
        <v>138.63</v>
      </c>
      <c r="B2358">
        <v>193.15</v>
      </c>
      <c r="C2358">
        <v>17254.5</v>
      </c>
      <c r="D2358">
        <v>1.3</v>
      </c>
      <c r="E2358">
        <v>20433</v>
      </c>
      <c r="F2358">
        <v>12.9474</v>
      </c>
    </row>
    <row r="2359" spans="1:6" x14ac:dyDescent="0.25">
      <c r="A2359">
        <v>138.63</v>
      </c>
      <c r="B2359">
        <v>193.15</v>
      </c>
      <c r="C2359">
        <v>17254.5</v>
      </c>
      <c r="D2359">
        <v>1.6</v>
      </c>
      <c r="E2359">
        <v>19825</v>
      </c>
      <c r="F2359">
        <v>12.961</v>
      </c>
    </row>
    <row r="2360" spans="1:6" x14ac:dyDescent="0.25">
      <c r="A2360">
        <v>138.63</v>
      </c>
      <c r="B2360">
        <v>193.15</v>
      </c>
      <c r="C2360">
        <v>17254.5</v>
      </c>
      <c r="D2360">
        <v>1.9</v>
      </c>
      <c r="E2360">
        <v>19577.900000000001</v>
      </c>
      <c r="F2360">
        <v>13.7072</v>
      </c>
    </row>
    <row r="2361" spans="1:6" x14ac:dyDescent="0.25">
      <c r="A2361">
        <v>138.63</v>
      </c>
      <c r="B2361">
        <v>193.15</v>
      </c>
      <c r="C2361">
        <v>17254.5</v>
      </c>
      <c r="D2361">
        <v>2.2000000000000002</v>
      </c>
      <c r="E2361">
        <v>19339.900000000001</v>
      </c>
      <c r="F2361">
        <v>13.726000000000001</v>
      </c>
    </row>
    <row r="2362" spans="1:6" x14ac:dyDescent="0.25">
      <c r="A2362">
        <v>138.63</v>
      </c>
      <c r="B2362">
        <v>193.15</v>
      </c>
      <c r="C2362">
        <v>17254.5</v>
      </c>
      <c r="D2362">
        <v>2.5</v>
      </c>
      <c r="E2362">
        <v>19064.2</v>
      </c>
      <c r="F2362">
        <v>13.739100000000001</v>
      </c>
    </row>
    <row r="2363" spans="1:6" x14ac:dyDescent="0.25">
      <c r="A2363">
        <v>138.63</v>
      </c>
      <c r="B2363">
        <v>193.15</v>
      </c>
      <c r="C2363">
        <v>17254.5</v>
      </c>
      <c r="D2363">
        <v>2.8</v>
      </c>
      <c r="E2363">
        <v>18887.099999999999</v>
      </c>
      <c r="F2363">
        <v>13.7453</v>
      </c>
    </row>
    <row r="2364" spans="1:6" x14ac:dyDescent="0.25">
      <c r="A2364">
        <v>138.63</v>
      </c>
      <c r="B2364">
        <v>193.15</v>
      </c>
      <c r="C2364">
        <v>17254.5</v>
      </c>
      <c r="D2364">
        <v>3.1</v>
      </c>
      <c r="E2364">
        <v>18771.400000000001</v>
      </c>
      <c r="F2364">
        <v>13.7502</v>
      </c>
    </row>
    <row r="2365" spans="1:6" x14ac:dyDescent="0.25">
      <c r="A2365">
        <v>138.63</v>
      </c>
      <c r="B2365">
        <v>193.15</v>
      </c>
      <c r="C2365">
        <v>17254.5</v>
      </c>
      <c r="D2365">
        <v>3.4</v>
      </c>
      <c r="E2365">
        <v>18801.5</v>
      </c>
      <c r="F2365">
        <v>13.750999999999999</v>
      </c>
    </row>
    <row r="2366" spans="1:6" x14ac:dyDescent="0.25">
      <c r="A2366">
        <v>138.63</v>
      </c>
      <c r="B2366">
        <v>193.15</v>
      </c>
      <c r="C2366">
        <v>17254.5</v>
      </c>
      <c r="D2366">
        <v>3.7</v>
      </c>
      <c r="E2366">
        <v>18653.5</v>
      </c>
      <c r="F2366">
        <v>13.750999999999999</v>
      </c>
    </row>
    <row r="2367" spans="1:6" x14ac:dyDescent="0.25">
      <c r="A2367">
        <v>138.63</v>
      </c>
      <c r="B2367">
        <v>193.15</v>
      </c>
      <c r="C2367">
        <v>17254.5</v>
      </c>
      <c r="D2367">
        <v>4</v>
      </c>
      <c r="E2367">
        <v>18640.400000000001</v>
      </c>
      <c r="F2367">
        <v>13.747299999999999</v>
      </c>
    </row>
    <row r="2368" spans="1:6" x14ac:dyDescent="0.25">
      <c r="A2368">
        <v>138.63</v>
      </c>
      <c r="B2368">
        <v>193.15</v>
      </c>
      <c r="C2368">
        <v>18800</v>
      </c>
      <c r="D2368">
        <v>1</v>
      </c>
      <c r="E2368">
        <v>22749.9</v>
      </c>
      <c r="F2368">
        <v>13.580500000000001</v>
      </c>
    </row>
    <row r="2369" spans="1:6" x14ac:dyDescent="0.25">
      <c r="A2369">
        <v>138.63</v>
      </c>
      <c r="B2369">
        <v>193.15</v>
      </c>
      <c r="C2369">
        <v>18800</v>
      </c>
      <c r="D2369">
        <v>1.3</v>
      </c>
      <c r="E2369">
        <v>21995.8</v>
      </c>
      <c r="F2369">
        <v>12.9474</v>
      </c>
    </row>
    <row r="2370" spans="1:6" x14ac:dyDescent="0.25">
      <c r="A2370">
        <v>138.63</v>
      </c>
      <c r="B2370">
        <v>193.15</v>
      </c>
      <c r="C2370">
        <v>18800</v>
      </c>
      <c r="D2370">
        <v>1.6</v>
      </c>
      <c r="E2370">
        <v>21355.3</v>
      </c>
      <c r="F2370">
        <v>12.961</v>
      </c>
    </row>
    <row r="2371" spans="1:6" x14ac:dyDescent="0.25">
      <c r="A2371">
        <v>138.63</v>
      </c>
      <c r="B2371">
        <v>193.15</v>
      </c>
      <c r="C2371">
        <v>18800</v>
      </c>
      <c r="D2371">
        <v>1.9</v>
      </c>
      <c r="E2371">
        <v>21078.5</v>
      </c>
      <c r="F2371">
        <v>13.7072</v>
      </c>
    </row>
    <row r="2372" spans="1:6" x14ac:dyDescent="0.25">
      <c r="A2372">
        <v>138.63</v>
      </c>
      <c r="B2372">
        <v>193.15</v>
      </c>
      <c r="C2372">
        <v>18800</v>
      </c>
      <c r="D2372">
        <v>2.2000000000000002</v>
      </c>
      <c r="E2372">
        <v>20845.2</v>
      </c>
      <c r="F2372">
        <v>13.726000000000001</v>
      </c>
    </row>
    <row r="2373" spans="1:6" x14ac:dyDescent="0.25">
      <c r="A2373">
        <v>138.63</v>
      </c>
      <c r="B2373">
        <v>193.15</v>
      </c>
      <c r="C2373">
        <v>18800</v>
      </c>
      <c r="D2373">
        <v>2.5</v>
      </c>
      <c r="E2373">
        <v>20592.8</v>
      </c>
      <c r="F2373">
        <v>13.739100000000001</v>
      </c>
    </row>
    <row r="2374" spans="1:6" x14ac:dyDescent="0.25">
      <c r="A2374">
        <v>138.63</v>
      </c>
      <c r="B2374">
        <v>193.15</v>
      </c>
      <c r="C2374">
        <v>18800</v>
      </c>
      <c r="D2374">
        <v>2.8</v>
      </c>
      <c r="E2374">
        <v>20436.900000000001</v>
      </c>
      <c r="F2374">
        <v>13.7453</v>
      </c>
    </row>
    <row r="2375" spans="1:6" x14ac:dyDescent="0.25">
      <c r="A2375">
        <v>138.63</v>
      </c>
      <c r="B2375">
        <v>193.15</v>
      </c>
      <c r="C2375">
        <v>18800</v>
      </c>
      <c r="D2375">
        <v>3.1</v>
      </c>
      <c r="E2375">
        <v>20334.099999999999</v>
      </c>
      <c r="F2375">
        <v>13.7502</v>
      </c>
    </row>
    <row r="2376" spans="1:6" x14ac:dyDescent="0.25">
      <c r="A2376">
        <v>138.63</v>
      </c>
      <c r="B2376">
        <v>193.15</v>
      </c>
      <c r="C2376">
        <v>18800</v>
      </c>
      <c r="D2376">
        <v>3.4</v>
      </c>
      <c r="E2376">
        <v>20284.099999999999</v>
      </c>
      <c r="F2376">
        <v>13.750999999999999</v>
      </c>
    </row>
    <row r="2377" spans="1:6" x14ac:dyDescent="0.25">
      <c r="A2377">
        <v>138.63</v>
      </c>
      <c r="B2377">
        <v>193.15</v>
      </c>
      <c r="C2377">
        <v>18800</v>
      </c>
      <c r="D2377">
        <v>3.7</v>
      </c>
      <c r="E2377">
        <v>20139.8</v>
      </c>
      <c r="F2377">
        <v>13.750999999999999</v>
      </c>
    </row>
    <row r="2378" spans="1:6" x14ac:dyDescent="0.25">
      <c r="A2378">
        <v>138.63</v>
      </c>
      <c r="B2378">
        <v>193.15</v>
      </c>
      <c r="C2378">
        <v>18800</v>
      </c>
      <c r="D2378">
        <v>4</v>
      </c>
      <c r="E2378">
        <v>20158.2</v>
      </c>
      <c r="F2378">
        <v>13.747299999999999</v>
      </c>
    </row>
    <row r="2379" spans="1:6" x14ac:dyDescent="0.25">
      <c r="A2379">
        <v>138.63</v>
      </c>
      <c r="B2379">
        <v>196.78</v>
      </c>
      <c r="C2379">
        <v>1800</v>
      </c>
      <c r="D2379">
        <v>1</v>
      </c>
      <c r="E2379">
        <v>5651.42</v>
      </c>
      <c r="F2379">
        <v>60.465899999999998</v>
      </c>
    </row>
    <row r="2380" spans="1:6" x14ac:dyDescent="0.25">
      <c r="A2380">
        <v>138.63</v>
      </c>
      <c r="B2380">
        <v>196.78</v>
      </c>
      <c r="C2380">
        <v>1800</v>
      </c>
      <c r="D2380">
        <v>1.3</v>
      </c>
      <c r="E2380">
        <v>5058.9399999999996</v>
      </c>
      <c r="F2380">
        <v>74.974500000000006</v>
      </c>
    </row>
    <row r="2381" spans="1:6" x14ac:dyDescent="0.25">
      <c r="A2381">
        <v>138.63</v>
      </c>
      <c r="B2381">
        <v>196.78</v>
      </c>
      <c r="C2381">
        <v>1800</v>
      </c>
      <c r="D2381">
        <v>1.6</v>
      </c>
      <c r="E2381">
        <v>4595.93</v>
      </c>
      <c r="F2381">
        <v>83.082999999999998</v>
      </c>
    </row>
    <row r="2382" spans="1:6" x14ac:dyDescent="0.25">
      <c r="A2382">
        <v>138.63</v>
      </c>
      <c r="B2382">
        <v>196.78</v>
      </c>
      <c r="C2382">
        <v>1800</v>
      </c>
      <c r="D2382">
        <v>1.9</v>
      </c>
      <c r="E2382">
        <v>4327.4799999999996</v>
      </c>
      <c r="F2382">
        <v>90.424800000000005</v>
      </c>
    </row>
    <row r="2383" spans="1:6" x14ac:dyDescent="0.25">
      <c r="A2383">
        <v>138.63</v>
      </c>
      <c r="B2383">
        <v>196.78</v>
      </c>
      <c r="C2383">
        <v>1800</v>
      </c>
      <c r="D2383">
        <v>2.2000000000000002</v>
      </c>
      <c r="E2383">
        <v>4091.92</v>
      </c>
      <c r="F2383">
        <v>94.442499999999995</v>
      </c>
    </row>
    <row r="2384" spans="1:6" x14ac:dyDescent="0.25">
      <c r="A2384">
        <v>138.63</v>
      </c>
      <c r="B2384">
        <v>196.78</v>
      </c>
      <c r="C2384">
        <v>1800</v>
      </c>
      <c r="D2384">
        <v>2.5</v>
      </c>
      <c r="E2384">
        <v>3892.54</v>
      </c>
      <c r="F2384">
        <v>100.756</v>
      </c>
    </row>
    <row r="2385" spans="1:6" x14ac:dyDescent="0.25">
      <c r="A2385">
        <v>138.63</v>
      </c>
      <c r="B2385">
        <v>196.78</v>
      </c>
      <c r="C2385">
        <v>1800</v>
      </c>
      <c r="D2385">
        <v>2.8</v>
      </c>
      <c r="E2385">
        <v>3756.73</v>
      </c>
      <c r="F2385">
        <v>103.447</v>
      </c>
    </row>
    <row r="2386" spans="1:6" x14ac:dyDescent="0.25">
      <c r="A2386">
        <v>138.63</v>
      </c>
      <c r="B2386">
        <v>196.78</v>
      </c>
      <c r="C2386">
        <v>1800</v>
      </c>
      <c r="D2386">
        <v>3.1</v>
      </c>
      <c r="E2386">
        <v>3652.33</v>
      </c>
      <c r="F2386">
        <v>108.17700000000001</v>
      </c>
    </row>
    <row r="2387" spans="1:6" x14ac:dyDescent="0.25">
      <c r="A2387">
        <v>138.63</v>
      </c>
      <c r="B2387">
        <v>196.78</v>
      </c>
      <c r="C2387">
        <v>1800</v>
      </c>
      <c r="D2387">
        <v>3.4</v>
      </c>
      <c r="E2387">
        <v>3565.46</v>
      </c>
      <c r="F2387">
        <v>111.688</v>
      </c>
    </row>
    <row r="2388" spans="1:6" x14ac:dyDescent="0.25">
      <c r="A2388">
        <v>138.63</v>
      </c>
      <c r="B2388">
        <v>196.78</v>
      </c>
      <c r="C2388">
        <v>1800</v>
      </c>
      <c r="D2388">
        <v>3.7</v>
      </c>
      <c r="E2388">
        <v>3508.62</v>
      </c>
      <c r="F2388">
        <v>114.989</v>
      </c>
    </row>
    <row r="2389" spans="1:6" x14ac:dyDescent="0.25">
      <c r="A2389">
        <v>138.63</v>
      </c>
      <c r="B2389">
        <v>196.78</v>
      </c>
      <c r="C2389">
        <v>1800</v>
      </c>
      <c r="D2389">
        <v>4</v>
      </c>
      <c r="E2389">
        <v>3445.39</v>
      </c>
      <c r="F2389">
        <v>119.19199999999999</v>
      </c>
    </row>
    <row r="2390" spans="1:6" x14ac:dyDescent="0.25">
      <c r="A2390">
        <v>138.63</v>
      </c>
      <c r="B2390">
        <v>196.78</v>
      </c>
      <c r="C2390">
        <v>3345.45</v>
      </c>
      <c r="D2390">
        <v>1</v>
      </c>
      <c r="E2390">
        <v>7002.39</v>
      </c>
      <c r="F2390">
        <v>32.992199999999997</v>
      </c>
    </row>
    <row r="2391" spans="1:6" x14ac:dyDescent="0.25">
      <c r="A2391">
        <v>138.63</v>
      </c>
      <c r="B2391">
        <v>196.78</v>
      </c>
      <c r="C2391">
        <v>3345.45</v>
      </c>
      <c r="D2391">
        <v>1.3</v>
      </c>
      <c r="E2391">
        <v>6379.41</v>
      </c>
      <c r="F2391">
        <v>42.511099999999999</v>
      </c>
    </row>
    <row r="2392" spans="1:6" x14ac:dyDescent="0.25">
      <c r="A2392">
        <v>138.63</v>
      </c>
      <c r="B2392">
        <v>196.78</v>
      </c>
      <c r="C2392">
        <v>3345.45</v>
      </c>
      <c r="D2392">
        <v>1.6</v>
      </c>
      <c r="E2392">
        <v>5976.22</v>
      </c>
      <c r="F2392">
        <v>47.669600000000003</v>
      </c>
    </row>
    <row r="2393" spans="1:6" x14ac:dyDescent="0.25">
      <c r="A2393">
        <v>138.63</v>
      </c>
      <c r="B2393">
        <v>196.78</v>
      </c>
      <c r="C2393">
        <v>3345.45</v>
      </c>
      <c r="D2393">
        <v>1.9</v>
      </c>
      <c r="E2393">
        <v>5733.43</v>
      </c>
      <c r="F2393">
        <v>55.031399999999998</v>
      </c>
    </row>
    <row r="2394" spans="1:6" x14ac:dyDescent="0.25">
      <c r="A2394">
        <v>138.63</v>
      </c>
      <c r="B2394">
        <v>196.78</v>
      </c>
      <c r="C2394">
        <v>3345.45</v>
      </c>
      <c r="D2394">
        <v>2.2000000000000002</v>
      </c>
      <c r="E2394">
        <v>5518.61</v>
      </c>
      <c r="F2394">
        <v>61.273099999999999</v>
      </c>
    </row>
    <row r="2395" spans="1:6" x14ac:dyDescent="0.25">
      <c r="A2395">
        <v>138.63</v>
      </c>
      <c r="B2395">
        <v>196.78</v>
      </c>
      <c r="C2395">
        <v>3345.45</v>
      </c>
      <c r="D2395">
        <v>2.5</v>
      </c>
      <c r="E2395">
        <v>5319.11</v>
      </c>
      <c r="F2395">
        <v>65.835800000000006</v>
      </c>
    </row>
    <row r="2396" spans="1:6" x14ac:dyDescent="0.25">
      <c r="A2396">
        <v>138.63</v>
      </c>
      <c r="B2396">
        <v>196.78</v>
      </c>
      <c r="C2396">
        <v>3345.45</v>
      </c>
      <c r="D2396">
        <v>2.8</v>
      </c>
      <c r="E2396">
        <v>5193.49</v>
      </c>
      <c r="F2396">
        <v>68.138599999999997</v>
      </c>
    </row>
    <row r="2397" spans="1:6" x14ac:dyDescent="0.25">
      <c r="A2397">
        <v>138.63</v>
      </c>
      <c r="B2397">
        <v>196.78</v>
      </c>
      <c r="C2397">
        <v>3345.45</v>
      </c>
      <c r="D2397">
        <v>3.1</v>
      </c>
      <c r="E2397">
        <v>5093.18</v>
      </c>
      <c r="F2397">
        <v>74.387600000000006</v>
      </c>
    </row>
    <row r="2398" spans="1:6" x14ac:dyDescent="0.25">
      <c r="A2398">
        <v>138.63</v>
      </c>
      <c r="B2398">
        <v>196.78</v>
      </c>
      <c r="C2398">
        <v>3345.45</v>
      </c>
      <c r="D2398">
        <v>3.4</v>
      </c>
      <c r="E2398">
        <v>4975.6400000000003</v>
      </c>
      <c r="F2398">
        <v>80.992699999999999</v>
      </c>
    </row>
    <row r="2399" spans="1:6" x14ac:dyDescent="0.25">
      <c r="A2399">
        <v>138.63</v>
      </c>
      <c r="B2399">
        <v>196.78</v>
      </c>
      <c r="C2399">
        <v>3345.45</v>
      </c>
      <c r="D2399">
        <v>3.7</v>
      </c>
      <c r="E2399">
        <v>4901.0600000000004</v>
      </c>
      <c r="F2399">
        <v>84.135099999999994</v>
      </c>
    </row>
    <row r="2400" spans="1:6" x14ac:dyDescent="0.25">
      <c r="A2400">
        <v>138.63</v>
      </c>
      <c r="B2400">
        <v>196.78</v>
      </c>
      <c r="C2400">
        <v>3345.45</v>
      </c>
      <c r="D2400">
        <v>4</v>
      </c>
      <c r="E2400">
        <v>4858.6499999999996</v>
      </c>
      <c r="F2400">
        <v>87.959599999999995</v>
      </c>
    </row>
    <row r="2401" spans="1:6" x14ac:dyDescent="0.25">
      <c r="A2401">
        <v>138.63</v>
      </c>
      <c r="B2401">
        <v>196.78</v>
      </c>
      <c r="C2401">
        <v>4890.8999999999996</v>
      </c>
      <c r="D2401">
        <v>1</v>
      </c>
      <c r="E2401">
        <v>8214.94</v>
      </c>
      <c r="F2401">
        <v>15.187900000000001</v>
      </c>
    </row>
    <row r="2402" spans="1:6" x14ac:dyDescent="0.25">
      <c r="A2402">
        <v>138.63</v>
      </c>
      <c r="B2402">
        <v>196.78</v>
      </c>
      <c r="C2402">
        <v>4890.8999999999996</v>
      </c>
      <c r="D2402">
        <v>1.3</v>
      </c>
      <c r="E2402">
        <v>7883.41</v>
      </c>
      <c r="F2402">
        <v>17.122499999999999</v>
      </c>
    </row>
    <row r="2403" spans="1:6" x14ac:dyDescent="0.25">
      <c r="A2403">
        <v>138.63</v>
      </c>
      <c r="B2403">
        <v>196.78</v>
      </c>
      <c r="C2403">
        <v>4890.8999999999996</v>
      </c>
      <c r="D2403">
        <v>1.6</v>
      </c>
      <c r="E2403">
        <v>7480.13</v>
      </c>
      <c r="F2403">
        <v>19.802199999999999</v>
      </c>
    </row>
    <row r="2404" spans="1:6" x14ac:dyDescent="0.25">
      <c r="A2404">
        <v>138.63</v>
      </c>
      <c r="B2404">
        <v>196.78</v>
      </c>
      <c r="C2404">
        <v>4890.8999999999996</v>
      </c>
      <c r="D2404">
        <v>1.9</v>
      </c>
      <c r="E2404">
        <v>7124.6</v>
      </c>
      <c r="F2404">
        <v>22.1754</v>
      </c>
    </row>
    <row r="2405" spans="1:6" x14ac:dyDescent="0.25">
      <c r="A2405">
        <v>138.63</v>
      </c>
      <c r="B2405">
        <v>196.78</v>
      </c>
      <c r="C2405">
        <v>4890.8999999999996</v>
      </c>
      <c r="D2405">
        <v>2.2000000000000002</v>
      </c>
      <c r="E2405">
        <v>6902.58</v>
      </c>
      <c r="F2405">
        <v>24.191099999999999</v>
      </c>
    </row>
    <row r="2406" spans="1:6" x14ac:dyDescent="0.25">
      <c r="A2406">
        <v>138.63</v>
      </c>
      <c r="B2406">
        <v>196.78</v>
      </c>
      <c r="C2406">
        <v>4890.8999999999996</v>
      </c>
      <c r="D2406">
        <v>2.5</v>
      </c>
      <c r="E2406">
        <v>6804.21</v>
      </c>
      <c r="F2406">
        <v>26.909400000000002</v>
      </c>
    </row>
    <row r="2407" spans="1:6" x14ac:dyDescent="0.25">
      <c r="A2407">
        <v>138.63</v>
      </c>
      <c r="B2407">
        <v>196.78</v>
      </c>
      <c r="C2407">
        <v>4890.8999999999996</v>
      </c>
      <c r="D2407">
        <v>2.8</v>
      </c>
      <c r="E2407">
        <v>6710.38</v>
      </c>
      <c r="F2407">
        <v>29.824100000000001</v>
      </c>
    </row>
    <row r="2408" spans="1:6" x14ac:dyDescent="0.25">
      <c r="A2408">
        <v>138.63</v>
      </c>
      <c r="B2408">
        <v>196.78</v>
      </c>
      <c r="C2408">
        <v>4890.8999999999996</v>
      </c>
      <c r="D2408">
        <v>3.1</v>
      </c>
      <c r="E2408">
        <v>6519.58</v>
      </c>
      <c r="F2408">
        <v>35.580800000000004</v>
      </c>
    </row>
    <row r="2409" spans="1:6" x14ac:dyDescent="0.25">
      <c r="A2409">
        <v>138.63</v>
      </c>
      <c r="B2409">
        <v>196.78</v>
      </c>
      <c r="C2409">
        <v>4890.8999999999996</v>
      </c>
      <c r="D2409">
        <v>3.4</v>
      </c>
      <c r="E2409">
        <v>6499.61</v>
      </c>
      <c r="F2409">
        <v>39.638500000000001</v>
      </c>
    </row>
    <row r="2410" spans="1:6" x14ac:dyDescent="0.25">
      <c r="A2410">
        <v>138.63</v>
      </c>
      <c r="B2410">
        <v>196.78</v>
      </c>
      <c r="C2410">
        <v>4890.8999999999996</v>
      </c>
      <c r="D2410">
        <v>3.7</v>
      </c>
      <c r="E2410">
        <v>6353.16</v>
      </c>
      <c r="F2410">
        <v>41.906100000000002</v>
      </c>
    </row>
    <row r="2411" spans="1:6" x14ac:dyDescent="0.25">
      <c r="A2411">
        <v>138.63</v>
      </c>
      <c r="B2411">
        <v>196.78</v>
      </c>
      <c r="C2411">
        <v>4890.8999999999996</v>
      </c>
      <c r="D2411">
        <v>4</v>
      </c>
      <c r="E2411">
        <v>6315.74</v>
      </c>
      <c r="F2411">
        <v>45.929499999999997</v>
      </c>
    </row>
    <row r="2412" spans="1:6" x14ac:dyDescent="0.25">
      <c r="A2412">
        <v>138.63</v>
      </c>
      <c r="B2412">
        <v>196.78</v>
      </c>
      <c r="C2412">
        <v>6436.35</v>
      </c>
      <c r="D2412">
        <v>1</v>
      </c>
      <c r="E2412">
        <v>9941.81</v>
      </c>
      <c r="F2412">
        <v>11.4657</v>
      </c>
    </row>
    <row r="2413" spans="1:6" x14ac:dyDescent="0.25">
      <c r="A2413">
        <v>138.63</v>
      </c>
      <c r="B2413">
        <v>196.78</v>
      </c>
      <c r="C2413">
        <v>6436.35</v>
      </c>
      <c r="D2413">
        <v>1.3</v>
      </c>
      <c r="E2413">
        <v>9197.68</v>
      </c>
      <c r="F2413">
        <v>12.131600000000001</v>
      </c>
    </row>
    <row r="2414" spans="1:6" x14ac:dyDescent="0.25">
      <c r="A2414">
        <v>138.63</v>
      </c>
      <c r="B2414">
        <v>196.78</v>
      </c>
      <c r="C2414">
        <v>6436.35</v>
      </c>
      <c r="D2414">
        <v>1.6</v>
      </c>
      <c r="E2414">
        <v>8943.27</v>
      </c>
      <c r="F2414">
        <v>11.943899999999999</v>
      </c>
    </row>
    <row r="2415" spans="1:6" x14ac:dyDescent="0.25">
      <c r="A2415">
        <v>138.63</v>
      </c>
      <c r="B2415">
        <v>196.78</v>
      </c>
      <c r="C2415">
        <v>6436.35</v>
      </c>
      <c r="D2415">
        <v>1.9</v>
      </c>
      <c r="E2415">
        <v>8552.11</v>
      </c>
      <c r="F2415">
        <v>11.645799999999999</v>
      </c>
    </row>
    <row r="2416" spans="1:6" x14ac:dyDescent="0.25">
      <c r="A2416">
        <v>138.63</v>
      </c>
      <c r="B2416">
        <v>196.78</v>
      </c>
      <c r="C2416">
        <v>6436.35</v>
      </c>
      <c r="D2416">
        <v>2.2000000000000002</v>
      </c>
      <c r="E2416">
        <v>8314.89</v>
      </c>
      <c r="F2416">
        <v>11.2128</v>
      </c>
    </row>
    <row r="2417" spans="1:6" x14ac:dyDescent="0.25">
      <c r="A2417">
        <v>138.63</v>
      </c>
      <c r="B2417">
        <v>196.78</v>
      </c>
      <c r="C2417">
        <v>6436.35</v>
      </c>
      <c r="D2417">
        <v>2.5</v>
      </c>
      <c r="E2417">
        <v>8162.9</v>
      </c>
      <c r="F2417">
        <v>10.815099999999999</v>
      </c>
    </row>
    <row r="2418" spans="1:6" x14ac:dyDescent="0.25">
      <c r="A2418">
        <v>138.63</v>
      </c>
      <c r="B2418">
        <v>196.78</v>
      </c>
      <c r="C2418">
        <v>6436.35</v>
      </c>
      <c r="D2418">
        <v>2.8</v>
      </c>
      <c r="E2418">
        <v>8162.41</v>
      </c>
      <c r="F2418">
        <v>10.4466</v>
      </c>
    </row>
    <row r="2419" spans="1:6" x14ac:dyDescent="0.25">
      <c r="A2419">
        <v>138.63</v>
      </c>
      <c r="B2419">
        <v>196.78</v>
      </c>
      <c r="C2419">
        <v>6436.35</v>
      </c>
      <c r="D2419">
        <v>3.1</v>
      </c>
      <c r="E2419">
        <v>8079.32</v>
      </c>
      <c r="F2419">
        <v>11.3819</v>
      </c>
    </row>
    <row r="2420" spans="1:6" x14ac:dyDescent="0.25">
      <c r="A2420">
        <v>138.63</v>
      </c>
      <c r="B2420">
        <v>196.78</v>
      </c>
      <c r="C2420">
        <v>6436.35</v>
      </c>
      <c r="D2420">
        <v>3.4</v>
      </c>
      <c r="E2420">
        <v>7852.98</v>
      </c>
      <c r="F2420">
        <v>13.403</v>
      </c>
    </row>
    <row r="2421" spans="1:6" x14ac:dyDescent="0.25">
      <c r="A2421">
        <v>138.63</v>
      </c>
      <c r="B2421">
        <v>196.78</v>
      </c>
      <c r="C2421">
        <v>6436.35</v>
      </c>
      <c r="D2421">
        <v>3.7</v>
      </c>
      <c r="E2421">
        <v>7866.79</v>
      </c>
      <c r="F2421">
        <v>14.4369</v>
      </c>
    </row>
    <row r="2422" spans="1:6" x14ac:dyDescent="0.25">
      <c r="A2422">
        <v>138.63</v>
      </c>
      <c r="B2422">
        <v>196.78</v>
      </c>
      <c r="C2422">
        <v>6436.35</v>
      </c>
      <c r="D2422">
        <v>4</v>
      </c>
      <c r="E2422">
        <v>7749.17</v>
      </c>
      <c r="F2422">
        <v>16.3246</v>
      </c>
    </row>
    <row r="2423" spans="1:6" x14ac:dyDescent="0.25">
      <c r="A2423">
        <v>138.63</v>
      </c>
      <c r="B2423">
        <v>196.78</v>
      </c>
      <c r="C2423">
        <v>7981.8</v>
      </c>
      <c r="D2423">
        <v>1</v>
      </c>
      <c r="E2423">
        <v>11792.8</v>
      </c>
      <c r="F2423">
        <v>13.580500000000001</v>
      </c>
    </row>
    <row r="2424" spans="1:6" x14ac:dyDescent="0.25">
      <c r="A2424">
        <v>138.63</v>
      </c>
      <c r="B2424">
        <v>196.78</v>
      </c>
      <c r="C2424">
        <v>7981.8</v>
      </c>
      <c r="D2424">
        <v>1.3</v>
      </c>
      <c r="E2424">
        <v>10963.5</v>
      </c>
      <c r="F2424">
        <v>12.8447</v>
      </c>
    </row>
    <row r="2425" spans="1:6" x14ac:dyDescent="0.25">
      <c r="A2425">
        <v>138.63</v>
      </c>
      <c r="B2425">
        <v>196.78</v>
      </c>
      <c r="C2425">
        <v>7981.8</v>
      </c>
      <c r="D2425">
        <v>1.6</v>
      </c>
      <c r="E2425">
        <v>10511.5</v>
      </c>
      <c r="F2425">
        <v>12.911199999999999</v>
      </c>
    </row>
    <row r="2426" spans="1:6" x14ac:dyDescent="0.25">
      <c r="A2426">
        <v>138.63</v>
      </c>
      <c r="B2426">
        <v>196.78</v>
      </c>
      <c r="C2426">
        <v>7981.8</v>
      </c>
      <c r="D2426">
        <v>1.9</v>
      </c>
      <c r="E2426">
        <v>10242.9</v>
      </c>
      <c r="F2426">
        <v>13.7072</v>
      </c>
    </row>
    <row r="2427" spans="1:6" x14ac:dyDescent="0.25">
      <c r="A2427">
        <v>138.63</v>
      </c>
      <c r="B2427">
        <v>196.78</v>
      </c>
      <c r="C2427">
        <v>7981.8</v>
      </c>
      <c r="D2427">
        <v>2.2000000000000002</v>
      </c>
      <c r="E2427">
        <v>9954.1200000000008</v>
      </c>
      <c r="F2427">
        <v>13.726000000000001</v>
      </c>
    </row>
    <row r="2428" spans="1:6" x14ac:dyDescent="0.25">
      <c r="A2428">
        <v>138.63</v>
      </c>
      <c r="B2428">
        <v>196.78</v>
      </c>
      <c r="C2428">
        <v>7981.8</v>
      </c>
      <c r="D2428">
        <v>2.5</v>
      </c>
      <c r="E2428">
        <v>9788.59</v>
      </c>
      <c r="F2428">
        <v>13.739100000000001</v>
      </c>
    </row>
    <row r="2429" spans="1:6" x14ac:dyDescent="0.25">
      <c r="A2429">
        <v>138.63</v>
      </c>
      <c r="B2429">
        <v>196.78</v>
      </c>
      <c r="C2429">
        <v>7981.8</v>
      </c>
      <c r="D2429">
        <v>2.8</v>
      </c>
      <c r="E2429">
        <v>9642.24</v>
      </c>
      <c r="F2429">
        <v>13.7453</v>
      </c>
    </row>
    <row r="2430" spans="1:6" x14ac:dyDescent="0.25">
      <c r="A2430">
        <v>138.63</v>
      </c>
      <c r="B2430">
        <v>196.78</v>
      </c>
      <c r="C2430">
        <v>7981.8</v>
      </c>
      <c r="D2430">
        <v>3.1</v>
      </c>
      <c r="E2430">
        <v>9458.43</v>
      </c>
      <c r="F2430">
        <v>13.7502</v>
      </c>
    </row>
    <row r="2431" spans="1:6" x14ac:dyDescent="0.25">
      <c r="A2431">
        <v>138.63</v>
      </c>
      <c r="B2431">
        <v>196.78</v>
      </c>
      <c r="C2431">
        <v>7981.8</v>
      </c>
      <c r="D2431">
        <v>3.4</v>
      </c>
      <c r="E2431">
        <v>9479.83</v>
      </c>
      <c r="F2431">
        <v>13.750999999999999</v>
      </c>
    </row>
    <row r="2432" spans="1:6" x14ac:dyDescent="0.25">
      <c r="A2432">
        <v>138.63</v>
      </c>
      <c r="B2432">
        <v>196.78</v>
      </c>
      <c r="C2432">
        <v>7981.8</v>
      </c>
      <c r="D2432">
        <v>3.7</v>
      </c>
      <c r="E2432">
        <v>9324.64</v>
      </c>
      <c r="F2432">
        <v>13.750999999999999</v>
      </c>
    </row>
    <row r="2433" spans="1:6" x14ac:dyDescent="0.25">
      <c r="A2433">
        <v>138.63</v>
      </c>
      <c r="B2433">
        <v>196.78</v>
      </c>
      <c r="C2433">
        <v>7981.8</v>
      </c>
      <c r="D2433">
        <v>4</v>
      </c>
      <c r="E2433">
        <v>9231.3700000000008</v>
      </c>
      <c r="F2433">
        <v>13.747299999999999</v>
      </c>
    </row>
    <row r="2434" spans="1:6" x14ac:dyDescent="0.25">
      <c r="A2434">
        <v>138.63</v>
      </c>
      <c r="B2434">
        <v>196.78</v>
      </c>
      <c r="C2434">
        <v>9527.25</v>
      </c>
      <c r="D2434">
        <v>1</v>
      </c>
      <c r="E2434">
        <v>13400.7</v>
      </c>
      <c r="F2434">
        <v>13.580500000000001</v>
      </c>
    </row>
    <row r="2435" spans="1:6" x14ac:dyDescent="0.25">
      <c r="A2435">
        <v>138.63</v>
      </c>
      <c r="B2435">
        <v>196.78</v>
      </c>
      <c r="C2435">
        <v>9527.25</v>
      </c>
      <c r="D2435">
        <v>1.3</v>
      </c>
      <c r="E2435">
        <v>12647.8</v>
      </c>
      <c r="F2435">
        <v>12.9474</v>
      </c>
    </row>
    <row r="2436" spans="1:6" x14ac:dyDescent="0.25">
      <c r="A2436">
        <v>138.63</v>
      </c>
      <c r="B2436">
        <v>196.78</v>
      </c>
      <c r="C2436">
        <v>9527.25</v>
      </c>
      <c r="D2436">
        <v>1.6</v>
      </c>
      <c r="E2436">
        <v>12108.9</v>
      </c>
      <c r="F2436">
        <v>12.961</v>
      </c>
    </row>
    <row r="2437" spans="1:6" x14ac:dyDescent="0.25">
      <c r="A2437">
        <v>138.63</v>
      </c>
      <c r="B2437">
        <v>196.78</v>
      </c>
      <c r="C2437">
        <v>9527.25</v>
      </c>
      <c r="D2437">
        <v>1.9</v>
      </c>
      <c r="E2437">
        <v>11690.9</v>
      </c>
      <c r="F2437">
        <v>13.7072</v>
      </c>
    </row>
    <row r="2438" spans="1:6" x14ac:dyDescent="0.25">
      <c r="A2438">
        <v>138.63</v>
      </c>
      <c r="B2438">
        <v>196.78</v>
      </c>
      <c r="C2438">
        <v>9527.25</v>
      </c>
      <c r="D2438">
        <v>2.2000000000000002</v>
      </c>
      <c r="E2438">
        <v>11508.8</v>
      </c>
      <c r="F2438">
        <v>13.726000000000001</v>
      </c>
    </row>
    <row r="2439" spans="1:6" x14ac:dyDescent="0.25">
      <c r="A2439">
        <v>138.63</v>
      </c>
      <c r="B2439">
        <v>196.78</v>
      </c>
      <c r="C2439">
        <v>9527.25</v>
      </c>
      <c r="D2439">
        <v>2.5</v>
      </c>
      <c r="E2439">
        <v>11338.4</v>
      </c>
      <c r="F2439">
        <v>13.739100000000001</v>
      </c>
    </row>
    <row r="2440" spans="1:6" x14ac:dyDescent="0.25">
      <c r="A2440">
        <v>138.63</v>
      </c>
      <c r="B2440">
        <v>196.78</v>
      </c>
      <c r="C2440">
        <v>9527.25</v>
      </c>
      <c r="D2440">
        <v>2.8</v>
      </c>
      <c r="E2440">
        <v>11109.2</v>
      </c>
      <c r="F2440">
        <v>13.7453</v>
      </c>
    </row>
    <row r="2441" spans="1:6" x14ac:dyDescent="0.25">
      <c r="A2441">
        <v>138.63</v>
      </c>
      <c r="B2441">
        <v>196.78</v>
      </c>
      <c r="C2441">
        <v>9527.25</v>
      </c>
      <c r="D2441">
        <v>3.1</v>
      </c>
      <c r="E2441">
        <v>11116</v>
      </c>
      <c r="F2441">
        <v>13.7502</v>
      </c>
    </row>
    <row r="2442" spans="1:6" x14ac:dyDescent="0.25">
      <c r="A2442">
        <v>138.63</v>
      </c>
      <c r="B2442">
        <v>196.78</v>
      </c>
      <c r="C2442">
        <v>9527.25</v>
      </c>
      <c r="D2442">
        <v>3.4</v>
      </c>
      <c r="E2442">
        <v>10981.4</v>
      </c>
      <c r="F2442">
        <v>13.750999999999999</v>
      </c>
    </row>
    <row r="2443" spans="1:6" x14ac:dyDescent="0.25">
      <c r="A2443">
        <v>138.63</v>
      </c>
      <c r="B2443">
        <v>196.78</v>
      </c>
      <c r="C2443">
        <v>9527.25</v>
      </c>
      <c r="D2443">
        <v>3.7</v>
      </c>
      <c r="E2443">
        <v>10864.6</v>
      </c>
      <c r="F2443">
        <v>13.750999999999999</v>
      </c>
    </row>
    <row r="2444" spans="1:6" x14ac:dyDescent="0.25">
      <c r="A2444">
        <v>138.63</v>
      </c>
      <c r="B2444">
        <v>196.78</v>
      </c>
      <c r="C2444">
        <v>9527.25</v>
      </c>
      <c r="D2444">
        <v>4</v>
      </c>
      <c r="E2444">
        <v>10761.8</v>
      </c>
      <c r="F2444">
        <v>13.747299999999999</v>
      </c>
    </row>
    <row r="2445" spans="1:6" x14ac:dyDescent="0.25">
      <c r="A2445">
        <v>138.63</v>
      </c>
      <c r="B2445">
        <v>196.78</v>
      </c>
      <c r="C2445">
        <v>11072.7</v>
      </c>
      <c r="D2445">
        <v>1</v>
      </c>
      <c r="E2445">
        <v>15014.6</v>
      </c>
      <c r="F2445">
        <v>13.580500000000001</v>
      </c>
    </row>
    <row r="2446" spans="1:6" x14ac:dyDescent="0.25">
      <c r="A2446">
        <v>138.63</v>
      </c>
      <c r="B2446">
        <v>196.78</v>
      </c>
      <c r="C2446">
        <v>11072.7</v>
      </c>
      <c r="D2446">
        <v>1.3</v>
      </c>
      <c r="E2446">
        <v>14157.2</v>
      </c>
      <c r="F2446">
        <v>12.9474</v>
      </c>
    </row>
    <row r="2447" spans="1:6" x14ac:dyDescent="0.25">
      <c r="A2447">
        <v>138.63</v>
      </c>
      <c r="B2447">
        <v>196.78</v>
      </c>
      <c r="C2447">
        <v>11072.7</v>
      </c>
      <c r="D2447">
        <v>1.6</v>
      </c>
      <c r="E2447">
        <v>13661.2</v>
      </c>
      <c r="F2447">
        <v>12.961</v>
      </c>
    </row>
    <row r="2448" spans="1:6" x14ac:dyDescent="0.25">
      <c r="A2448">
        <v>138.63</v>
      </c>
      <c r="B2448">
        <v>196.78</v>
      </c>
      <c r="C2448">
        <v>11072.7</v>
      </c>
      <c r="D2448">
        <v>1.9</v>
      </c>
      <c r="E2448">
        <v>13417.4</v>
      </c>
      <c r="F2448">
        <v>13.7072</v>
      </c>
    </row>
    <row r="2449" spans="1:6" x14ac:dyDescent="0.25">
      <c r="A2449">
        <v>138.63</v>
      </c>
      <c r="B2449">
        <v>196.78</v>
      </c>
      <c r="C2449">
        <v>11072.7</v>
      </c>
      <c r="D2449">
        <v>2.2000000000000002</v>
      </c>
      <c r="E2449">
        <v>13121.6</v>
      </c>
      <c r="F2449">
        <v>13.726000000000001</v>
      </c>
    </row>
    <row r="2450" spans="1:6" x14ac:dyDescent="0.25">
      <c r="A2450">
        <v>138.63</v>
      </c>
      <c r="B2450">
        <v>196.78</v>
      </c>
      <c r="C2450">
        <v>11072.7</v>
      </c>
      <c r="D2450">
        <v>2.5</v>
      </c>
      <c r="E2450">
        <v>12953.4</v>
      </c>
      <c r="F2450">
        <v>13.739100000000001</v>
      </c>
    </row>
    <row r="2451" spans="1:6" x14ac:dyDescent="0.25">
      <c r="A2451">
        <v>138.63</v>
      </c>
      <c r="B2451">
        <v>196.78</v>
      </c>
      <c r="C2451">
        <v>11072.7</v>
      </c>
      <c r="D2451">
        <v>2.8</v>
      </c>
      <c r="E2451">
        <v>12700.2</v>
      </c>
      <c r="F2451">
        <v>13.7453</v>
      </c>
    </row>
    <row r="2452" spans="1:6" x14ac:dyDescent="0.25">
      <c r="A2452">
        <v>138.63</v>
      </c>
      <c r="B2452">
        <v>196.78</v>
      </c>
      <c r="C2452">
        <v>11072.7</v>
      </c>
      <c r="D2452">
        <v>3.1</v>
      </c>
      <c r="E2452">
        <v>12565.9</v>
      </c>
      <c r="F2452">
        <v>13.7502</v>
      </c>
    </row>
    <row r="2453" spans="1:6" x14ac:dyDescent="0.25">
      <c r="A2453">
        <v>138.63</v>
      </c>
      <c r="B2453">
        <v>196.78</v>
      </c>
      <c r="C2453">
        <v>11072.7</v>
      </c>
      <c r="D2453">
        <v>3.4</v>
      </c>
      <c r="E2453">
        <v>12567.3</v>
      </c>
      <c r="F2453">
        <v>13.750999999999999</v>
      </c>
    </row>
    <row r="2454" spans="1:6" x14ac:dyDescent="0.25">
      <c r="A2454">
        <v>138.63</v>
      </c>
      <c r="B2454">
        <v>196.78</v>
      </c>
      <c r="C2454">
        <v>11072.7</v>
      </c>
      <c r="D2454">
        <v>3.7</v>
      </c>
      <c r="E2454">
        <v>12395.4</v>
      </c>
      <c r="F2454">
        <v>13.750999999999999</v>
      </c>
    </row>
    <row r="2455" spans="1:6" x14ac:dyDescent="0.25">
      <c r="A2455">
        <v>138.63</v>
      </c>
      <c r="B2455">
        <v>196.78</v>
      </c>
      <c r="C2455">
        <v>11072.7</v>
      </c>
      <c r="D2455">
        <v>4</v>
      </c>
      <c r="E2455">
        <v>12453</v>
      </c>
      <c r="F2455">
        <v>13.747299999999999</v>
      </c>
    </row>
    <row r="2456" spans="1:6" x14ac:dyDescent="0.25">
      <c r="A2456">
        <v>138.63</v>
      </c>
      <c r="B2456">
        <v>196.78</v>
      </c>
      <c r="C2456">
        <v>12618.2</v>
      </c>
      <c r="D2456">
        <v>1</v>
      </c>
      <c r="E2456">
        <v>16610</v>
      </c>
      <c r="F2456">
        <v>13.580500000000001</v>
      </c>
    </row>
    <row r="2457" spans="1:6" x14ac:dyDescent="0.25">
      <c r="A2457">
        <v>138.63</v>
      </c>
      <c r="B2457">
        <v>196.78</v>
      </c>
      <c r="C2457">
        <v>12618.2</v>
      </c>
      <c r="D2457">
        <v>1.3</v>
      </c>
      <c r="E2457">
        <v>15692.9</v>
      </c>
      <c r="F2457">
        <v>12.9474</v>
      </c>
    </row>
    <row r="2458" spans="1:6" x14ac:dyDescent="0.25">
      <c r="A2458">
        <v>138.63</v>
      </c>
      <c r="B2458">
        <v>196.78</v>
      </c>
      <c r="C2458">
        <v>12618.2</v>
      </c>
      <c r="D2458">
        <v>1.6</v>
      </c>
      <c r="E2458">
        <v>15310.4</v>
      </c>
      <c r="F2458">
        <v>12.961</v>
      </c>
    </row>
    <row r="2459" spans="1:6" x14ac:dyDescent="0.25">
      <c r="A2459">
        <v>138.63</v>
      </c>
      <c r="B2459">
        <v>196.78</v>
      </c>
      <c r="C2459">
        <v>12618.2</v>
      </c>
      <c r="D2459">
        <v>1.9</v>
      </c>
      <c r="E2459">
        <v>14796.2</v>
      </c>
      <c r="F2459">
        <v>13.7072</v>
      </c>
    </row>
    <row r="2460" spans="1:6" x14ac:dyDescent="0.25">
      <c r="A2460">
        <v>138.63</v>
      </c>
      <c r="B2460">
        <v>196.78</v>
      </c>
      <c r="C2460">
        <v>12618.2</v>
      </c>
      <c r="D2460">
        <v>2.2000000000000002</v>
      </c>
      <c r="E2460">
        <v>14544.4</v>
      </c>
      <c r="F2460">
        <v>13.726000000000001</v>
      </c>
    </row>
    <row r="2461" spans="1:6" x14ac:dyDescent="0.25">
      <c r="A2461">
        <v>138.63</v>
      </c>
      <c r="B2461">
        <v>196.78</v>
      </c>
      <c r="C2461">
        <v>12618.2</v>
      </c>
      <c r="D2461">
        <v>2.5</v>
      </c>
      <c r="E2461">
        <v>14370</v>
      </c>
      <c r="F2461">
        <v>13.739100000000001</v>
      </c>
    </row>
    <row r="2462" spans="1:6" x14ac:dyDescent="0.25">
      <c r="A2462">
        <v>138.63</v>
      </c>
      <c r="B2462">
        <v>196.78</v>
      </c>
      <c r="C2462">
        <v>12618.2</v>
      </c>
      <c r="D2462">
        <v>2.8</v>
      </c>
      <c r="E2462">
        <v>14323.7</v>
      </c>
      <c r="F2462">
        <v>13.7453</v>
      </c>
    </row>
    <row r="2463" spans="1:6" x14ac:dyDescent="0.25">
      <c r="A2463">
        <v>138.63</v>
      </c>
      <c r="B2463">
        <v>196.78</v>
      </c>
      <c r="C2463">
        <v>12618.2</v>
      </c>
      <c r="D2463">
        <v>3.1</v>
      </c>
      <c r="E2463">
        <v>14151.7</v>
      </c>
      <c r="F2463">
        <v>13.7502</v>
      </c>
    </row>
    <row r="2464" spans="1:6" x14ac:dyDescent="0.25">
      <c r="A2464">
        <v>138.63</v>
      </c>
      <c r="B2464">
        <v>196.78</v>
      </c>
      <c r="C2464">
        <v>12618.2</v>
      </c>
      <c r="D2464">
        <v>3.4</v>
      </c>
      <c r="E2464">
        <v>14153.7</v>
      </c>
      <c r="F2464">
        <v>13.750999999999999</v>
      </c>
    </row>
    <row r="2465" spans="1:6" x14ac:dyDescent="0.25">
      <c r="A2465">
        <v>138.63</v>
      </c>
      <c r="B2465">
        <v>196.78</v>
      </c>
      <c r="C2465">
        <v>12618.2</v>
      </c>
      <c r="D2465">
        <v>3.7</v>
      </c>
      <c r="E2465">
        <v>14007.9</v>
      </c>
      <c r="F2465">
        <v>13.750999999999999</v>
      </c>
    </row>
    <row r="2466" spans="1:6" x14ac:dyDescent="0.25">
      <c r="A2466">
        <v>138.63</v>
      </c>
      <c r="B2466">
        <v>196.78</v>
      </c>
      <c r="C2466">
        <v>12618.2</v>
      </c>
      <c r="D2466">
        <v>4</v>
      </c>
      <c r="E2466">
        <v>13990.8</v>
      </c>
      <c r="F2466">
        <v>13.747299999999999</v>
      </c>
    </row>
    <row r="2467" spans="1:6" x14ac:dyDescent="0.25">
      <c r="A2467">
        <v>138.63</v>
      </c>
      <c r="B2467">
        <v>196.78</v>
      </c>
      <c r="C2467">
        <v>14163.6</v>
      </c>
      <c r="D2467">
        <v>1</v>
      </c>
      <c r="E2467">
        <v>18126.7</v>
      </c>
      <c r="F2467">
        <v>13.580500000000001</v>
      </c>
    </row>
    <row r="2468" spans="1:6" x14ac:dyDescent="0.25">
      <c r="A2468">
        <v>138.63</v>
      </c>
      <c r="B2468">
        <v>196.78</v>
      </c>
      <c r="C2468">
        <v>14163.6</v>
      </c>
      <c r="D2468">
        <v>1.3</v>
      </c>
      <c r="E2468">
        <v>17199.8</v>
      </c>
      <c r="F2468">
        <v>12.9474</v>
      </c>
    </row>
    <row r="2469" spans="1:6" x14ac:dyDescent="0.25">
      <c r="A2469">
        <v>138.63</v>
      </c>
      <c r="B2469">
        <v>196.78</v>
      </c>
      <c r="C2469">
        <v>14163.6</v>
      </c>
      <c r="D2469">
        <v>1.6</v>
      </c>
      <c r="E2469">
        <v>16864.599999999999</v>
      </c>
      <c r="F2469">
        <v>12.961</v>
      </c>
    </row>
    <row r="2470" spans="1:6" x14ac:dyDescent="0.25">
      <c r="A2470">
        <v>138.63</v>
      </c>
      <c r="B2470">
        <v>196.78</v>
      </c>
      <c r="C2470">
        <v>14163.6</v>
      </c>
      <c r="D2470">
        <v>1.9</v>
      </c>
      <c r="E2470">
        <v>16438.2</v>
      </c>
      <c r="F2470">
        <v>13.7072</v>
      </c>
    </row>
    <row r="2471" spans="1:6" x14ac:dyDescent="0.25">
      <c r="A2471">
        <v>138.63</v>
      </c>
      <c r="B2471">
        <v>196.78</v>
      </c>
      <c r="C2471">
        <v>14163.6</v>
      </c>
      <c r="D2471">
        <v>2.2000000000000002</v>
      </c>
      <c r="E2471">
        <v>16171.4</v>
      </c>
      <c r="F2471">
        <v>13.726000000000001</v>
      </c>
    </row>
    <row r="2472" spans="1:6" x14ac:dyDescent="0.25">
      <c r="A2472">
        <v>138.63</v>
      </c>
      <c r="B2472">
        <v>196.78</v>
      </c>
      <c r="C2472">
        <v>14163.6</v>
      </c>
      <c r="D2472">
        <v>2.5</v>
      </c>
      <c r="E2472">
        <v>15961.6</v>
      </c>
      <c r="F2472">
        <v>13.739100000000001</v>
      </c>
    </row>
    <row r="2473" spans="1:6" x14ac:dyDescent="0.25">
      <c r="A2473">
        <v>138.63</v>
      </c>
      <c r="B2473">
        <v>196.78</v>
      </c>
      <c r="C2473">
        <v>14163.6</v>
      </c>
      <c r="D2473">
        <v>2.8</v>
      </c>
      <c r="E2473">
        <v>15958.7</v>
      </c>
      <c r="F2473">
        <v>13.7453</v>
      </c>
    </row>
    <row r="2474" spans="1:6" x14ac:dyDescent="0.25">
      <c r="A2474">
        <v>138.63</v>
      </c>
      <c r="B2474">
        <v>196.78</v>
      </c>
      <c r="C2474">
        <v>14163.6</v>
      </c>
      <c r="D2474">
        <v>3.1</v>
      </c>
      <c r="E2474">
        <v>15762.6</v>
      </c>
      <c r="F2474">
        <v>13.7502</v>
      </c>
    </row>
    <row r="2475" spans="1:6" x14ac:dyDescent="0.25">
      <c r="A2475">
        <v>138.63</v>
      </c>
      <c r="B2475">
        <v>196.78</v>
      </c>
      <c r="C2475">
        <v>14163.6</v>
      </c>
      <c r="D2475">
        <v>3.4</v>
      </c>
      <c r="E2475">
        <v>15667.5</v>
      </c>
      <c r="F2475">
        <v>13.750999999999999</v>
      </c>
    </row>
    <row r="2476" spans="1:6" x14ac:dyDescent="0.25">
      <c r="A2476">
        <v>138.63</v>
      </c>
      <c r="B2476">
        <v>196.78</v>
      </c>
      <c r="C2476">
        <v>14163.6</v>
      </c>
      <c r="D2476">
        <v>3.7</v>
      </c>
      <c r="E2476">
        <v>15490.6</v>
      </c>
      <c r="F2476">
        <v>13.750999999999999</v>
      </c>
    </row>
    <row r="2477" spans="1:6" x14ac:dyDescent="0.25">
      <c r="A2477">
        <v>138.63</v>
      </c>
      <c r="B2477">
        <v>196.78</v>
      </c>
      <c r="C2477">
        <v>14163.6</v>
      </c>
      <c r="D2477">
        <v>4</v>
      </c>
      <c r="E2477">
        <v>15462.8</v>
      </c>
      <c r="F2477">
        <v>13.747299999999999</v>
      </c>
    </row>
    <row r="2478" spans="1:6" x14ac:dyDescent="0.25">
      <c r="A2478">
        <v>138.63</v>
      </c>
      <c r="B2478">
        <v>196.78</v>
      </c>
      <c r="C2478">
        <v>15709.1</v>
      </c>
      <c r="D2478">
        <v>1</v>
      </c>
      <c r="E2478">
        <v>19412.8</v>
      </c>
      <c r="F2478">
        <v>13.580500000000001</v>
      </c>
    </row>
    <row r="2479" spans="1:6" x14ac:dyDescent="0.25">
      <c r="A2479">
        <v>138.63</v>
      </c>
      <c r="B2479">
        <v>196.78</v>
      </c>
      <c r="C2479">
        <v>15709.1</v>
      </c>
      <c r="D2479">
        <v>1.3</v>
      </c>
      <c r="E2479">
        <v>18773.400000000001</v>
      </c>
      <c r="F2479">
        <v>12.9474</v>
      </c>
    </row>
    <row r="2480" spans="1:6" x14ac:dyDescent="0.25">
      <c r="A2480">
        <v>138.63</v>
      </c>
      <c r="B2480">
        <v>196.78</v>
      </c>
      <c r="C2480">
        <v>15709.1</v>
      </c>
      <c r="D2480">
        <v>1.6</v>
      </c>
      <c r="E2480">
        <v>18293.400000000001</v>
      </c>
      <c r="F2480">
        <v>12.961</v>
      </c>
    </row>
    <row r="2481" spans="1:6" x14ac:dyDescent="0.25">
      <c r="A2481">
        <v>138.63</v>
      </c>
      <c r="B2481">
        <v>196.78</v>
      </c>
      <c r="C2481">
        <v>15709.1</v>
      </c>
      <c r="D2481">
        <v>1.9</v>
      </c>
      <c r="E2481">
        <v>17937.7</v>
      </c>
      <c r="F2481">
        <v>13.7072</v>
      </c>
    </row>
    <row r="2482" spans="1:6" x14ac:dyDescent="0.25">
      <c r="A2482">
        <v>138.63</v>
      </c>
      <c r="B2482">
        <v>196.78</v>
      </c>
      <c r="C2482">
        <v>15709.1</v>
      </c>
      <c r="D2482">
        <v>2.2000000000000002</v>
      </c>
      <c r="E2482">
        <v>17737.2</v>
      </c>
      <c r="F2482">
        <v>13.726000000000001</v>
      </c>
    </row>
    <row r="2483" spans="1:6" x14ac:dyDescent="0.25">
      <c r="A2483">
        <v>138.63</v>
      </c>
      <c r="B2483">
        <v>196.78</v>
      </c>
      <c r="C2483">
        <v>15709.1</v>
      </c>
      <c r="D2483">
        <v>2.5</v>
      </c>
      <c r="E2483">
        <v>17612.8</v>
      </c>
      <c r="F2483">
        <v>13.739100000000001</v>
      </c>
    </row>
    <row r="2484" spans="1:6" x14ac:dyDescent="0.25">
      <c r="A2484">
        <v>138.63</v>
      </c>
      <c r="B2484">
        <v>196.78</v>
      </c>
      <c r="C2484">
        <v>15709.1</v>
      </c>
      <c r="D2484">
        <v>2.8</v>
      </c>
      <c r="E2484">
        <v>17362.2</v>
      </c>
      <c r="F2484">
        <v>13.7453</v>
      </c>
    </row>
    <row r="2485" spans="1:6" x14ac:dyDescent="0.25">
      <c r="A2485">
        <v>138.63</v>
      </c>
      <c r="B2485">
        <v>196.78</v>
      </c>
      <c r="C2485">
        <v>15709.1</v>
      </c>
      <c r="D2485">
        <v>3.1</v>
      </c>
      <c r="E2485">
        <v>17221.8</v>
      </c>
      <c r="F2485">
        <v>13.7502</v>
      </c>
    </row>
    <row r="2486" spans="1:6" x14ac:dyDescent="0.25">
      <c r="A2486">
        <v>138.63</v>
      </c>
      <c r="B2486">
        <v>196.78</v>
      </c>
      <c r="C2486">
        <v>15709.1</v>
      </c>
      <c r="D2486">
        <v>3.4</v>
      </c>
      <c r="E2486">
        <v>17135.8</v>
      </c>
      <c r="F2486">
        <v>13.750999999999999</v>
      </c>
    </row>
    <row r="2487" spans="1:6" x14ac:dyDescent="0.25">
      <c r="A2487">
        <v>138.63</v>
      </c>
      <c r="B2487">
        <v>196.78</v>
      </c>
      <c r="C2487">
        <v>15709.1</v>
      </c>
      <c r="D2487">
        <v>3.7</v>
      </c>
      <c r="E2487">
        <v>17099.900000000001</v>
      </c>
      <c r="F2487">
        <v>13.750999999999999</v>
      </c>
    </row>
    <row r="2488" spans="1:6" x14ac:dyDescent="0.25">
      <c r="A2488">
        <v>138.63</v>
      </c>
      <c r="B2488">
        <v>196.78</v>
      </c>
      <c r="C2488">
        <v>15709.1</v>
      </c>
      <c r="D2488">
        <v>4</v>
      </c>
      <c r="E2488">
        <v>16968.5</v>
      </c>
      <c r="F2488">
        <v>13.747299999999999</v>
      </c>
    </row>
    <row r="2489" spans="1:6" x14ac:dyDescent="0.25">
      <c r="A2489">
        <v>138.63</v>
      </c>
      <c r="B2489">
        <v>196.78</v>
      </c>
      <c r="C2489">
        <v>17254.5</v>
      </c>
      <c r="D2489">
        <v>1</v>
      </c>
      <c r="E2489">
        <v>21131</v>
      </c>
      <c r="F2489">
        <v>13.580500000000001</v>
      </c>
    </row>
    <row r="2490" spans="1:6" x14ac:dyDescent="0.25">
      <c r="A2490">
        <v>138.63</v>
      </c>
      <c r="B2490">
        <v>196.78</v>
      </c>
      <c r="C2490">
        <v>17254.5</v>
      </c>
      <c r="D2490">
        <v>1.3</v>
      </c>
      <c r="E2490">
        <v>20433</v>
      </c>
      <c r="F2490">
        <v>12.9474</v>
      </c>
    </row>
    <row r="2491" spans="1:6" x14ac:dyDescent="0.25">
      <c r="A2491">
        <v>138.63</v>
      </c>
      <c r="B2491">
        <v>196.78</v>
      </c>
      <c r="C2491">
        <v>17254.5</v>
      </c>
      <c r="D2491">
        <v>1.6</v>
      </c>
      <c r="E2491">
        <v>19825</v>
      </c>
      <c r="F2491">
        <v>12.961</v>
      </c>
    </row>
    <row r="2492" spans="1:6" x14ac:dyDescent="0.25">
      <c r="A2492">
        <v>138.63</v>
      </c>
      <c r="B2492">
        <v>196.78</v>
      </c>
      <c r="C2492">
        <v>17254.5</v>
      </c>
      <c r="D2492">
        <v>1.9</v>
      </c>
      <c r="E2492">
        <v>19577.900000000001</v>
      </c>
      <c r="F2492">
        <v>13.7072</v>
      </c>
    </row>
    <row r="2493" spans="1:6" x14ac:dyDescent="0.25">
      <c r="A2493">
        <v>138.63</v>
      </c>
      <c r="B2493">
        <v>196.78</v>
      </c>
      <c r="C2493">
        <v>17254.5</v>
      </c>
      <c r="D2493">
        <v>2.2000000000000002</v>
      </c>
      <c r="E2493">
        <v>19339.900000000001</v>
      </c>
      <c r="F2493">
        <v>13.726000000000001</v>
      </c>
    </row>
    <row r="2494" spans="1:6" x14ac:dyDescent="0.25">
      <c r="A2494">
        <v>138.63</v>
      </c>
      <c r="B2494">
        <v>196.78</v>
      </c>
      <c r="C2494">
        <v>17254.5</v>
      </c>
      <c r="D2494">
        <v>2.5</v>
      </c>
      <c r="E2494">
        <v>19064.2</v>
      </c>
      <c r="F2494">
        <v>13.739100000000001</v>
      </c>
    </row>
    <row r="2495" spans="1:6" x14ac:dyDescent="0.25">
      <c r="A2495">
        <v>138.63</v>
      </c>
      <c r="B2495">
        <v>196.78</v>
      </c>
      <c r="C2495">
        <v>17254.5</v>
      </c>
      <c r="D2495">
        <v>2.8</v>
      </c>
      <c r="E2495">
        <v>18887.099999999999</v>
      </c>
      <c r="F2495">
        <v>13.7453</v>
      </c>
    </row>
    <row r="2496" spans="1:6" x14ac:dyDescent="0.25">
      <c r="A2496">
        <v>138.63</v>
      </c>
      <c r="B2496">
        <v>196.78</v>
      </c>
      <c r="C2496">
        <v>17254.5</v>
      </c>
      <c r="D2496">
        <v>3.1</v>
      </c>
      <c r="E2496">
        <v>18848.099999999999</v>
      </c>
      <c r="F2496">
        <v>13.7502</v>
      </c>
    </row>
    <row r="2497" spans="1:6" x14ac:dyDescent="0.25">
      <c r="A2497">
        <v>138.63</v>
      </c>
      <c r="B2497">
        <v>196.78</v>
      </c>
      <c r="C2497">
        <v>17254.5</v>
      </c>
      <c r="D2497">
        <v>3.4</v>
      </c>
      <c r="E2497">
        <v>18757.7</v>
      </c>
      <c r="F2497">
        <v>13.750999999999999</v>
      </c>
    </row>
    <row r="2498" spans="1:6" x14ac:dyDescent="0.25">
      <c r="A2498">
        <v>138.63</v>
      </c>
      <c r="B2498">
        <v>196.78</v>
      </c>
      <c r="C2498">
        <v>17254.5</v>
      </c>
      <c r="D2498">
        <v>3.7</v>
      </c>
      <c r="E2498">
        <v>18744.8</v>
      </c>
      <c r="F2498">
        <v>13.750999999999999</v>
      </c>
    </row>
    <row r="2499" spans="1:6" x14ac:dyDescent="0.25">
      <c r="A2499">
        <v>138.63</v>
      </c>
      <c r="B2499">
        <v>196.78</v>
      </c>
      <c r="C2499">
        <v>17254.5</v>
      </c>
      <c r="D2499">
        <v>4</v>
      </c>
      <c r="E2499">
        <v>18628.599999999999</v>
      </c>
      <c r="F2499">
        <v>13.747299999999999</v>
      </c>
    </row>
    <row r="2500" spans="1:6" x14ac:dyDescent="0.25">
      <c r="A2500">
        <v>138.63</v>
      </c>
      <c r="B2500">
        <v>196.78</v>
      </c>
      <c r="C2500">
        <v>18800</v>
      </c>
      <c r="D2500">
        <v>1</v>
      </c>
      <c r="E2500">
        <v>22749.9</v>
      </c>
      <c r="F2500">
        <v>13.580500000000001</v>
      </c>
    </row>
    <row r="2501" spans="1:6" x14ac:dyDescent="0.25">
      <c r="A2501">
        <v>138.63</v>
      </c>
      <c r="B2501">
        <v>196.78</v>
      </c>
      <c r="C2501">
        <v>18800</v>
      </c>
      <c r="D2501">
        <v>1.3</v>
      </c>
      <c r="E2501">
        <v>21995.8</v>
      </c>
      <c r="F2501">
        <v>12.9474</v>
      </c>
    </row>
    <row r="2502" spans="1:6" x14ac:dyDescent="0.25">
      <c r="A2502">
        <v>138.63</v>
      </c>
      <c r="B2502">
        <v>196.78</v>
      </c>
      <c r="C2502">
        <v>18800</v>
      </c>
      <c r="D2502">
        <v>1.6</v>
      </c>
      <c r="E2502">
        <v>21525.3</v>
      </c>
      <c r="F2502">
        <v>12.961</v>
      </c>
    </row>
    <row r="2503" spans="1:6" x14ac:dyDescent="0.25">
      <c r="A2503">
        <v>138.63</v>
      </c>
      <c r="B2503">
        <v>196.78</v>
      </c>
      <c r="C2503">
        <v>18800</v>
      </c>
      <c r="D2503">
        <v>1.9</v>
      </c>
      <c r="E2503">
        <v>21062.400000000001</v>
      </c>
      <c r="F2503">
        <v>13.7072</v>
      </c>
    </row>
    <row r="2504" spans="1:6" x14ac:dyDescent="0.25">
      <c r="A2504">
        <v>138.63</v>
      </c>
      <c r="B2504">
        <v>196.78</v>
      </c>
      <c r="C2504">
        <v>18800</v>
      </c>
      <c r="D2504">
        <v>2.2000000000000002</v>
      </c>
      <c r="E2504">
        <v>20843.099999999999</v>
      </c>
      <c r="F2504">
        <v>13.726000000000001</v>
      </c>
    </row>
    <row r="2505" spans="1:6" x14ac:dyDescent="0.25">
      <c r="A2505">
        <v>138.63</v>
      </c>
      <c r="B2505">
        <v>196.78</v>
      </c>
      <c r="C2505">
        <v>18800</v>
      </c>
      <c r="D2505">
        <v>2.5</v>
      </c>
      <c r="E2505">
        <v>20609.400000000001</v>
      </c>
      <c r="F2505">
        <v>13.739100000000001</v>
      </c>
    </row>
    <row r="2506" spans="1:6" x14ac:dyDescent="0.25">
      <c r="A2506">
        <v>138.63</v>
      </c>
      <c r="B2506">
        <v>196.78</v>
      </c>
      <c r="C2506">
        <v>18800</v>
      </c>
      <c r="D2506">
        <v>2.8</v>
      </c>
      <c r="E2506">
        <v>20455.3</v>
      </c>
      <c r="F2506">
        <v>13.7453</v>
      </c>
    </row>
    <row r="2507" spans="1:6" x14ac:dyDescent="0.25">
      <c r="A2507">
        <v>138.63</v>
      </c>
      <c r="B2507">
        <v>196.78</v>
      </c>
      <c r="C2507">
        <v>18800</v>
      </c>
      <c r="D2507">
        <v>3.1</v>
      </c>
      <c r="E2507">
        <v>20323.2</v>
      </c>
      <c r="F2507">
        <v>13.7502</v>
      </c>
    </row>
    <row r="2508" spans="1:6" x14ac:dyDescent="0.25">
      <c r="A2508">
        <v>138.63</v>
      </c>
      <c r="B2508">
        <v>196.78</v>
      </c>
      <c r="C2508">
        <v>18800</v>
      </c>
      <c r="D2508">
        <v>3.4</v>
      </c>
      <c r="E2508">
        <v>20275.7</v>
      </c>
      <c r="F2508">
        <v>13.750999999999999</v>
      </c>
    </row>
    <row r="2509" spans="1:6" x14ac:dyDescent="0.25">
      <c r="A2509">
        <v>138.63</v>
      </c>
      <c r="B2509">
        <v>196.78</v>
      </c>
      <c r="C2509">
        <v>18800</v>
      </c>
      <c r="D2509">
        <v>3.7</v>
      </c>
      <c r="E2509">
        <v>20139</v>
      </c>
      <c r="F2509">
        <v>13.750999999999999</v>
      </c>
    </row>
    <row r="2510" spans="1:6" x14ac:dyDescent="0.25">
      <c r="A2510">
        <v>138.63</v>
      </c>
      <c r="B2510">
        <v>196.78</v>
      </c>
      <c r="C2510">
        <v>18800</v>
      </c>
      <c r="D2510">
        <v>4</v>
      </c>
      <c r="E2510">
        <v>20158.2</v>
      </c>
      <c r="F2510">
        <v>13.747299999999999</v>
      </c>
    </row>
    <row r="2511" spans="1:6" x14ac:dyDescent="0.25">
      <c r="A2511">
        <v>138.63</v>
      </c>
      <c r="B2511">
        <v>200.41</v>
      </c>
      <c r="C2511">
        <v>1800</v>
      </c>
      <c r="D2511">
        <v>1</v>
      </c>
      <c r="E2511">
        <v>5651.42</v>
      </c>
      <c r="F2511">
        <v>60.465899999999998</v>
      </c>
    </row>
    <row r="2512" spans="1:6" x14ac:dyDescent="0.25">
      <c r="A2512">
        <v>138.63</v>
      </c>
      <c r="B2512">
        <v>200.41</v>
      </c>
      <c r="C2512">
        <v>1800</v>
      </c>
      <c r="D2512">
        <v>1.3</v>
      </c>
      <c r="E2512">
        <v>5058.9399999999996</v>
      </c>
      <c r="F2512">
        <v>74.974500000000006</v>
      </c>
    </row>
    <row r="2513" spans="1:6" x14ac:dyDescent="0.25">
      <c r="A2513">
        <v>138.63</v>
      </c>
      <c r="B2513">
        <v>200.41</v>
      </c>
      <c r="C2513">
        <v>1800</v>
      </c>
      <c r="D2513">
        <v>1.6</v>
      </c>
      <c r="E2513">
        <v>4595.93</v>
      </c>
      <c r="F2513">
        <v>83.082999999999998</v>
      </c>
    </row>
    <row r="2514" spans="1:6" x14ac:dyDescent="0.25">
      <c r="A2514">
        <v>138.63</v>
      </c>
      <c r="B2514">
        <v>200.41</v>
      </c>
      <c r="C2514">
        <v>1800</v>
      </c>
      <c r="D2514">
        <v>1.9</v>
      </c>
      <c r="E2514">
        <v>4327.4799999999996</v>
      </c>
      <c r="F2514">
        <v>90.424800000000005</v>
      </c>
    </row>
    <row r="2515" spans="1:6" x14ac:dyDescent="0.25">
      <c r="A2515">
        <v>138.63</v>
      </c>
      <c r="B2515">
        <v>200.41</v>
      </c>
      <c r="C2515">
        <v>1800</v>
      </c>
      <c r="D2515">
        <v>2.2000000000000002</v>
      </c>
      <c r="E2515">
        <v>4063.03</v>
      </c>
      <c r="F2515">
        <v>94.442499999999995</v>
      </c>
    </row>
    <row r="2516" spans="1:6" x14ac:dyDescent="0.25">
      <c r="A2516">
        <v>138.63</v>
      </c>
      <c r="B2516">
        <v>200.41</v>
      </c>
      <c r="C2516">
        <v>1800</v>
      </c>
      <c r="D2516">
        <v>2.5</v>
      </c>
      <c r="E2516">
        <v>3864.79</v>
      </c>
      <c r="F2516">
        <v>98.551299999999998</v>
      </c>
    </row>
    <row r="2517" spans="1:6" x14ac:dyDescent="0.25">
      <c r="A2517">
        <v>138.63</v>
      </c>
      <c r="B2517">
        <v>200.41</v>
      </c>
      <c r="C2517">
        <v>1800</v>
      </c>
      <c r="D2517">
        <v>2.8</v>
      </c>
      <c r="E2517">
        <v>3756.15</v>
      </c>
      <c r="F2517">
        <v>100.229</v>
      </c>
    </row>
    <row r="2518" spans="1:6" x14ac:dyDescent="0.25">
      <c r="A2518">
        <v>138.63</v>
      </c>
      <c r="B2518">
        <v>200.41</v>
      </c>
      <c r="C2518">
        <v>1800</v>
      </c>
      <c r="D2518">
        <v>3.1</v>
      </c>
      <c r="E2518">
        <v>3623.68</v>
      </c>
      <c r="F2518">
        <v>105.92100000000001</v>
      </c>
    </row>
    <row r="2519" spans="1:6" x14ac:dyDescent="0.25">
      <c r="A2519">
        <v>138.63</v>
      </c>
      <c r="B2519">
        <v>200.41</v>
      </c>
      <c r="C2519">
        <v>1800</v>
      </c>
      <c r="D2519">
        <v>3.4</v>
      </c>
      <c r="E2519">
        <v>3527.89</v>
      </c>
      <c r="F2519">
        <v>110.24299999999999</v>
      </c>
    </row>
    <row r="2520" spans="1:6" x14ac:dyDescent="0.25">
      <c r="A2520">
        <v>138.63</v>
      </c>
      <c r="B2520">
        <v>200.41</v>
      </c>
      <c r="C2520">
        <v>1800</v>
      </c>
      <c r="D2520">
        <v>3.7</v>
      </c>
      <c r="E2520">
        <v>3457.8</v>
      </c>
      <c r="F2520">
        <v>114.18300000000001</v>
      </c>
    </row>
    <row r="2521" spans="1:6" x14ac:dyDescent="0.25">
      <c r="A2521">
        <v>138.63</v>
      </c>
      <c r="B2521">
        <v>200.41</v>
      </c>
      <c r="C2521">
        <v>1800</v>
      </c>
      <c r="D2521">
        <v>4</v>
      </c>
      <c r="E2521">
        <v>3390.66</v>
      </c>
      <c r="F2521">
        <v>115.88800000000001</v>
      </c>
    </row>
    <row r="2522" spans="1:6" x14ac:dyDescent="0.25">
      <c r="A2522">
        <v>138.63</v>
      </c>
      <c r="B2522">
        <v>200.41</v>
      </c>
      <c r="C2522">
        <v>3345.45</v>
      </c>
      <c r="D2522">
        <v>1</v>
      </c>
      <c r="E2522">
        <v>7002.39</v>
      </c>
      <c r="F2522">
        <v>32.992199999999997</v>
      </c>
    </row>
    <row r="2523" spans="1:6" x14ac:dyDescent="0.25">
      <c r="A2523">
        <v>138.63</v>
      </c>
      <c r="B2523">
        <v>200.41</v>
      </c>
      <c r="C2523">
        <v>3345.45</v>
      </c>
      <c r="D2523">
        <v>1.3</v>
      </c>
      <c r="E2523">
        <v>6379.41</v>
      </c>
      <c r="F2523">
        <v>42.511099999999999</v>
      </c>
    </row>
    <row r="2524" spans="1:6" x14ac:dyDescent="0.25">
      <c r="A2524">
        <v>138.63</v>
      </c>
      <c r="B2524">
        <v>200.41</v>
      </c>
      <c r="C2524">
        <v>3345.45</v>
      </c>
      <c r="D2524">
        <v>1.6</v>
      </c>
      <c r="E2524">
        <v>5976.22</v>
      </c>
      <c r="F2524">
        <v>47.669600000000003</v>
      </c>
    </row>
    <row r="2525" spans="1:6" x14ac:dyDescent="0.25">
      <c r="A2525">
        <v>138.63</v>
      </c>
      <c r="B2525">
        <v>200.41</v>
      </c>
      <c r="C2525">
        <v>3345.45</v>
      </c>
      <c r="D2525">
        <v>1.9</v>
      </c>
      <c r="E2525">
        <v>5733.43</v>
      </c>
      <c r="F2525">
        <v>55.031399999999998</v>
      </c>
    </row>
    <row r="2526" spans="1:6" x14ac:dyDescent="0.25">
      <c r="A2526">
        <v>138.63</v>
      </c>
      <c r="B2526">
        <v>200.41</v>
      </c>
      <c r="C2526">
        <v>3345.45</v>
      </c>
      <c r="D2526">
        <v>2.2000000000000002</v>
      </c>
      <c r="E2526">
        <v>5543.7</v>
      </c>
      <c r="F2526">
        <v>61.273099999999999</v>
      </c>
    </row>
    <row r="2527" spans="1:6" x14ac:dyDescent="0.25">
      <c r="A2527">
        <v>138.63</v>
      </c>
      <c r="B2527">
        <v>200.41</v>
      </c>
      <c r="C2527">
        <v>3345.45</v>
      </c>
      <c r="D2527">
        <v>2.5</v>
      </c>
      <c r="E2527">
        <v>5319.11</v>
      </c>
      <c r="F2527">
        <v>65.835800000000006</v>
      </c>
    </row>
    <row r="2528" spans="1:6" x14ac:dyDescent="0.25">
      <c r="A2528">
        <v>138.63</v>
      </c>
      <c r="B2528">
        <v>200.41</v>
      </c>
      <c r="C2528">
        <v>3345.45</v>
      </c>
      <c r="D2528">
        <v>2.8</v>
      </c>
      <c r="E2528">
        <v>5193.49</v>
      </c>
      <c r="F2528">
        <v>66.573899999999995</v>
      </c>
    </row>
    <row r="2529" spans="1:6" x14ac:dyDescent="0.25">
      <c r="A2529">
        <v>138.63</v>
      </c>
      <c r="B2529">
        <v>200.41</v>
      </c>
      <c r="C2529">
        <v>3345.45</v>
      </c>
      <c r="D2529">
        <v>3.1</v>
      </c>
      <c r="E2529">
        <v>5042.45</v>
      </c>
      <c r="F2529">
        <v>71.107100000000003</v>
      </c>
    </row>
    <row r="2530" spans="1:6" x14ac:dyDescent="0.25">
      <c r="A2530">
        <v>138.63</v>
      </c>
      <c r="B2530">
        <v>200.41</v>
      </c>
      <c r="C2530">
        <v>3345.45</v>
      </c>
      <c r="D2530">
        <v>3.4</v>
      </c>
      <c r="E2530">
        <v>4950.41</v>
      </c>
      <c r="F2530">
        <v>73.981200000000001</v>
      </c>
    </row>
    <row r="2531" spans="1:6" x14ac:dyDescent="0.25">
      <c r="A2531">
        <v>138.63</v>
      </c>
      <c r="B2531">
        <v>200.41</v>
      </c>
      <c r="C2531">
        <v>3345.45</v>
      </c>
      <c r="D2531">
        <v>3.7</v>
      </c>
      <c r="E2531">
        <v>4898.09</v>
      </c>
      <c r="F2531">
        <v>81.614999999999995</v>
      </c>
    </row>
    <row r="2532" spans="1:6" x14ac:dyDescent="0.25">
      <c r="A2532">
        <v>138.63</v>
      </c>
      <c r="B2532">
        <v>200.41</v>
      </c>
      <c r="C2532">
        <v>3345.45</v>
      </c>
      <c r="D2532">
        <v>4</v>
      </c>
      <c r="E2532">
        <v>4812</v>
      </c>
      <c r="F2532">
        <v>85.693299999999994</v>
      </c>
    </row>
    <row r="2533" spans="1:6" x14ac:dyDescent="0.25">
      <c r="A2533">
        <v>138.63</v>
      </c>
      <c r="B2533">
        <v>200.41</v>
      </c>
      <c r="C2533">
        <v>4890.8999999999996</v>
      </c>
      <c r="D2533">
        <v>1</v>
      </c>
      <c r="E2533">
        <v>8214.94</v>
      </c>
      <c r="F2533">
        <v>15.187900000000001</v>
      </c>
    </row>
    <row r="2534" spans="1:6" x14ac:dyDescent="0.25">
      <c r="A2534">
        <v>138.63</v>
      </c>
      <c r="B2534">
        <v>200.41</v>
      </c>
      <c r="C2534">
        <v>4890.8999999999996</v>
      </c>
      <c r="D2534">
        <v>1.3</v>
      </c>
      <c r="E2534">
        <v>7883.41</v>
      </c>
      <c r="F2534">
        <v>17.122499999999999</v>
      </c>
    </row>
    <row r="2535" spans="1:6" x14ac:dyDescent="0.25">
      <c r="A2535">
        <v>138.63</v>
      </c>
      <c r="B2535">
        <v>200.41</v>
      </c>
      <c r="C2535">
        <v>4890.8999999999996</v>
      </c>
      <c r="D2535">
        <v>1.6</v>
      </c>
      <c r="E2535">
        <v>7480.13</v>
      </c>
      <c r="F2535">
        <v>19.802199999999999</v>
      </c>
    </row>
    <row r="2536" spans="1:6" x14ac:dyDescent="0.25">
      <c r="A2536">
        <v>138.63</v>
      </c>
      <c r="B2536">
        <v>200.41</v>
      </c>
      <c r="C2536">
        <v>4890.8999999999996</v>
      </c>
      <c r="D2536">
        <v>1.9</v>
      </c>
      <c r="E2536">
        <v>7124.6</v>
      </c>
      <c r="F2536">
        <v>22.1754</v>
      </c>
    </row>
    <row r="2537" spans="1:6" x14ac:dyDescent="0.25">
      <c r="A2537">
        <v>138.63</v>
      </c>
      <c r="B2537">
        <v>200.41</v>
      </c>
      <c r="C2537">
        <v>4890.8999999999996</v>
      </c>
      <c r="D2537">
        <v>2.2000000000000002</v>
      </c>
      <c r="E2537">
        <v>6902.58</v>
      </c>
      <c r="F2537">
        <v>24.191099999999999</v>
      </c>
    </row>
    <row r="2538" spans="1:6" x14ac:dyDescent="0.25">
      <c r="A2538">
        <v>138.63</v>
      </c>
      <c r="B2538">
        <v>200.41</v>
      </c>
      <c r="C2538">
        <v>4890.8999999999996</v>
      </c>
      <c r="D2538">
        <v>2.5</v>
      </c>
      <c r="E2538">
        <v>6804.21</v>
      </c>
      <c r="F2538">
        <v>26.909400000000002</v>
      </c>
    </row>
    <row r="2539" spans="1:6" x14ac:dyDescent="0.25">
      <c r="A2539">
        <v>138.63</v>
      </c>
      <c r="B2539">
        <v>200.41</v>
      </c>
      <c r="C2539">
        <v>4890.8999999999996</v>
      </c>
      <c r="D2539">
        <v>2.8</v>
      </c>
      <c r="E2539">
        <v>6710.38</v>
      </c>
      <c r="F2539">
        <v>27.901800000000001</v>
      </c>
    </row>
    <row r="2540" spans="1:6" x14ac:dyDescent="0.25">
      <c r="A2540">
        <v>138.63</v>
      </c>
      <c r="B2540">
        <v>200.41</v>
      </c>
      <c r="C2540">
        <v>4890.8999999999996</v>
      </c>
      <c r="D2540">
        <v>3.1</v>
      </c>
      <c r="E2540">
        <v>6519.58</v>
      </c>
      <c r="F2540">
        <v>32.727400000000003</v>
      </c>
    </row>
    <row r="2541" spans="1:6" x14ac:dyDescent="0.25">
      <c r="A2541">
        <v>138.63</v>
      </c>
      <c r="B2541">
        <v>200.41</v>
      </c>
      <c r="C2541">
        <v>4890.8999999999996</v>
      </c>
      <c r="D2541">
        <v>3.4</v>
      </c>
      <c r="E2541">
        <v>6402.73</v>
      </c>
      <c r="F2541">
        <v>33.904200000000003</v>
      </c>
    </row>
    <row r="2542" spans="1:6" x14ac:dyDescent="0.25">
      <c r="A2542">
        <v>138.63</v>
      </c>
      <c r="B2542">
        <v>200.41</v>
      </c>
      <c r="C2542">
        <v>4890.8999999999996</v>
      </c>
      <c r="D2542">
        <v>3.7</v>
      </c>
      <c r="E2542">
        <v>6353.16</v>
      </c>
      <c r="F2542">
        <v>39.575400000000002</v>
      </c>
    </row>
    <row r="2543" spans="1:6" x14ac:dyDescent="0.25">
      <c r="A2543">
        <v>138.63</v>
      </c>
      <c r="B2543">
        <v>200.41</v>
      </c>
      <c r="C2543">
        <v>4890.8999999999996</v>
      </c>
      <c r="D2543">
        <v>4</v>
      </c>
      <c r="E2543">
        <v>6287.66</v>
      </c>
      <c r="F2543">
        <v>42.0822</v>
      </c>
    </row>
    <row r="2544" spans="1:6" x14ac:dyDescent="0.25">
      <c r="A2544">
        <v>138.63</v>
      </c>
      <c r="B2544">
        <v>200.41</v>
      </c>
      <c r="C2544">
        <v>6436.35</v>
      </c>
      <c r="D2544">
        <v>1</v>
      </c>
      <c r="E2544">
        <v>9941.81</v>
      </c>
      <c r="F2544">
        <v>11.4657</v>
      </c>
    </row>
    <row r="2545" spans="1:6" x14ac:dyDescent="0.25">
      <c r="A2545">
        <v>138.63</v>
      </c>
      <c r="B2545">
        <v>200.41</v>
      </c>
      <c r="C2545">
        <v>6436.35</v>
      </c>
      <c r="D2545">
        <v>1.3</v>
      </c>
      <c r="E2545">
        <v>9197.68</v>
      </c>
      <c r="F2545">
        <v>12.131600000000001</v>
      </c>
    </row>
    <row r="2546" spans="1:6" x14ac:dyDescent="0.25">
      <c r="A2546">
        <v>138.63</v>
      </c>
      <c r="B2546">
        <v>200.41</v>
      </c>
      <c r="C2546">
        <v>6436.35</v>
      </c>
      <c r="D2546">
        <v>1.6</v>
      </c>
      <c r="E2546">
        <v>8943.27</v>
      </c>
      <c r="F2546">
        <v>11.943899999999999</v>
      </c>
    </row>
    <row r="2547" spans="1:6" x14ac:dyDescent="0.25">
      <c r="A2547">
        <v>138.63</v>
      </c>
      <c r="B2547">
        <v>200.41</v>
      </c>
      <c r="C2547">
        <v>6436.35</v>
      </c>
      <c r="D2547">
        <v>1.9</v>
      </c>
      <c r="E2547">
        <v>8552.11</v>
      </c>
      <c r="F2547">
        <v>11.645799999999999</v>
      </c>
    </row>
    <row r="2548" spans="1:6" x14ac:dyDescent="0.25">
      <c r="A2548">
        <v>138.63</v>
      </c>
      <c r="B2548">
        <v>200.41</v>
      </c>
      <c r="C2548">
        <v>6436.35</v>
      </c>
      <c r="D2548">
        <v>2.2000000000000002</v>
      </c>
      <c r="E2548">
        <v>8314.89</v>
      </c>
      <c r="F2548">
        <v>11.2128</v>
      </c>
    </row>
    <row r="2549" spans="1:6" x14ac:dyDescent="0.25">
      <c r="A2549">
        <v>138.63</v>
      </c>
      <c r="B2549">
        <v>200.41</v>
      </c>
      <c r="C2549">
        <v>6436.35</v>
      </c>
      <c r="D2549">
        <v>2.5</v>
      </c>
      <c r="E2549">
        <v>8280.18</v>
      </c>
      <c r="F2549">
        <v>10.815099999999999</v>
      </c>
    </row>
    <row r="2550" spans="1:6" x14ac:dyDescent="0.25">
      <c r="A2550">
        <v>138.63</v>
      </c>
      <c r="B2550">
        <v>200.41</v>
      </c>
      <c r="C2550">
        <v>6436.35</v>
      </c>
      <c r="D2550">
        <v>2.8</v>
      </c>
      <c r="E2550">
        <v>8142.62</v>
      </c>
      <c r="F2550">
        <v>10.4466</v>
      </c>
    </row>
    <row r="2551" spans="1:6" x14ac:dyDescent="0.25">
      <c r="A2551">
        <v>138.63</v>
      </c>
      <c r="B2551">
        <v>200.41</v>
      </c>
      <c r="C2551">
        <v>6436.35</v>
      </c>
      <c r="D2551">
        <v>3.1</v>
      </c>
      <c r="E2551">
        <v>8031.94</v>
      </c>
      <c r="F2551">
        <v>10.127000000000001</v>
      </c>
    </row>
    <row r="2552" spans="1:6" x14ac:dyDescent="0.25">
      <c r="A2552">
        <v>138.63</v>
      </c>
      <c r="B2552">
        <v>200.41</v>
      </c>
      <c r="C2552">
        <v>6436.35</v>
      </c>
      <c r="D2552">
        <v>3.4</v>
      </c>
      <c r="E2552">
        <v>7852.98</v>
      </c>
      <c r="F2552">
        <v>13.0106</v>
      </c>
    </row>
    <row r="2553" spans="1:6" x14ac:dyDescent="0.25">
      <c r="A2553">
        <v>138.63</v>
      </c>
      <c r="B2553">
        <v>200.41</v>
      </c>
      <c r="C2553">
        <v>6436.35</v>
      </c>
      <c r="D2553">
        <v>3.7</v>
      </c>
      <c r="E2553">
        <v>7866.79</v>
      </c>
      <c r="F2553">
        <v>13.7692</v>
      </c>
    </row>
    <row r="2554" spans="1:6" x14ac:dyDescent="0.25">
      <c r="A2554">
        <v>138.63</v>
      </c>
      <c r="B2554">
        <v>200.41</v>
      </c>
      <c r="C2554">
        <v>6436.35</v>
      </c>
      <c r="D2554">
        <v>4</v>
      </c>
      <c r="E2554">
        <v>7768.18</v>
      </c>
      <c r="F2554">
        <v>14.7074</v>
      </c>
    </row>
    <row r="2555" spans="1:6" x14ac:dyDescent="0.25">
      <c r="A2555">
        <v>138.63</v>
      </c>
      <c r="B2555">
        <v>200.41</v>
      </c>
      <c r="C2555">
        <v>7981.8</v>
      </c>
      <c r="D2555">
        <v>1</v>
      </c>
      <c r="E2555">
        <v>11792.8</v>
      </c>
      <c r="F2555">
        <v>13.580500000000001</v>
      </c>
    </row>
    <row r="2556" spans="1:6" x14ac:dyDescent="0.25">
      <c r="A2556">
        <v>138.63</v>
      </c>
      <c r="B2556">
        <v>200.41</v>
      </c>
      <c r="C2556">
        <v>7981.8</v>
      </c>
      <c r="D2556">
        <v>1.3</v>
      </c>
      <c r="E2556">
        <v>10963.5</v>
      </c>
      <c r="F2556">
        <v>12.8447</v>
      </c>
    </row>
    <row r="2557" spans="1:6" x14ac:dyDescent="0.25">
      <c r="A2557">
        <v>138.63</v>
      </c>
      <c r="B2557">
        <v>200.41</v>
      </c>
      <c r="C2557">
        <v>7981.8</v>
      </c>
      <c r="D2557">
        <v>1.6</v>
      </c>
      <c r="E2557">
        <v>10511.5</v>
      </c>
      <c r="F2557">
        <v>12.911199999999999</v>
      </c>
    </row>
    <row r="2558" spans="1:6" x14ac:dyDescent="0.25">
      <c r="A2558">
        <v>138.63</v>
      </c>
      <c r="B2558">
        <v>200.41</v>
      </c>
      <c r="C2558">
        <v>7981.8</v>
      </c>
      <c r="D2558">
        <v>1.9</v>
      </c>
      <c r="E2558">
        <v>10242.9</v>
      </c>
      <c r="F2558">
        <v>13.7072</v>
      </c>
    </row>
    <row r="2559" spans="1:6" x14ac:dyDescent="0.25">
      <c r="A2559">
        <v>138.63</v>
      </c>
      <c r="B2559">
        <v>200.41</v>
      </c>
      <c r="C2559">
        <v>7981.8</v>
      </c>
      <c r="D2559">
        <v>2.2000000000000002</v>
      </c>
      <c r="E2559">
        <v>9950.89</v>
      </c>
      <c r="F2559">
        <v>13.726000000000001</v>
      </c>
    </row>
    <row r="2560" spans="1:6" x14ac:dyDescent="0.25">
      <c r="A2560">
        <v>138.63</v>
      </c>
      <c r="B2560">
        <v>200.41</v>
      </c>
      <c r="C2560">
        <v>7981.8</v>
      </c>
      <c r="D2560">
        <v>2.5</v>
      </c>
      <c r="E2560">
        <v>9771.57</v>
      </c>
      <c r="F2560">
        <v>13.739100000000001</v>
      </c>
    </row>
    <row r="2561" spans="1:6" x14ac:dyDescent="0.25">
      <c r="A2561">
        <v>138.63</v>
      </c>
      <c r="B2561">
        <v>200.41</v>
      </c>
      <c r="C2561">
        <v>7981.8</v>
      </c>
      <c r="D2561">
        <v>2.8</v>
      </c>
      <c r="E2561">
        <v>9623.36</v>
      </c>
      <c r="F2561">
        <v>13.7453</v>
      </c>
    </row>
    <row r="2562" spans="1:6" x14ac:dyDescent="0.25">
      <c r="A2562">
        <v>138.63</v>
      </c>
      <c r="B2562">
        <v>200.41</v>
      </c>
      <c r="C2562">
        <v>7981.8</v>
      </c>
      <c r="D2562">
        <v>3.1</v>
      </c>
      <c r="E2562">
        <v>9500.64</v>
      </c>
      <c r="F2562">
        <v>13.7502</v>
      </c>
    </row>
    <row r="2563" spans="1:6" x14ac:dyDescent="0.25">
      <c r="A2563">
        <v>138.63</v>
      </c>
      <c r="B2563">
        <v>200.41</v>
      </c>
      <c r="C2563">
        <v>7981.8</v>
      </c>
      <c r="D2563">
        <v>3.4</v>
      </c>
      <c r="E2563">
        <v>9471.7000000000007</v>
      </c>
      <c r="F2563">
        <v>13.750999999999999</v>
      </c>
    </row>
    <row r="2564" spans="1:6" x14ac:dyDescent="0.25">
      <c r="A2564">
        <v>138.63</v>
      </c>
      <c r="B2564">
        <v>200.41</v>
      </c>
      <c r="C2564">
        <v>7981.8</v>
      </c>
      <c r="D2564">
        <v>3.7</v>
      </c>
      <c r="E2564">
        <v>9361.73</v>
      </c>
      <c r="F2564">
        <v>13.750999999999999</v>
      </c>
    </row>
    <row r="2565" spans="1:6" x14ac:dyDescent="0.25">
      <c r="A2565">
        <v>138.63</v>
      </c>
      <c r="B2565">
        <v>200.41</v>
      </c>
      <c r="C2565">
        <v>7981.8</v>
      </c>
      <c r="D2565">
        <v>4</v>
      </c>
      <c r="E2565">
        <v>9265.4699999999993</v>
      </c>
      <c r="F2565">
        <v>13.747299999999999</v>
      </c>
    </row>
    <row r="2566" spans="1:6" x14ac:dyDescent="0.25">
      <c r="A2566">
        <v>138.63</v>
      </c>
      <c r="B2566">
        <v>200.41</v>
      </c>
      <c r="C2566">
        <v>9527.25</v>
      </c>
      <c r="D2566">
        <v>1</v>
      </c>
      <c r="E2566">
        <v>13400.7</v>
      </c>
      <c r="F2566">
        <v>13.580500000000001</v>
      </c>
    </row>
    <row r="2567" spans="1:6" x14ac:dyDescent="0.25">
      <c r="A2567">
        <v>138.63</v>
      </c>
      <c r="B2567">
        <v>200.41</v>
      </c>
      <c r="C2567">
        <v>9527.25</v>
      </c>
      <c r="D2567">
        <v>1.3</v>
      </c>
      <c r="E2567">
        <v>12647.8</v>
      </c>
      <c r="F2567">
        <v>12.9474</v>
      </c>
    </row>
    <row r="2568" spans="1:6" x14ac:dyDescent="0.25">
      <c r="A2568">
        <v>138.63</v>
      </c>
      <c r="B2568">
        <v>200.41</v>
      </c>
      <c r="C2568">
        <v>9527.25</v>
      </c>
      <c r="D2568">
        <v>1.6</v>
      </c>
      <c r="E2568">
        <v>12108.9</v>
      </c>
      <c r="F2568">
        <v>12.961</v>
      </c>
    </row>
    <row r="2569" spans="1:6" x14ac:dyDescent="0.25">
      <c r="A2569">
        <v>138.63</v>
      </c>
      <c r="B2569">
        <v>200.41</v>
      </c>
      <c r="C2569">
        <v>9527.25</v>
      </c>
      <c r="D2569">
        <v>1.9</v>
      </c>
      <c r="E2569">
        <v>11702.5</v>
      </c>
      <c r="F2569">
        <v>13.7072</v>
      </c>
    </row>
    <row r="2570" spans="1:6" x14ac:dyDescent="0.25">
      <c r="A2570">
        <v>138.63</v>
      </c>
      <c r="B2570">
        <v>200.41</v>
      </c>
      <c r="C2570">
        <v>9527.25</v>
      </c>
      <c r="D2570">
        <v>2.2000000000000002</v>
      </c>
      <c r="E2570">
        <v>11482</v>
      </c>
      <c r="F2570">
        <v>13.726000000000001</v>
      </c>
    </row>
    <row r="2571" spans="1:6" x14ac:dyDescent="0.25">
      <c r="A2571">
        <v>138.63</v>
      </c>
      <c r="B2571">
        <v>200.41</v>
      </c>
      <c r="C2571">
        <v>9527.25</v>
      </c>
      <c r="D2571">
        <v>2.5</v>
      </c>
      <c r="E2571">
        <v>11326.9</v>
      </c>
      <c r="F2571">
        <v>13.739100000000001</v>
      </c>
    </row>
    <row r="2572" spans="1:6" x14ac:dyDescent="0.25">
      <c r="A2572">
        <v>138.63</v>
      </c>
      <c r="B2572">
        <v>200.41</v>
      </c>
      <c r="C2572">
        <v>9527.25</v>
      </c>
      <c r="D2572">
        <v>2.8</v>
      </c>
      <c r="E2572">
        <v>11177.3</v>
      </c>
      <c r="F2572">
        <v>13.7453</v>
      </c>
    </row>
    <row r="2573" spans="1:6" x14ac:dyDescent="0.25">
      <c r="A2573">
        <v>138.63</v>
      </c>
      <c r="B2573">
        <v>200.41</v>
      </c>
      <c r="C2573">
        <v>9527.25</v>
      </c>
      <c r="D2573">
        <v>3.1</v>
      </c>
      <c r="E2573">
        <v>11119</v>
      </c>
      <c r="F2573">
        <v>13.7502</v>
      </c>
    </row>
    <row r="2574" spans="1:6" x14ac:dyDescent="0.25">
      <c r="A2574">
        <v>138.63</v>
      </c>
      <c r="B2574">
        <v>200.41</v>
      </c>
      <c r="C2574">
        <v>9527.25</v>
      </c>
      <c r="D2574">
        <v>3.4</v>
      </c>
      <c r="E2574">
        <v>10983.9</v>
      </c>
      <c r="F2574">
        <v>13.750999999999999</v>
      </c>
    </row>
    <row r="2575" spans="1:6" x14ac:dyDescent="0.25">
      <c r="A2575">
        <v>138.63</v>
      </c>
      <c r="B2575">
        <v>200.41</v>
      </c>
      <c r="C2575">
        <v>9527.25</v>
      </c>
      <c r="D2575">
        <v>3.7</v>
      </c>
      <c r="E2575">
        <v>10866.8</v>
      </c>
      <c r="F2575">
        <v>13.750999999999999</v>
      </c>
    </row>
    <row r="2576" spans="1:6" x14ac:dyDescent="0.25">
      <c r="A2576">
        <v>138.63</v>
      </c>
      <c r="B2576">
        <v>200.41</v>
      </c>
      <c r="C2576">
        <v>9527.25</v>
      </c>
      <c r="D2576">
        <v>4</v>
      </c>
      <c r="E2576">
        <v>10763.7</v>
      </c>
      <c r="F2576">
        <v>13.747299999999999</v>
      </c>
    </row>
    <row r="2577" spans="1:6" x14ac:dyDescent="0.25">
      <c r="A2577">
        <v>138.63</v>
      </c>
      <c r="B2577">
        <v>200.41</v>
      </c>
      <c r="C2577">
        <v>11072.7</v>
      </c>
      <c r="D2577">
        <v>1</v>
      </c>
      <c r="E2577">
        <v>15014.6</v>
      </c>
      <c r="F2577">
        <v>13.580500000000001</v>
      </c>
    </row>
    <row r="2578" spans="1:6" x14ac:dyDescent="0.25">
      <c r="A2578">
        <v>138.63</v>
      </c>
      <c r="B2578">
        <v>200.41</v>
      </c>
      <c r="C2578">
        <v>11072.7</v>
      </c>
      <c r="D2578">
        <v>1.3</v>
      </c>
      <c r="E2578">
        <v>14157.2</v>
      </c>
      <c r="F2578">
        <v>12.9474</v>
      </c>
    </row>
    <row r="2579" spans="1:6" x14ac:dyDescent="0.25">
      <c r="A2579">
        <v>138.63</v>
      </c>
      <c r="B2579">
        <v>200.41</v>
      </c>
      <c r="C2579">
        <v>11072.7</v>
      </c>
      <c r="D2579">
        <v>1.6</v>
      </c>
      <c r="E2579">
        <v>13661.2</v>
      </c>
      <c r="F2579">
        <v>12.961</v>
      </c>
    </row>
    <row r="2580" spans="1:6" x14ac:dyDescent="0.25">
      <c r="A2580">
        <v>138.63</v>
      </c>
      <c r="B2580">
        <v>200.41</v>
      </c>
      <c r="C2580">
        <v>11072.7</v>
      </c>
      <c r="D2580">
        <v>1.9</v>
      </c>
      <c r="E2580">
        <v>13417.4</v>
      </c>
      <c r="F2580">
        <v>13.7072</v>
      </c>
    </row>
    <row r="2581" spans="1:6" x14ac:dyDescent="0.25">
      <c r="A2581">
        <v>138.63</v>
      </c>
      <c r="B2581">
        <v>200.41</v>
      </c>
      <c r="C2581">
        <v>11072.7</v>
      </c>
      <c r="D2581">
        <v>2.2000000000000002</v>
      </c>
      <c r="E2581">
        <v>13121.6</v>
      </c>
      <c r="F2581">
        <v>13.726000000000001</v>
      </c>
    </row>
    <row r="2582" spans="1:6" x14ac:dyDescent="0.25">
      <c r="A2582">
        <v>138.63</v>
      </c>
      <c r="B2582">
        <v>200.41</v>
      </c>
      <c r="C2582">
        <v>11072.7</v>
      </c>
      <c r="D2582">
        <v>2.5</v>
      </c>
      <c r="E2582">
        <v>12932.8</v>
      </c>
      <c r="F2582">
        <v>13.739100000000001</v>
      </c>
    </row>
    <row r="2583" spans="1:6" x14ac:dyDescent="0.25">
      <c r="A2583">
        <v>138.63</v>
      </c>
      <c r="B2583">
        <v>200.41</v>
      </c>
      <c r="C2583">
        <v>11072.7</v>
      </c>
      <c r="D2583">
        <v>2.8</v>
      </c>
      <c r="E2583">
        <v>12700.2</v>
      </c>
      <c r="F2583">
        <v>13.7453</v>
      </c>
    </row>
    <row r="2584" spans="1:6" x14ac:dyDescent="0.25">
      <c r="A2584">
        <v>138.63</v>
      </c>
      <c r="B2584">
        <v>200.41</v>
      </c>
      <c r="C2584">
        <v>11072.7</v>
      </c>
      <c r="D2584">
        <v>3.1</v>
      </c>
      <c r="E2584">
        <v>12551.3</v>
      </c>
      <c r="F2584">
        <v>13.7502</v>
      </c>
    </row>
    <row r="2585" spans="1:6" x14ac:dyDescent="0.25">
      <c r="A2585">
        <v>138.63</v>
      </c>
      <c r="B2585">
        <v>200.41</v>
      </c>
      <c r="C2585">
        <v>11072.7</v>
      </c>
      <c r="D2585">
        <v>3.4</v>
      </c>
      <c r="E2585">
        <v>12567.3</v>
      </c>
      <c r="F2585">
        <v>13.750999999999999</v>
      </c>
    </row>
    <row r="2586" spans="1:6" x14ac:dyDescent="0.25">
      <c r="A2586">
        <v>138.63</v>
      </c>
      <c r="B2586">
        <v>200.41</v>
      </c>
      <c r="C2586">
        <v>11072.7</v>
      </c>
      <c r="D2586">
        <v>3.7</v>
      </c>
      <c r="E2586">
        <v>12395.4</v>
      </c>
      <c r="F2586">
        <v>13.750999999999999</v>
      </c>
    </row>
    <row r="2587" spans="1:6" x14ac:dyDescent="0.25">
      <c r="A2587">
        <v>138.63</v>
      </c>
      <c r="B2587">
        <v>200.41</v>
      </c>
      <c r="C2587">
        <v>11072.7</v>
      </c>
      <c r="D2587">
        <v>4</v>
      </c>
      <c r="E2587">
        <v>12333.5</v>
      </c>
      <c r="F2587">
        <v>13.747299999999999</v>
      </c>
    </row>
    <row r="2588" spans="1:6" x14ac:dyDescent="0.25">
      <c r="A2588">
        <v>138.63</v>
      </c>
      <c r="B2588">
        <v>200.41</v>
      </c>
      <c r="C2588">
        <v>12618.2</v>
      </c>
      <c r="D2588">
        <v>1</v>
      </c>
      <c r="E2588">
        <v>16610</v>
      </c>
      <c r="F2588">
        <v>13.580500000000001</v>
      </c>
    </row>
    <row r="2589" spans="1:6" x14ac:dyDescent="0.25">
      <c r="A2589">
        <v>138.63</v>
      </c>
      <c r="B2589">
        <v>200.41</v>
      </c>
      <c r="C2589">
        <v>12618.2</v>
      </c>
      <c r="D2589">
        <v>1.3</v>
      </c>
      <c r="E2589">
        <v>15692.9</v>
      </c>
      <c r="F2589">
        <v>12.9474</v>
      </c>
    </row>
    <row r="2590" spans="1:6" x14ac:dyDescent="0.25">
      <c r="A2590">
        <v>138.63</v>
      </c>
      <c r="B2590">
        <v>200.41</v>
      </c>
      <c r="C2590">
        <v>12618.2</v>
      </c>
      <c r="D2590">
        <v>1.6</v>
      </c>
      <c r="E2590">
        <v>15310.4</v>
      </c>
      <c r="F2590">
        <v>12.961</v>
      </c>
    </row>
    <row r="2591" spans="1:6" x14ac:dyDescent="0.25">
      <c r="A2591">
        <v>138.63</v>
      </c>
      <c r="B2591">
        <v>200.41</v>
      </c>
      <c r="C2591">
        <v>12618.2</v>
      </c>
      <c r="D2591">
        <v>1.9</v>
      </c>
      <c r="E2591">
        <v>14796.2</v>
      </c>
      <c r="F2591">
        <v>13.7072</v>
      </c>
    </row>
    <row r="2592" spans="1:6" x14ac:dyDescent="0.25">
      <c r="A2592">
        <v>138.63</v>
      </c>
      <c r="B2592">
        <v>200.41</v>
      </c>
      <c r="C2592">
        <v>12618.2</v>
      </c>
      <c r="D2592">
        <v>2.2000000000000002</v>
      </c>
      <c r="E2592">
        <v>14544.4</v>
      </c>
      <c r="F2592">
        <v>13.726000000000001</v>
      </c>
    </row>
    <row r="2593" spans="1:6" x14ac:dyDescent="0.25">
      <c r="A2593">
        <v>138.63</v>
      </c>
      <c r="B2593">
        <v>200.41</v>
      </c>
      <c r="C2593">
        <v>12618.2</v>
      </c>
      <c r="D2593">
        <v>2.5</v>
      </c>
      <c r="E2593">
        <v>14486.8</v>
      </c>
      <c r="F2593">
        <v>13.739100000000001</v>
      </c>
    </row>
    <row r="2594" spans="1:6" x14ac:dyDescent="0.25">
      <c r="A2594">
        <v>138.63</v>
      </c>
      <c r="B2594">
        <v>200.41</v>
      </c>
      <c r="C2594">
        <v>12618.2</v>
      </c>
      <c r="D2594">
        <v>2.8</v>
      </c>
      <c r="E2594">
        <v>14304.9</v>
      </c>
      <c r="F2594">
        <v>13.7453</v>
      </c>
    </row>
    <row r="2595" spans="1:6" x14ac:dyDescent="0.25">
      <c r="A2595">
        <v>138.63</v>
      </c>
      <c r="B2595">
        <v>200.41</v>
      </c>
      <c r="C2595">
        <v>12618.2</v>
      </c>
      <c r="D2595">
        <v>3.1</v>
      </c>
      <c r="E2595">
        <v>14134.1</v>
      </c>
      <c r="F2595">
        <v>13.7502</v>
      </c>
    </row>
    <row r="2596" spans="1:6" x14ac:dyDescent="0.25">
      <c r="A2596">
        <v>138.63</v>
      </c>
      <c r="B2596">
        <v>200.41</v>
      </c>
      <c r="C2596">
        <v>12618.2</v>
      </c>
      <c r="D2596">
        <v>3.4</v>
      </c>
      <c r="E2596">
        <v>14098.3</v>
      </c>
      <c r="F2596">
        <v>13.750999999999999</v>
      </c>
    </row>
    <row r="2597" spans="1:6" x14ac:dyDescent="0.25">
      <c r="A2597">
        <v>138.63</v>
      </c>
      <c r="B2597">
        <v>200.41</v>
      </c>
      <c r="C2597">
        <v>12618.2</v>
      </c>
      <c r="D2597">
        <v>3.7</v>
      </c>
      <c r="E2597">
        <v>13954.7</v>
      </c>
      <c r="F2597">
        <v>13.750999999999999</v>
      </c>
    </row>
    <row r="2598" spans="1:6" x14ac:dyDescent="0.25">
      <c r="A2598">
        <v>138.63</v>
      </c>
      <c r="B2598">
        <v>200.41</v>
      </c>
      <c r="C2598">
        <v>12618.2</v>
      </c>
      <c r="D2598">
        <v>4</v>
      </c>
      <c r="E2598">
        <v>13868</v>
      </c>
      <c r="F2598">
        <v>13.747299999999999</v>
      </c>
    </row>
    <row r="2599" spans="1:6" x14ac:dyDescent="0.25">
      <c r="A2599">
        <v>138.63</v>
      </c>
      <c r="B2599">
        <v>200.41</v>
      </c>
      <c r="C2599">
        <v>14163.6</v>
      </c>
      <c r="D2599">
        <v>1</v>
      </c>
      <c r="E2599">
        <v>18126.7</v>
      </c>
      <c r="F2599">
        <v>13.580500000000001</v>
      </c>
    </row>
    <row r="2600" spans="1:6" x14ac:dyDescent="0.25">
      <c r="A2600">
        <v>138.63</v>
      </c>
      <c r="B2600">
        <v>200.41</v>
      </c>
      <c r="C2600">
        <v>14163.6</v>
      </c>
      <c r="D2600">
        <v>1.3</v>
      </c>
      <c r="E2600">
        <v>17199.8</v>
      </c>
      <c r="F2600">
        <v>12.9474</v>
      </c>
    </row>
    <row r="2601" spans="1:6" x14ac:dyDescent="0.25">
      <c r="A2601">
        <v>138.63</v>
      </c>
      <c r="B2601">
        <v>200.41</v>
      </c>
      <c r="C2601">
        <v>14163.6</v>
      </c>
      <c r="D2601">
        <v>1.6</v>
      </c>
      <c r="E2601">
        <v>16864.599999999999</v>
      </c>
      <c r="F2601">
        <v>12.961</v>
      </c>
    </row>
    <row r="2602" spans="1:6" x14ac:dyDescent="0.25">
      <c r="A2602">
        <v>138.63</v>
      </c>
      <c r="B2602">
        <v>200.41</v>
      </c>
      <c r="C2602">
        <v>14163.6</v>
      </c>
      <c r="D2602">
        <v>1.9</v>
      </c>
      <c r="E2602">
        <v>16438.2</v>
      </c>
      <c r="F2602">
        <v>13.7072</v>
      </c>
    </row>
    <row r="2603" spans="1:6" x14ac:dyDescent="0.25">
      <c r="A2603">
        <v>138.63</v>
      </c>
      <c r="B2603">
        <v>200.41</v>
      </c>
      <c r="C2603">
        <v>14163.6</v>
      </c>
      <c r="D2603">
        <v>2.2000000000000002</v>
      </c>
      <c r="E2603">
        <v>16143.9</v>
      </c>
      <c r="F2603">
        <v>13.726000000000001</v>
      </c>
    </row>
    <row r="2604" spans="1:6" x14ac:dyDescent="0.25">
      <c r="A2604">
        <v>138.63</v>
      </c>
      <c r="B2604">
        <v>200.41</v>
      </c>
      <c r="C2604">
        <v>14163.6</v>
      </c>
      <c r="D2604">
        <v>2.5</v>
      </c>
      <c r="E2604">
        <v>15941.5</v>
      </c>
      <c r="F2604">
        <v>13.739100000000001</v>
      </c>
    </row>
    <row r="2605" spans="1:6" x14ac:dyDescent="0.25">
      <c r="A2605">
        <v>138.63</v>
      </c>
      <c r="B2605">
        <v>200.41</v>
      </c>
      <c r="C2605">
        <v>14163.6</v>
      </c>
      <c r="D2605">
        <v>2.8</v>
      </c>
      <c r="E2605">
        <v>15879.9</v>
      </c>
      <c r="F2605">
        <v>13.7453</v>
      </c>
    </row>
    <row r="2606" spans="1:6" x14ac:dyDescent="0.25">
      <c r="A2606">
        <v>138.63</v>
      </c>
      <c r="B2606">
        <v>200.41</v>
      </c>
      <c r="C2606">
        <v>14163.6</v>
      </c>
      <c r="D2606">
        <v>3.1</v>
      </c>
      <c r="E2606">
        <v>15687.6</v>
      </c>
      <c r="F2606">
        <v>13.7502</v>
      </c>
    </row>
    <row r="2607" spans="1:6" x14ac:dyDescent="0.25">
      <c r="A2607">
        <v>138.63</v>
      </c>
      <c r="B2607">
        <v>200.41</v>
      </c>
      <c r="C2607">
        <v>14163.6</v>
      </c>
      <c r="D2607">
        <v>3.4</v>
      </c>
      <c r="E2607">
        <v>15620.3</v>
      </c>
      <c r="F2607">
        <v>13.750999999999999</v>
      </c>
    </row>
    <row r="2608" spans="1:6" x14ac:dyDescent="0.25">
      <c r="A2608">
        <v>138.63</v>
      </c>
      <c r="B2608">
        <v>200.41</v>
      </c>
      <c r="C2608">
        <v>14163.6</v>
      </c>
      <c r="D2608">
        <v>3.7</v>
      </c>
      <c r="E2608">
        <v>15586.5</v>
      </c>
      <c r="F2608">
        <v>13.750999999999999</v>
      </c>
    </row>
    <row r="2609" spans="1:6" x14ac:dyDescent="0.25">
      <c r="A2609">
        <v>138.63</v>
      </c>
      <c r="B2609">
        <v>200.41</v>
      </c>
      <c r="C2609">
        <v>14163.6</v>
      </c>
      <c r="D2609">
        <v>4</v>
      </c>
      <c r="E2609">
        <v>15426.5</v>
      </c>
      <c r="F2609">
        <v>13.747299999999999</v>
      </c>
    </row>
    <row r="2610" spans="1:6" x14ac:dyDescent="0.25">
      <c r="A2610">
        <v>138.63</v>
      </c>
      <c r="B2610">
        <v>200.41</v>
      </c>
      <c r="C2610">
        <v>15709.1</v>
      </c>
      <c r="D2610">
        <v>1</v>
      </c>
      <c r="E2610">
        <v>19412.8</v>
      </c>
      <c r="F2610">
        <v>13.580500000000001</v>
      </c>
    </row>
    <row r="2611" spans="1:6" x14ac:dyDescent="0.25">
      <c r="A2611">
        <v>138.63</v>
      </c>
      <c r="B2611">
        <v>200.41</v>
      </c>
      <c r="C2611">
        <v>15709.1</v>
      </c>
      <c r="D2611">
        <v>1.3</v>
      </c>
      <c r="E2611">
        <v>18773.400000000001</v>
      </c>
      <c r="F2611">
        <v>12.9474</v>
      </c>
    </row>
    <row r="2612" spans="1:6" x14ac:dyDescent="0.25">
      <c r="A2612">
        <v>138.63</v>
      </c>
      <c r="B2612">
        <v>200.41</v>
      </c>
      <c r="C2612">
        <v>15709.1</v>
      </c>
      <c r="D2612">
        <v>1.6</v>
      </c>
      <c r="E2612">
        <v>18293.400000000001</v>
      </c>
      <c r="F2612">
        <v>12.961</v>
      </c>
    </row>
    <row r="2613" spans="1:6" x14ac:dyDescent="0.25">
      <c r="A2613">
        <v>138.63</v>
      </c>
      <c r="B2613">
        <v>200.41</v>
      </c>
      <c r="C2613">
        <v>15709.1</v>
      </c>
      <c r="D2613">
        <v>1.9</v>
      </c>
      <c r="E2613">
        <v>17965.7</v>
      </c>
      <c r="F2613">
        <v>13.7072</v>
      </c>
    </row>
    <row r="2614" spans="1:6" x14ac:dyDescent="0.25">
      <c r="A2614">
        <v>138.63</v>
      </c>
      <c r="B2614">
        <v>200.41</v>
      </c>
      <c r="C2614">
        <v>15709.1</v>
      </c>
      <c r="D2614">
        <v>2.2000000000000002</v>
      </c>
      <c r="E2614">
        <v>17721.599999999999</v>
      </c>
      <c r="F2614">
        <v>13.726000000000001</v>
      </c>
    </row>
    <row r="2615" spans="1:6" x14ac:dyDescent="0.25">
      <c r="A2615">
        <v>138.63</v>
      </c>
      <c r="B2615">
        <v>200.41</v>
      </c>
      <c r="C2615">
        <v>15709.1</v>
      </c>
      <c r="D2615">
        <v>2.5</v>
      </c>
      <c r="E2615">
        <v>17503.599999999999</v>
      </c>
      <c r="F2615">
        <v>13.739100000000001</v>
      </c>
    </row>
    <row r="2616" spans="1:6" x14ac:dyDescent="0.25">
      <c r="A2616">
        <v>138.63</v>
      </c>
      <c r="B2616">
        <v>200.41</v>
      </c>
      <c r="C2616">
        <v>15709.1</v>
      </c>
      <c r="D2616">
        <v>2.8</v>
      </c>
      <c r="E2616">
        <v>17364</v>
      </c>
      <c r="F2616">
        <v>13.7453</v>
      </c>
    </row>
    <row r="2617" spans="1:6" x14ac:dyDescent="0.25">
      <c r="A2617">
        <v>138.63</v>
      </c>
      <c r="B2617">
        <v>200.41</v>
      </c>
      <c r="C2617">
        <v>15709.1</v>
      </c>
      <c r="D2617">
        <v>3.1</v>
      </c>
      <c r="E2617">
        <v>17194.599999999999</v>
      </c>
      <c r="F2617">
        <v>13.7502</v>
      </c>
    </row>
    <row r="2618" spans="1:6" x14ac:dyDescent="0.25">
      <c r="A2618">
        <v>138.63</v>
      </c>
      <c r="B2618">
        <v>200.41</v>
      </c>
      <c r="C2618">
        <v>15709.1</v>
      </c>
      <c r="D2618">
        <v>3.4</v>
      </c>
      <c r="E2618">
        <v>17120.5</v>
      </c>
      <c r="F2618">
        <v>13.750999999999999</v>
      </c>
    </row>
    <row r="2619" spans="1:6" x14ac:dyDescent="0.25">
      <c r="A2619">
        <v>138.63</v>
      </c>
      <c r="B2619">
        <v>200.41</v>
      </c>
      <c r="C2619">
        <v>15709.1</v>
      </c>
      <c r="D2619">
        <v>3.7</v>
      </c>
      <c r="E2619">
        <v>17106.099999999999</v>
      </c>
      <c r="F2619">
        <v>13.750999999999999</v>
      </c>
    </row>
    <row r="2620" spans="1:6" x14ac:dyDescent="0.25">
      <c r="A2620">
        <v>138.63</v>
      </c>
      <c r="B2620">
        <v>200.41</v>
      </c>
      <c r="C2620">
        <v>15709.1</v>
      </c>
      <c r="D2620">
        <v>4</v>
      </c>
      <c r="E2620">
        <v>17042.5</v>
      </c>
      <c r="F2620">
        <v>13.747299999999999</v>
      </c>
    </row>
    <row r="2621" spans="1:6" x14ac:dyDescent="0.25">
      <c r="A2621">
        <v>138.63</v>
      </c>
      <c r="B2621">
        <v>200.41</v>
      </c>
      <c r="C2621">
        <v>17254.5</v>
      </c>
      <c r="D2621">
        <v>1</v>
      </c>
      <c r="E2621">
        <v>21131</v>
      </c>
      <c r="F2621">
        <v>13.580500000000001</v>
      </c>
    </row>
    <row r="2622" spans="1:6" x14ac:dyDescent="0.25">
      <c r="A2622">
        <v>138.63</v>
      </c>
      <c r="B2622">
        <v>200.41</v>
      </c>
      <c r="C2622">
        <v>17254.5</v>
      </c>
      <c r="D2622">
        <v>1.3</v>
      </c>
      <c r="E2622">
        <v>20433</v>
      </c>
      <c r="F2622">
        <v>12.9474</v>
      </c>
    </row>
    <row r="2623" spans="1:6" x14ac:dyDescent="0.25">
      <c r="A2623">
        <v>138.63</v>
      </c>
      <c r="B2623">
        <v>200.41</v>
      </c>
      <c r="C2623">
        <v>17254.5</v>
      </c>
      <c r="D2623">
        <v>1.6</v>
      </c>
      <c r="E2623">
        <v>19825</v>
      </c>
      <c r="F2623">
        <v>12.961</v>
      </c>
    </row>
    <row r="2624" spans="1:6" x14ac:dyDescent="0.25">
      <c r="A2624">
        <v>138.63</v>
      </c>
      <c r="B2624">
        <v>200.41</v>
      </c>
      <c r="C2624">
        <v>17254.5</v>
      </c>
      <c r="D2624">
        <v>1.9</v>
      </c>
      <c r="E2624">
        <v>19577.900000000001</v>
      </c>
      <c r="F2624">
        <v>13.7072</v>
      </c>
    </row>
    <row r="2625" spans="1:6" x14ac:dyDescent="0.25">
      <c r="A2625">
        <v>138.63</v>
      </c>
      <c r="B2625">
        <v>200.41</v>
      </c>
      <c r="C2625">
        <v>17254.5</v>
      </c>
      <c r="D2625">
        <v>2.2000000000000002</v>
      </c>
      <c r="E2625">
        <v>19339.900000000001</v>
      </c>
      <c r="F2625">
        <v>13.726000000000001</v>
      </c>
    </row>
    <row r="2626" spans="1:6" x14ac:dyDescent="0.25">
      <c r="A2626">
        <v>138.63</v>
      </c>
      <c r="B2626">
        <v>200.41</v>
      </c>
      <c r="C2626">
        <v>17254.5</v>
      </c>
      <c r="D2626">
        <v>2.5</v>
      </c>
      <c r="E2626">
        <v>19064.2</v>
      </c>
      <c r="F2626">
        <v>13.739100000000001</v>
      </c>
    </row>
    <row r="2627" spans="1:6" x14ac:dyDescent="0.25">
      <c r="A2627">
        <v>138.63</v>
      </c>
      <c r="B2627">
        <v>200.41</v>
      </c>
      <c r="C2627">
        <v>17254.5</v>
      </c>
      <c r="D2627">
        <v>2.8</v>
      </c>
      <c r="E2627">
        <v>18887.099999999999</v>
      </c>
      <c r="F2627">
        <v>13.7453</v>
      </c>
    </row>
    <row r="2628" spans="1:6" x14ac:dyDescent="0.25">
      <c r="A2628">
        <v>138.63</v>
      </c>
      <c r="B2628">
        <v>200.41</v>
      </c>
      <c r="C2628">
        <v>17254.5</v>
      </c>
      <c r="D2628">
        <v>3.1</v>
      </c>
      <c r="E2628">
        <v>18830.2</v>
      </c>
      <c r="F2628">
        <v>13.7502</v>
      </c>
    </row>
    <row r="2629" spans="1:6" x14ac:dyDescent="0.25">
      <c r="A2629">
        <v>138.63</v>
      </c>
      <c r="B2629">
        <v>200.41</v>
      </c>
      <c r="C2629">
        <v>17254.5</v>
      </c>
      <c r="D2629">
        <v>3.4</v>
      </c>
      <c r="E2629">
        <v>18741</v>
      </c>
      <c r="F2629">
        <v>13.750999999999999</v>
      </c>
    </row>
    <row r="2630" spans="1:6" x14ac:dyDescent="0.25">
      <c r="A2630">
        <v>138.63</v>
      </c>
      <c r="B2630">
        <v>200.41</v>
      </c>
      <c r="C2630">
        <v>17254.5</v>
      </c>
      <c r="D2630">
        <v>3.7</v>
      </c>
      <c r="E2630">
        <v>18589.5</v>
      </c>
      <c r="F2630">
        <v>13.750999999999999</v>
      </c>
    </row>
    <row r="2631" spans="1:6" x14ac:dyDescent="0.25">
      <c r="A2631">
        <v>138.63</v>
      </c>
      <c r="B2631">
        <v>200.41</v>
      </c>
      <c r="C2631">
        <v>17254.5</v>
      </c>
      <c r="D2631">
        <v>4</v>
      </c>
      <c r="E2631">
        <v>18495</v>
      </c>
      <c r="F2631">
        <v>13.747299999999999</v>
      </c>
    </row>
    <row r="2632" spans="1:6" x14ac:dyDescent="0.25">
      <c r="A2632">
        <v>138.63</v>
      </c>
      <c r="B2632">
        <v>200.41</v>
      </c>
      <c r="C2632">
        <v>18800</v>
      </c>
      <c r="D2632">
        <v>1</v>
      </c>
      <c r="E2632">
        <v>22749.9</v>
      </c>
      <c r="F2632">
        <v>13.580500000000001</v>
      </c>
    </row>
    <row r="2633" spans="1:6" x14ac:dyDescent="0.25">
      <c r="A2633">
        <v>138.63</v>
      </c>
      <c r="B2633">
        <v>200.41</v>
      </c>
      <c r="C2633">
        <v>18800</v>
      </c>
      <c r="D2633">
        <v>1.3</v>
      </c>
      <c r="E2633">
        <v>21995.8</v>
      </c>
      <c r="F2633">
        <v>12.9474</v>
      </c>
    </row>
    <row r="2634" spans="1:6" x14ac:dyDescent="0.25">
      <c r="A2634">
        <v>138.63</v>
      </c>
      <c r="B2634">
        <v>200.41</v>
      </c>
      <c r="C2634">
        <v>18800</v>
      </c>
      <c r="D2634">
        <v>1.6</v>
      </c>
      <c r="E2634">
        <v>21385</v>
      </c>
      <c r="F2634">
        <v>12.961</v>
      </c>
    </row>
    <row r="2635" spans="1:6" x14ac:dyDescent="0.25">
      <c r="A2635">
        <v>138.63</v>
      </c>
      <c r="B2635">
        <v>200.41</v>
      </c>
      <c r="C2635">
        <v>18800</v>
      </c>
      <c r="D2635">
        <v>1.9</v>
      </c>
      <c r="E2635">
        <v>21062.400000000001</v>
      </c>
      <c r="F2635">
        <v>13.7072</v>
      </c>
    </row>
    <row r="2636" spans="1:6" x14ac:dyDescent="0.25">
      <c r="A2636">
        <v>138.63</v>
      </c>
      <c r="B2636">
        <v>200.41</v>
      </c>
      <c r="C2636">
        <v>18800</v>
      </c>
      <c r="D2636">
        <v>2.2000000000000002</v>
      </c>
      <c r="E2636">
        <v>20843.099999999999</v>
      </c>
      <c r="F2636">
        <v>13.726000000000001</v>
      </c>
    </row>
    <row r="2637" spans="1:6" x14ac:dyDescent="0.25">
      <c r="A2637">
        <v>138.63</v>
      </c>
      <c r="B2637">
        <v>200.41</v>
      </c>
      <c r="C2637">
        <v>18800</v>
      </c>
      <c r="D2637">
        <v>2.5</v>
      </c>
      <c r="E2637">
        <v>20571.400000000001</v>
      </c>
      <c r="F2637">
        <v>13.739100000000001</v>
      </c>
    </row>
    <row r="2638" spans="1:6" x14ac:dyDescent="0.25">
      <c r="A2638">
        <v>138.63</v>
      </c>
      <c r="B2638">
        <v>200.41</v>
      </c>
      <c r="C2638">
        <v>18800</v>
      </c>
      <c r="D2638">
        <v>2.8</v>
      </c>
      <c r="E2638">
        <v>20510.5</v>
      </c>
      <c r="F2638">
        <v>13.7453</v>
      </c>
    </row>
    <row r="2639" spans="1:6" x14ac:dyDescent="0.25">
      <c r="A2639">
        <v>138.63</v>
      </c>
      <c r="B2639">
        <v>200.41</v>
      </c>
      <c r="C2639">
        <v>18800</v>
      </c>
      <c r="D2639">
        <v>3.1</v>
      </c>
      <c r="E2639">
        <v>20409</v>
      </c>
      <c r="F2639">
        <v>13.7502</v>
      </c>
    </row>
    <row r="2640" spans="1:6" x14ac:dyDescent="0.25">
      <c r="A2640">
        <v>138.63</v>
      </c>
      <c r="B2640">
        <v>200.41</v>
      </c>
      <c r="C2640">
        <v>18800</v>
      </c>
      <c r="D2640">
        <v>3.4</v>
      </c>
      <c r="E2640">
        <v>20226.900000000001</v>
      </c>
      <c r="F2640">
        <v>13.750999999999999</v>
      </c>
    </row>
    <row r="2641" spans="1:6" x14ac:dyDescent="0.25">
      <c r="A2641">
        <v>138.63</v>
      </c>
      <c r="B2641">
        <v>200.41</v>
      </c>
      <c r="C2641">
        <v>18800</v>
      </c>
      <c r="D2641">
        <v>3.7</v>
      </c>
      <c r="E2641">
        <v>20205.400000000001</v>
      </c>
      <c r="F2641">
        <v>13.750999999999999</v>
      </c>
    </row>
    <row r="2642" spans="1:6" x14ac:dyDescent="0.25">
      <c r="A2642">
        <v>138.63</v>
      </c>
      <c r="B2642">
        <v>200.41</v>
      </c>
      <c r="C2642">
        <v>18800</v>
      </c>
      <c r="D2642">
        <v>4</v>
      </c>
      <c r="E2642">
        <v>20158.2</v>
      </c>
      <c r="F2642">
        <v>13.747299999999999</v>
      </c>
    </row>
    <row r="2643" spans="1:6" x14ac:dyDescent="0.25">
      <c r="A2643">
        <v>138.63</v>
      </c>
      <c r="B2643">
        <v>204.04</v>
      </c>
      <c r="C2643">
        <v>1800</v>
      </c>
      <c r="D2643">
        <v>1</v>
      </c>
      <c r="E2643">
        <v>5651.42</v>
      </c>
      <c r="F2643">
        <v>60.465899999999998</v>
      </c>
    </row>
    <row r="2644" spans="1:6" x14ac:dyDescent="0.25">
      <c r="A2644">
        <v>138.63</v>
      </c>
      <c r="B2644">
        <v>204.04</v>
      </c>
      <c r="C2644">
        <v>1800</v>
      </c>
      <c r="D2644">
        <v>1.3</v>
      </c>
      <c r="E2644">
        <v>5058.9399999999996</v>
      </c>
      <c r="F2644">
        <v>74.974500000000006</v>
      </c>
    </row>
    <row r="2645" spans="1:6" x14ac:dyDescent="0.25">
      <c r="A2645">
        <v>138.63</v>
      </c>
      <c r="B2645">
        <v>204.04</v>
      </c>
      <c r="C2645">
        <v>1800</v>
      </c>
      <c r="D2645">
        <v>1.6</v>
      </c>
      <c r="E2645">
        <v>4595.93</v>
      </c>
      <c r="F2645">
        <v>83.082999999999998</v>
      </c>
    </row>
    <row r="2646" spans="1:6" x14ac:dyDescent="0.25">
      <c r="A2646">
        <v>138.63</v>
      </c>
      <c r="B2646">
        <v>204.04</v>
      </c>
      <c r="C2646">
        <v>1800</v>
      </c>
      <c r="D2646">
        <v>1.9</v>
      </c>
      <c r="E2646">
        <v>4327.4799999999996</v>
      </c>
      <c r="F2646">
        <v>90.424800000000005</v>
      </c>
    </row>
    <row r="2647" spans="1:6" x14ac:dyDescent="0.25">
      <c r="A2647">
        <v>138.63</v>
      </c>
      <c r="B2647">
        <v>204.04</v>
      </c>
      <c r="C2647">
        <v>1800</v>
      </c>
      <c r="D2647">
        <v>2.2000000000000002</v>
      </c>
      <c r="E2647">
        <v>4064.24</v>
      </c>
      <c r="F2647">
        <v>94.442499999999995</v>
      </c>
    </row>
    <row r="2648" spans="1:6" x14ac:dyDescent="0.25">
      <c r="A2648">
        <v>138.63</v>
      </c>
      <c r="B2648">
        <v>204.04</v>
      </c>
      <c r="C2648">
        <v>1800</v>
      </c>
      <c r="D2648">
        <v>2.5</v>
      </c>
      <c r="E2648">
        <v>3866.2</v>
      </c>
      <c r="F2648">
        <v>98.551299999999998</v>
      </c>
    </row>
    <row r="2649" spans="1:6" x14ac:dyDescent="0.25">
      <c r="A2649">
        <v>138.63</v>
      </c>
      <c r="B2649">
        <v>204.04</v>
      </c>
      <c r="C2649">
        <v>1800</v>
      </c>
      <c r="D2649">
        <v>2.8</v>
      </c>
      <c r="E2649">
        <v>3719.57</v>
      </c>
      <c r="F2649">
        <v>98.281300000000002</v>
      </c>
    </row>
    <row r="2650" spans="1:6" x14ac:dyDescent="0.25">
      <c r="A2650">
        <v>138.63</v>
      </c>
      <c r="B2650">
        <v>204.04</v>
      </c>
      <c r="C2650">
        <v>1800</v>
      </c>
      <c r="D2650">
        <v>3.1</v>
      </c>
      <c r="E2650">
        <v>3623.05</v>
      </c>
      <c r="F2650">
        <v>102.64</v>
      </c>
    </row>
    <row r="2651" spans="1:6" x14ac:dyDescent="0.25">
      <c r="A2651">
        <v>138.63</v>
      </c>
      <c r="B2651">
        <v>204.04</v>
      </c>
      <c r="C2651">
        <v>1800</v>
      </c>
      <c r="D2651">
        <v>3.4</v>
      </c>
      <c r="E2651">
        <v>3522.23</v>
      </c>
      <c r="F2651">
        <v>107.72</v>
      </c>
    </row>
    <row r="2652" spans="1:6" x14ac:dyDescent="0.25">
      <c r="A2652">
        <v>138.63</v>
      </c>
      <c r="B2652">
        <v>204.04</v>
      </c>
      <c r="C2652">
        <v>1800</v>
      </c>
      <c r="D2652">
        <v>3.7</v>
      </c>
      <c r="E2652">
        <v>3441.67</v>
      </c>
      <c r="F2652">
        <v>114.27500000000001</v>
      </c>
    </row>
    <row r="2653" spans="1:6" x14ac:dyDescent="0.25">
      <c r="A2653">
        <v>138.63</v>
      </c>
      <c r="B2653">
        <v>204.04</v>
      </c>
      <c r="C2653">
        <v>1800</v>
      </c>
      <c r="D2653">
        <v>4</v>
      </c>
      <c r="E2653">
        <v>3369.21</v>
      </c>
      <c r="F2653">
        <v>116.744</v>
      </c>
    </row>
    <row r="2654" spans="1:6" x14ac:dyDescent="0.25">
      <c r="A2654">
        <v>138.63</v>
      </c>
      <c r="B2654">
        <v>204.04</v>
      </c>
      <c r="C2654">
        <v>3345.45</v>
      </c>
      <c r="D2654">
        <v>1</v>
      </c>
      <c r="E2654">
        <v>7002.39</v>
      </c>
      <c r="F2654">
        <v>32.992199999999997</v>
      </c>
    </row>
    <row r="2655" spans="1:6" x14ac:dyDescent="0.25">
      <c r="A2655">
        <v>138.63</v>
      </c>
      <c r="B2655">
        <v>204.04</v>
      </c>
      <c r="C2655">
        <v>3345.45</v>
      </c>
      <c r="D2655">
        <v>1.3</v>
      </c>
      <c r="E2655">
        <v>6379.41</v>
      </c>
      <c r="F2655">
        <v>42.511099999999999</v>
      </c>
    </row>
    <row r="2656" spans="1:6" x14ac:dyDescent="0.25">
      <c r="A2656">
        <v>138.63</v>
      </c>
      <c r="B2656">
        <v>204.04</v>
      </c>
      <c r="C2656">
        <v>3345.45</v>
      </c>
      <c r="D2656">
        <v>1.6</v>
      </c>
      <c r="E2656">
        <v>5976.22</v>
      </c>
      <c r="F2656">
        <v>47.669600000000003</v>
      </c>
    </row>
    <row r="2657" spans="1:6" x14ac:dyDescent="0.25">
      <c r="A2657">
        <v>138.63</v>
      </c>
      <c r="B2657">
        <v>204.04</v>
      </c>
      <c r="C2657">
        <v>3345.45</v>
      </c>
      <c r="D2657">
        <v>1.9</v>
      </c>
      <c r="E2657">
        <v>5733.43</v>
      </c>
      <c r="F2657">
        <v>55.031399999999998</v>
      </c>
    </row>
    <row r="2658" spans="1:6" x14ac:dyDescent="0.25">
      <c r="A2658">
        <v>138.63</v>
      </c>
      <c r="B2658">
        <v>204.04</v>
      </c>
      <c r="C2658">
        <v>3345.45</v>
      </c>
      <c r="D2658">
        <v>2.2000000000000002</v>
      </c>
      <c r="E2658">
        <v>5543.7</v>
      </c>
      <c r="F2658">
        <v>61.273099999999999</v>
      </c>
    </row>
    <row r="2659" spans="1:6" x14ac:dyDescent="0.25">
      <c r="A2659">
        <v>138.63</v>
      </c>
      <c r="B2659">
        <v>204.04</v>
      </c>
      <c r="C2659">
        <v>3345.45</v>
      </c>
      <c r="D2659">
        <v>2.5</v>
      </c>
      <c r="E2659">
        <v>5319.11</v>
      </c>
      <c r="F2659">
        <v>65.835800000000006</v>
      </c>
    </row>
    <row r="2660" spans="1:6" x14ac:dyDescent="0.25">
      <c r="A2660">
        <v>138.63</v>
      </c>
      <c r="B2660">
        <v>204.04</v>
      </c>
      <c r="C2660">
        <v>3345.45</v>
      </c>
      <c r="D2660">
        <v>2.8</v>
      </c>
      <c r="E2660">
        <v>5193.49</v>
      </c>
      <c r="F2660">
        <v>66.573899999999995</v>
      </c>
    </row>
    <row r="2661" spans="1:6" x14ac:dyDescent="0.25">
      <c r="A2661">
        <v>138.63</v>
      </c>
      <c r="B2661">
        <v>204.04</v>
      </c>
      <c r="C2661">
        <v>3345.45</v>
      </c>
      <c r="D2661">
        <v>3.1</v>
      </c>
      <c r="E2661">
        <v>5042.45</v>
      </c>
      <c r="F2661">
        <v>70.257300000000001</v>
      </c>
    </row>
    <row r="2662" spans="1:6" x14ac:dyDescent="0.25">
      <c r="A2662">
        <v>138.63</v>
      </c>
      <c r="B2662">
        <v>204.04</v>
      </c>
      <c r="C2662">
        <v>3345.45</v>
      </c>
      <c r="D2662">
        <v>3.4</v>
      </c>
      <c r="E2662">
        <v>4950.37</v>
      </c>
      <c r="F2662">
        <v>70.465699999999998</v>
      </c>
    </row>
    <row r="2663" spans="1:6" x14ac:dyDescent="0.25">
      <c r="A2663">
        <v>138.63</v>
      </c>
      <c r="B2663">
        <v>204.04</v>
      </c>
      <c r="C2663">
        <v>3345.45</v>
      </c>
      <c r="D2663">
        <v>3.7</v>
      </c>
      <c r="E2663">
        <v>4897.9799999999996</v>
      </c>
      <c r="F2663">
        <v>78.416200000000003</v>
      </c>
    </row>
    <row r="2664" spans="1:6" x14ac:dyDescent="0.25">
      <c r="A2664">
        <v>138.63</v>
      </c>
      <c r="B2664">
        <v>204.04</v>
      </c>
      <c r="C2664">
        <v>3345.45</v>
      </c>
      <c r="D2664">
        <v>4</v>
      </c>
      <c r="E2664">
        <v>4811.28</v>
      </c>
      <c r="F2664">
        <v>82.965699999999998</v>
      </c>
    </row>
    <row r="2665" spans="1:6" x14ac:dyDescent="0.25">
      <c r="A2665">
        <v>138.63</v>
      </c>
      <c r="B2665">
        <v>204.04</v>
      </c>
      <c r="C2665">
        <v>4890.8999999999996</v>
      </c>
      <c r="D2665">
        <v>1</v>
      </c>
      <c r="E2665">
        <v>8214.94</v>
      </c>
      <c r="F2665">
        <v>15.187900000000001</v>
      </c>
    </row>
    <row r="2666" spans="1:6" x14ac:dyDescent="0.25">
      <c r="A2666">
        <v>138.63</v>
      </c>
      <c r="B2666">
        <v>204.04</v>
      </c>
      <c r="C2666">
        <v>4890.8999999999996</v>
      </c>
      <c r="D2666">
        <v>1.3</v>
      </c>
      <c r="E2666">
        <v>7883.41</v>
      </c>
      <c r="F2666">
        <v>17.122499999999999</v>
      </c>
    </row>
    <row r="2667" spans="1:6" x14ac:dyDescent="0.25">
      <c r="A2667">
        <v>138.63</v>
      </c>
      <c r="B2667">
        <v>204.04</v>
      </c>
      <c r="C2667">
        <v>4890.8999999999996</v>
      </c>
      <c r="D2667">
        <v>1.6</v>
      </c>
      <c r="E2667">
        <v>7480.13</v>
      </c>
      <c r="F2667">
        <v>19.802199999999999</v>
      </c>
    </row>
    <row r="2668" spans="1:6" x14ac:dyDescent="0.25">
      <c r="A2668">
        <v>138.63</v>
      </c>
      <c r="B2668">
        <v>204.04</v>
      </c>
      <c r="C2668">
        <v>4890.8999999999996</v>
      </c>
      <c r="D2668">
        <v>1.9</v>
      </c>
      <c r="E2668">
        <v>7124.6</v>
      </c>
      <c r="F2668">
        <v>22.1754</v>
      </c>
    </row>
    <row r="2669" spans="1:6" x14ac:dyDescent="0.25">
      <c r="A2669">
        <v>138.63</v>
      </c>
      <c r="B2669">
        <v>204.04</v>
      </c>
      <c r="C2669">
        <v>4890.8999999999996</v>
      </c>
      <c r="D2669">
        <v>2.2000000000000002</v>
      </c>
      <c r="E2669">
        <v>6902.58</v>
      </c>
      <c r="F2669">
        <v>24.191099999999999</v>
      </c>
    </row>
    <row r="2670" spans="1:6" x14ac:dyDescent="0.25">
      <c r="A2670">
        <v>138.63</v>
      </c>
      <c r="B2670">
        <v>204.04</v>
      </c>
      <c r="C2670">
        <v>4890.8999999999996</v>
      </c>
      <c r="D2670">
        <v>2.5</v>
      </c>
      <c r="E2670">
        <v>6804.21</v>
      </c>
      <c r="F2670">
        <v>26.909400000000002</v>
      </c>
    </row>
    <row r="2671" spans="1:6" x14ac:dyDescent="0.25">
      <c r="A2671">
        <v>138.63</v>
      </c>
      <c r="B2671">
        <v>204.04</v>
      </c>
      <c r="C2671">
        <v>4890.8999999999996</v>
      </c>
      <c r="D2671">
        <v>2.8</v>
      </c>
      <c r="E2671">
        <v>6710.38</v>
      </c>
      <c r="F2671">
        <v>27.901800000000001</v>
      </c>
    </row>
    <row r="2672" spans="1:6" x14ac:dyDescent="0.25">
      <c r="A2672">
        <v>138.63</v>
      </c>
      <c r="B2672">
        <v>204.04</v>
      </c>
      <c r="C2672">
        <v>4890.8999999999996</v>
      </c>
      <c r="D2672">
        <v>3.1</v>
      </c>
      <c r="E2672">
        <v>6519.58</v>
      </c>
      <c r="F2672">
        <v>30.280999999999999</v>
      </c>
    </row>
    <row r="2673" spans="1:6" x14ac:dyDescent="0.25">
      <c r="A2673">
        <v>138.63</v>
      </c>
      <c r="B2673">
        <v>204.04</v>
      </c>
      <c r="C2673">
        <v>4890.8999999999996</v>
      </c>
      <c r="D2673">
        <v>3.4</v>
      </c>
      <c r="E2673">
        <v>6402.73</v>
      </c>
      <c r="F2673">
        <v>31.091999999999999</v>
      </c>
    </row>
    <row r="2674" spans="1:6" x14ac:dyDescent="0.25">
      <c r="A2674">
        <v>138.63</v>
      </c>
      <c r="B2674">
        <v>204.04</v>
      </c>
      <c r="C2674">
        <v>4890.8999999999996</v>
      </c>
      <c r="D2674">
        <v>3.7</v>
      </c>
      <c r="E2674">
        <v>6353.16</v>
      </c>
      <c r="F2674">
        <v>36.785899999999998</v>
      </c>
    </row>
    <row r="2675" spans="1:6" x14ac:dyDescent="0.25">
      <c r="A2675">
        <v>138.63</v>
      </c>
      <c r="B2675">
        <v>204.04</v>
      </c>
      <c r="C2675">
        <v>4890.8999999999996</v>
      </c>
      <c r="D2675">
        <v>4</v>
      </c>
      <c r="E2675">
        <v>6287.66</v>
      </c>
      <c r="F2675">
        <v>39.558199999999999</v>
      </c>
    </row>
    <row r="2676" spans="1:6" x14ac:dyDescent="0.25">
      <c r="A2676">
        <v>138.63</v>
      </c>
      <c r="B2676">
        <v>204.04</v>
      </c>
      <c r="C2676">
        <v>6436.35</v>
      </c>
      <c r="D2676">
        <v>1</v>
      </c>
      <c r="E2676">
        <v>9941.81</v>
      </c>
      <c r="F2676">
        <v>11.4657</v>
      </c>
    </row>
    <row r="2677" spans="1:6" x14ac:dyDescent="0.25">
      <c r="A2677">
        <v>138.63</v>
      </c>
      <c r="B2677">
        <v>204.04</v>
      </c>
      <c r="C2677">
        <v>6436.35</v>
      </c>
      <c r="D2677">
        <v>1.3</v>
      </c>
      <c r="E2677">
        <v>9197.68</v>
      </c>
      <c r="F2677">
        <v>12.131600000000001</v>
      </c>
    </row>
    <row r="2678" spans="1:6" x14ac:dyDescent="0.25">
      <c r="A2678">
        <v>138.63</v>
      </c>
      <c r="B2678">
        <v>204.04</v>
      </c>
      <c r="C2678">
        <v>6436.35</v>
      </c>
      <c r="D2678">
        <v>1.6</v>
      </c>
      <c r="E2678">
        <v>8943.27</v>
      </c>
      <c r="F2678">
        <v>11.943899999999999</v>
      </c>
    </row>
    <row r="2679" spans="1:6" x14ac:dyDescent="0.25">
      <c r="A2679">
        <v>138.63</v>
      </c>
      <c r="B2679">
        <v>204.04</v>
      </c>
      <c r="C2679">
        <v>6436.35</v>
      </c>
      <c r="D2679">
        <v>1.9</v>
      </c>
      <c r="E2679">
        <v>8552.11</v>
      </c>
      <c r="F2679">
        <v>11.645799999999999</v>
      </c>
    </row>
    <row r="2680" spans="1:6" x14ac:dyDescent="0.25">
      <c r="A2680">
        <v>138.63</v>
      </c>
      <c r="B2680">
        <v>204.04</v>
      </c>
      <c r="C2680">
        <v>6436.35</v>
      </c>
      <c r="D2680">
        <v>2.2000000000000002</v>
      </c>
      <c r="E2680">
        <v>8314.89</v>
      </c>
      <c r="F2680">
        <v>11.2128</v>
      </c>
    </row>
    <row r="2681" spans="1:6" x14ac:dyDescent="0.25">
      <c r="A2681">
        <v>138.63</v>
      </c>
      <c r="B2681">
        <v>204.04</v>
      </c>
      <c r="C2681">
        <v>6436.35</v>
      </c>
      <c r="D2681">
        <v>2.5</v>
      </c>
      <c r="E2681">
        <v>8278.3799999999992</v>
      </c>
      <c r="F2681">
        <v>10.815099999999999</v>
      </c>
    </row>
    <row r="2682" spans="1:6" x14ac:dyDescent="0.25">
      <c r="A2682">
        <v>138.63</v>
      </c>
      <c r="B2682">
        <v>204.04</v>
      </c>
      <c r="C2682">
        <v>6436.35</v>
      </c>
      <c r="D2682">
        <v>2.8</v>
      </c>
      <c r="E2682">
        <v>8142.05</v>
      </c>
      <c r="F2682">
        <v>10.4466</v>
      </c>
    </row>
    <row r="2683" spans="1:6" x14ac:dyDescent="0.25">
      <c r="A2683">
        <v>138.63</v>
      </c>
      <c r="B2683">
        <v>204.04</v>
      </c>
      <c r="C2683">
        <v>6436.35</v>
      </c>
      <c r="D2683">
        <v>3.1</v>
      </c>
      <c r="E2683">
        <v>8014.32</v>
      </c>
      <c r="F2683">
        <v>10.127000000000001</v>
      </c>
    </row>
    <row r="2684" spans="1:6" x14ac:dyDescent="0.25">
      <c r="A2684">
        <v>138.63</v>
      </c>
      <c r="B2684">
        <v>204.04</v>
      </c>
      <c r="C2684">
        <v>6436.35</v>
      </c>
      <c r="D2684">
        <v>3.4</v>
      </c>
      <c r="E2684">
        <v>7852.98</v>
      </c>
      <c r="F2684">
        <v>13.0106</v>
      </c>
    </row>
    <row r="2685" spans="1:6" x14ac:dyDescent="0.25">
      <c r="A2685">
        <v>138.63</v>
      </c>
      <c r="B2685">
        <v>204.04</v>
      </c>
      <c r="C2685">
        <v>6436.35</v>
      </c>
      <c r="D2685">
        <v>3.7</v>
      </c>
      <c r="E2685">
        <v>7830.4</v>
      </c>
      <c r="F2685">
        <v>13.1416</v>
      </c>
    </row>
    <row r="2686" spans="1:6" x14ac:dyDescent="0.25">
      <c r="A2686">
        <v>138.63</v>
      </c>
      <c r="B2686">
        <v>204.04</v>
      </c>
      <c r="C2686">
        <v>6436.35</v>
      </c>
      <c r="D2686">
        <v>4</v>
      </c>
      <c r="E2686">
        <v>7768.18</v>
      </c>
      <c r="F2686">
        <v>13.364000000000001</v>
      </c>
    </row>
    <row r="2687" spans="1:6" x14ac:dyDescent="0.25">
      <c r="A2687">
        <v>138.63</v>
      </c>
      <c r="B2687">
        <v>204.04</v>
      </c>
      <c r="C2687">
        <v>7981.8</v>
      </c>
      <c r="D2687">
        <v>1</v>
      </c>
      <c r="E2687">
        <v>11792.8</v>
      </c>
      <c r="F2687">
        <v>13.580500000000001</v>
      </c>
    </row>
    <row r="2688" spans="1:6" x14ac:dyDescent="0.25">
      <c r="A2688">
        <v>138.63</v>
      </c>
      <c r="B2688">
        <v>204.04</v>
      </c>
      <c r="C2688">
        <v>7981.8</v>
      </c>
      <c r="D2688">
        <v>1.3</v>
      </c>
      <c r="E2688">
        <v>10963.5</v>
      </c>
      <c r="F2688">
        <v>12.8447</v>
      </c>
    </row>
    <row r="2689" spans="1:6" x14ac:dyDescent="0.25">
      <c r="A2689">
        <v>138.63</v>
      </c>
      <c r="B2689">
        <v>204.04</v>
      </c>
      <c r="C2689">
        <v>7981.8</v>
      </c>
      <c r="D2689">
        <v>1.6</v>
      </c>
      <c r="E2689">
        <v>10511.5</v>
      </c>
      <c r="F2689">
        <v>12.911199999999999</v>
      </c>
    </row>
    <row r="2690" spans="1:6" x14ac:dyDescent="0.25">
      <c r="A2690">
        <v>138.63</v>
      </c>
      <c r="B2690">
        <v>204.04</v>
      </c>
      <c r="C2690">
        <v>7981.8</v>
      </c>
      <c r="D2690">
        <v>1.9</v>
      </c>
      <c r="E2690">
        <v>10242.9</v>
      </c>
      <c r="F2690">
        <v>13.7072</v>
      </c>
    </row>
    <row r="2691" spans="1:6" x14ac:dyDescent="0.25">
      <c r="A2691">
        <v>138.63</v>
      </c>
      <c r="B2691">
        <v>204.04</v>
      </c>
      <c r="C2691">
        <v>7981.8</v>
      </c>
      <c r="D2691">
        <v>2.2000000000000002</v>
      </c>
      <c r="E2691">
        <v>9950.89</v>
      </c>
      <c r="F2691">
        <v>13.726000000000001</v>
      </c>
    </row>
    <row r="2692" spans="1:6" x14ac:dyDescent="0.25">
      <c r="A2692">
        <v>138.63</v>
      </c>
      <c r="B2692">
        <v>204.04</v>
      </c>
      <c r="C2692">
        <v>7981.8</v>
      </c>
      <c r="D2692">
        <v>2.5</v>
      </c>
      <c r="E2692">
        <v>9742.3700000000008</v>
      </c>
      <c r="F2692">
        <v>13.739100000000001</v>
      </c>
    </row>
    <row r="2693" spans="1:6" x14ac:dyDescent="0.25">
      <c r="A2693">
        <v>138.63</v>
      </c>
      <c r="B2693">
        <v>204.04</v>
      </c>
      <c r="C2693">
        <v>7981.8</v>
      </c>
      <c r="D2693">
        <v>2.8</v>
      </c>
      <c r="E2693">
        <v>9606.9599999999991</v>
      </c>
      <c r="F2693">
        <v>13.7453</v>
      </c>
    </row>
    <row r="2694" spans="1:6" x14ac:dyDescent="0.25">
      <c r="A2694">
        <v>138.63</v>
      </c>
      <c r="B2694">
        <v>204.04</v>
      </c>
      <c r="C2694">
        <v>7981.8</v>
      </c>
      <c r="D2694">
        <v>3.1</v>
      </c>
      <c r="E2694">
        <v>9483.83</v>
      </c>
      <c r="F2694">
        <v>13.7502</v>
      </c>
    </row>
    <row r="2695" spans="1:6" x14ac:dyDescent="0.25">
      <c r="A2695">
        <v>138.63</v>
      </c>
      <c r="B2695">
        <v>204.04</v>
      </c>
      <c r="C2695">
        <v>7981.8</v>
      </c>
      <c r="D2695">
        <v>3.4</v>
      </c>
      <c r="E2695">
        <v>9378.6200000000008</v>
      </c>
      <c r="F2695">
        <v>13.750999999999999</v>
      </c>
    </row>
    <row r="2696" spans="1:6" x14ac:dyDescent="0.25">
      <c r="A2696">
        <v>138.63</v>
      </c>
      <c r="B2696">
        <v>204.04</v>
      </c>
      <c r="C2696">
        <v>7981.8</v>
      </c>
      <c r="D2696">
        <v>3.7</v>
      </c>
      <c r="E2696">
        <v>9354.56</v>
      </c>
      <c r="F2696">
        <v>13.750999999999999</v>
      </c>
    </row>
    <row r="2697" spans="1:6" x14ac:dyDescent="0.25">
      <c r="A2697">
        <v>138.63</v>
      </c>
      <c r="B2697">
        <v>204.04</v>
      </c>
      <c r="C2697">
        <v>7981.8</v>
      </c>
      <c r="D2697">
        <v>4</v>
      </c>
      <c r="E2697">
        <v>9258.2000000000007</v>
      </c>
      <c r="F2697">
        <v>13.747299999999999</v>
      </c>
    </row>
    <row r="2698" spans="1:6" x14ac:dyDescent="0.25">
      <c r="A2698">
        <v>138.63</v>
      </c>
      <c r="B2698">
        <v>204.04</v>
      </c>
      <c r="C2698">
        <v>9527.25</v>
      </c>
      <c r="D2698">
        <v>1</v>
      </c>
      <c r="E2698">
        <v>13400.7</v>
      </c>
      <c r="F2698">
        <v>13.580500000000001</v>
      </c>
    </row>
    <row r="2699" spans="1:6" x14ac:dyDescent="0.25">
      <c r="A2699">
        <v>138.63</v>
      </c>
      <c r="B2699">
        <v>204.04</v>
      </c>
      <c r="C2699">
        <v>9527.25</v>
      </c>
      <c r="D2699">
        <v>1.3</v>
      </c>
      <c r="E2699">
        <v>12647.8</v>
      </c>
      <c r="F2699">
        <v>12.9474</v>
      </c>
    </row>
    <row r="2700" spans="1:6" x14ac:dyDescent="0.25">
      <c r="A2700">
        <v>138.63</v>
      </c>
      <c r="B2700">
        <v>204.04</v>
      </c>
      <c r="C2700">
        <v>9527.25</v>
      </c>
      <c r="D2700">
        <v>1.6</v>
      </c>
      <c r="E2700">
        <v>12108.9</v>
      </c>
      <c r="F2700">
        <v>12.961</v>
      </c>
    </row>
    <row r="2701" spans="1:6" x14ac:dyDescent="0.25">
      <c r="A2701">
        <v>138.63</v>
      </c>
      <c r="B2701">
        <v>204.04</v>
      </c>
      <c r="C2701">
        <v>9527.25</v>
      </c>
      <c r="D2701">
        <v>1.9</v>
      </c>
      <c r="E2701">
        <v>11674.4</v>
      </c>
      <c r="F2701">
        <v>13.7072</v>
      </c>
    </row>
    <row r="2702" spans="1:6" x14ac:dyDescent="0.25">
      <c r="A2702">
        <v>138.63</v>
      </c>
      <c r="B2702">
        <v>204.04</v>
      </c>
      <c r="C2702">
        <v>9527.25</v>
      </c>
      <c r="D2702">
        <v>2.2000000000000002</v>
      </c>
      <c r="E2702">
        <v>11458.6</v>
      </c>
      <c r="F2702">
        <v>13.726000000000001</v>
      </c>
    </row>
    <row r="2703" spans="1:6" x14ac:dyDescent="0.25">
      <c r="A2703">
        <v>138.63</v>
      </c>
      <c r="B2703">
        <v>204.04</v>
      </c>
      <c r="C2703">
        <v>9527.25</v>
      </c>
      <c r="D2703">
        <v>2.5</v>
      </c>
      <c r="E2703">
        <v>11310.1</v>
      </c>
      <c r="F2703">
        <v>13.739100000000001</v>
      </c>
    </row>
    <row r="2704" spans="1:6" x14ac:dyDescent="0.25">
      <c r="A2704">
        <v>138.63</v>
      </c>
      <c r="B2704">
        <v>204.04</v>
      </c>
      <c r="C2704">
        <v>9527.25</v>
      </c>
      <c r="D2704">
        <v>2.8</v>
      </c>
      <c r="E2704">
        <v>11166.7</v>
      </c>
      <c r="F2704">
        <v>13.7453</v>
      </c>
    </row>
    <row r="2705" spans="1:6" x14ac:dyDescent="0.25">
      <c r="A2705">
        <v>138.63</v>
      </c>
      <c r="B2705">
        <v>204.04</v>
      </c>
      <c r="C2705">
        <v>9527.25</v>
      </c>
      <c r="D2705">
        <v>3.1</v>
      </c>
      <c r="E2705">
        <v>11121.8</v>
      </c>
      <c r="F2705">
        <v>13.7502</v>
      </c>
    </row>
    <row r="2706" spans="1:6" x14ac:dyDescent="0.25">
      <c r="A2706">
        <v>138.63</v>
      </c>
      <c r="B2706">
        <v>204.04</v>
      </c>
      <c r="C2706">
        <v>9527.25</v>
      </c>
      <c r="D2706">
        <v>3.4</v>
      </c>
      <c r="E2706">
        <v>10986.4</v>
      </c>
      <c r="F2706">
        <v>13.750999999999999</v>
      </c>
    </row>
    <row r="2707" spans="1:6" x14ac:dyDescent="0.25">
      <c r="A2707">
        <v>138.63</v>
      </c>
      <c r="B2707">
        <v>204.04</v>
      </c>
      <c r="C2707">
        <v>9527.25</v>
      </c>
      <c r="D2707">
        <v>3.7</v>
      </c>
      <c r="E2707">
        <v>10869</v>
      </c>
      <c r="F2707">
        <v>13.750999999999999</v>
      </c>
    </row>
    <row r="2708" spans="1:6" x14ac:dyDescent="0.25">
      <c r="A2708">
        <v>138.63</v>
      </c>
      <c r="B2708">
        <v>204.04</v>
      </c>
      <c r="C2708">
        <v>9527.25</v>
      </c>
      <c r="D2708">
        <v>4</v>
      </c>
      <c r="E2708">
        <v>10765.7</v>
      </c>
      <c r="F2708">
        <v>13.747299999999999</v>
      </c>
    </row>
    <row r="2709" spans="1:6" x14ac:dyDescent="0.25">
      <c r="A2709">
        <v>138.63</v>
      </c>
      <c r="B2709">
        <v>204.04</v>
      </c>
      <c r="C2709">
        <v>11072.7</v>
      </c>
      <c r="D2709">
        <v>1</v>
      </c>
      <c r="E2709">
        <v>15014.6</v>
      </c>
      <c r="F2709">
        <v>13.580500000000001</v>
      </c>
    </row>
    <row r="2710" spans="1:6" x14ac:dyDescent="0.25">
      <c r="A2710">
        <v>138.63</v>
      </c>
      <c r="B2710">
        <v>204.04</v>
      </c>
      <c r="C2710">
        <v>11072.7</v>
      </c>
      <c r="D2710">
        <v>1.3</v>
      </c>
      <c r="E2710">
        <v>14157.2</v>
      </c>
      <c r="F2710">
        <v>12.9474</v>
      </c>
    </row>
    <row r="2711" spans="1:6" x14ac:dyDescent="0.25">
      <c r="A2711">
        <v>138.63</v>
      </c>
      <c r="B2711">
        <v>204.04</v>
      </c>
      <c r="C2711">
        <v>11072.7</v>
      </c>
      <c r="D2711">
        <v>1.6</v>
      </c>
      <c r="E2711">
        <v>13661.2</v>
      </c>
      <c r="F2711">
        <v>12.961</v>
      </c>
    </row>
    <row r="2712" spans="1:6" x14ac:dyDescent="0.25">
      <c r="A2712">
        <v>138.63</v>
      </c>
      <c r="B2712">
        <v>204.04</v>
      </c>
      <c r="C2712">
        <v>11072.7</v>
      </c>
      <c r="D2712">
        <v>1.9</v>
      </c>
      <c r="E2712">
        <v>13417.4</v>
      </c>
      <c r="F2712">
        <v>13.7072</v>
      </c>
    </row>
    <row r="2713" spans="1:6" x14ac:dyDescent="0.25">
      <c r="A2713">
        <v>138.63</v>
      </c>
      <c r="B2713">
        <v>204.04</v>
      </c>
      <c r="C2713">
        <v>11072.7</v>
      </c>
      <c r="D2713">
        <v>2.2000000000000002</v>
      </c>
      <c r="E2713">
        <v>13121.6</v>
      </c>
      <c r="F2713">
        <v>13.726000000000001</v>
      </c>
    </row>
    <row r="2714" spans="1:6" x14ac:dyDescent="0.25">
      <c r="A2714">
        <v>138.63</v>
      </c>
      <c r="B2714">
        <v>204.04</v>
      </c>
      <c r="C2714">
        <v>11072.7</v>
      </c>
      <c r="D2714">
        <v>2.5</v>
      </c>
      <c r="E2714">
        <v>12931.1</v>
      </c>
      <c r="F2714">
        <v>13.739100000000001</v>
      </c>
    </row>
    <row r="2715" spans="1:6" x14ac:dyDescent="0.25">
      <c r="A2715">
        <v>138.63</v>
      </c>
      <c r="B2715">
        <v>204.04</v>
      </c>
      <c r="C2715">
        <v>11072.7</v>
      </c>
      <c r="D2715">
        <v>2.8</v>
      </c>
      <c r="E2715">
        <v>12700.2</v>
      </c>
      <c r="F2715">
        <v>13.7453</v>
      </c>
    </row>
    <row r="2716" spans="1:6" x14ac:dyDescent="0.25">
      <c r="A2716">
        <v>138.63</v>
      </c>
      <c r="B2716">
        <v>204.04</v>
      </c>
      <c r="C2716">
        <v>11072.7</v>
      </c>
      <c r="D2716">
        <v>3.1</v>
      </c>
      <c r="E2716">
        <v>12551.3</v>
      </c>
      <c r="F2716">
        <v>13.7502</v>
      </c>
    </row>
    <row r="2717" spans="1:6" x14ac:dyDescent="0.25">
      <c r="A2717">
        <v>138.63</v>
      </c>
      <c r="B2717">
        <v>204.04</v>
      </c>
      <c r="C2717">
        <v>11072.7</v>
      </c>
      <c r="D2717">
        <v>3.4</v>
      </c>
      <c r="E2717">
        <v>12567.3</v>
      </c>
      <c r="F2717">
        <v>13.750999999999999</v>
      </c>
    </row>
    <row r="2718" spans="1:6" x14ac:dyDescent="0.25">
      <c r="A2718">
        <v>138.63</v>
      </c>
      <c r="B2718">
        <v>204.04</v>
      </c>
      <c r="C2718">
        <v>11072.7</v>
      </c>
      <c r="D2718">
        <v>3.7</v>
      </c>
      <c r="E2718">
        <v>12395.4</v>
      </c>
      <c r="F2718">
        <v>13.750999999999999</v>
      </c>
    </row>
    <row r="2719" spans="1:6" x14ac:dyDescent="0.25">
      <c r="A2719">
        <v>138.63</v>
      </c>
      <c r="B2719">
        <v>204.04</v>
      </c>
      <c r="C2719">
        <v>11072.7</v>
      </c>
      <c r="D2719">
        <v>4</v>
      </c>
      <c r="E2719">
        <v>12330.6</v>
      </c>
      <c r="F2719">
        <v>13.747299999999999</v>
      </c>
    </row>
    <row r="2720" spans="1:6" x14ac:dyDescent="0.25">
      <c r="A2720">
        <v>138.63</v>
      </c>
      <c r="B2720">
        <v>204.04</v>
      </c>
      <c r="C2720">
        <v>12618.2</v>
      </c>
      <c r="D2720">
        <v>1</v>
      </c>
      <c r="E2720">
        <v>16610</v>
      </c>
      <c r="F2720">
        <v>13.580500000000001</v>
      </c>
    </row>
    <row r="2721" spans="1:6" x14ac:dyDescent="0.25">
      <c r="A2721">
        <v>138.63</v>
      </c>
      <c r="B2721">
        <v>204.04</v>
      </c>
      <c r="C2721">
        <v>12618.2</v>
      </c>
      <c r="D2721">
        <v>1.3</v>
      </c>
      <c r="E2721">
        <v>15692.9</v>
      </c>
      <c r="F2721">
        <v>12.9474</v>
      </c>
    </row>
    <row r="2722" spans="1:6" x14ac:dyDescent="0.25">
      <c r="A2722">
        <v>138.63</v>
      </c>
      <c r="B2722">
        <v>204.04</v>
      </c>
      <c r="C2722">
        <v>12618.2</v>
      </c>
      <c r="D2722">
        <v>1.6</v>
      </c>
      <c r="E2722">
        <v>15310.4</v>
      </c>
      <c r="F2722">
        <v>12.961</v>
      </c>
    </row>
    <row r="2723" spans="1:6" x14ac:dyDescent="0.25">
      <c r="A2723">
        <v>138.63</v>
      </c>
      <c r="B2723">
        <v>204.04</v>
      </c>
      <c r="C2723">
        <v>12618.2</v>
      </c>
      <c r="D2723">
        <v>1.9</v>
      </c>
      <c r="E2723">
        <v>14796.2</v>
      </c>
      <c r="F2723">
        <v>13.7072</v>
      </c>
    </row>
    <row r="2724" spans="1:6" x14ac:dyDescent="0.25">
      <c r="A2724">
        <v>138.63</v>
      </c>
      <c r="B2724">
        <v>204.04</v>
      </c>
      <c r="C2724">
        <v>12618.2</v>
      </c>
      <c r="D2724">
        <v>2.2000000000000002</v>
      </c>
      <c r="E2724">
        <v>14544.4</v>
      </c>
      <c r="F2724">
        <v>13.726000000000001</v>
      </c>
    </row>
    <row r="2725" spans="1:6" x14ac:dyDescent="0.25">
      <c r="A2725">
        <v>138.63</v>
      </c>
      <c r="B2725">
        <v>204.04</v>
      </c>
      <c r="C2725">
        <v>12618.2</v>
      </c>
      <c r="D2725">
        <v>2.5</v>
      </c>
      <c r="E2725">
        <v>14479.1</v>
      </c>
      <c r="F2725">
        <v>13.739100000000001</v>
      </c>
    </row>
    <row r="2726" spans="1:6" x14ac:dyDescent="0.25">
      <c r="A2726">
        <v>138.63</v>
      </c>
      <c r="B2726">
        <v>204.04</v>
      </c>
      <c r="C2726">
        <v>12618.2</v>
      </c>
      <c r="D2726">
        <v>2.8</v>
      </c>
      <c r="E2726">
        <v>14285.9</v>
      </c>
      <c r="F2726">
        <v>13.7453</v>
      </c>
    </row>
    <row r="2727" spans="1:6" x14ac:dyDescent="0.25">
      <c r="A2727">
        <v>138.63</v>
      </c>
      <c r="B2727">
        <v>204.04</v>
      </c>
      <c r="C2727">
        <v>12618.2</v>
      </c>
      <c r="D2727">
        <v>3.1</v>
      </c>
      <c r="E2727">
        <v>14118.6</v>
      </c>
      <c r="F2727">
        <v>13.7502</v>
      </c>
    </row>
    <row r="2728" spans="1:6" x14ac:dyDescent="0.25">
      <c r="A2728">
        <v>138.63</v>
      </c>
      <c r="B2728">
        <v>204.04</v>
      </c>
      <c r="C2728">
        <v>12618.2</v>
      </c>
      <c r="D2728">
        <v>3.4</v>
      </c>
      <c r="E2728">
        <v>14070.6</v>
      </c>
      <c r="F2728">
        <v>13.750999999999999</v>
      </c>
    </row>
    <row r="2729" spans="1:6" x14ac:dyDescent="0.25">
      <c r="A2729">
        <v>138.63</v>
      </c>
      <c r="B2729">
        <v>204.04</v>
      </c>
      <c r="C2729">
        <v>12618.2</v>
      </c>
      <c r="D2729">
        <v>3.7</v>
      </c>
      <c r="E2729">
        <v>13927.5</v>
      </c>
      <c r="F2729">
        <v>13.750999999999999</v>
      </c>
    </row>
    <row r="2730" spans="1:6" x14ac:dyDescent="0.25">
      <c r="A2730">
        <v>138.63</v>
      </c>
      <c r="B2730">
        <v>204.04</v>
      </c>
      <c r="C2730">
        <v>12618.2</v>
      </c>
      <c r="D2730">
        <v>4</v>
      </c>
      <c r="E2730">
        <v>13868</v>
      </c>
      <c r="F2730">
        <v>13.747299999999999</v>
      </c>
    </row>
    <row r="2731" spans="1:6" x14ac:dyDescent="0.25">
      <c r="A2731">
        <v>138.63</v>
      </c>
      <c r="B2731">
        <v>204.04</v>
      </c>
      <c r="C2731">
        <v>14163.6</v>
      </c>
      <c r="D2731">
        <v>1</v>
      </c>
      <c r="E2731">
        <v>18126.7</v>
      </c>
      <c r="F2731">
        <v>13.580500000000001</v>
      </c>
    </row>
    <row r="2732" spans="1:6" x14ac:dyDescent="0.25">
      <c r="A2732">
        <v>138.63</v>
      </c>
      <c r="B2732">
        <v>204.04</v>
      </c>
      <c r="C2732">
        <v>14163.6</v>
      </c>
      <c r="D2732">
        <v>1.3</v>
      </c>
      <c r="E2732">
        <v>17199.8</v>
      </c>
      <c r="F2732">
        <v>12.9474</v>
      </c>
    </row>
    <row r="2733" spans="1:6" x14ac:dyDescent="0.25">
      <c r="A2733">
        <v>138.63</v>
      </c>
      <c r="B2733">
        <v>204.04</v>
      </c>
      <c r="C2733">
        <v>14163.6</v>
      </c>
      <c r="D2733">
        <v>1.6</v>
      </c>
      <c r="E2733">
        <v>16864.599999999999</v>
      </c>
      <c r="F2733">
        <v>12.961</v>
      </c>
    </row>
    <row r="2734" spans="1:6" x14ac:dyDescent="0.25">
      <c r="A2734">
        <v>138.63</v>
      </c>
      <c r="B2734">
        <v>204.04</v>
      </c>
      <c r="C2734">
        <v>14163.6</v>
      </c>
      <c r="D2734">
        <v>1.9</v>
      </c>
      <c r="E2734">
        <v>16438.2</v>
      </c>
      <c r="F2734">
        <v>13.7072</v>
      </c>
    </row>
    <row r="2735" spans="1:6" x14ac:dyDescent="0.25">
      <c r="A2735">
        <v>138.63</v>
      </c>
      <c r="B2735">
        <v>204.04</v>
      </c>
      <c r="C2735">
        <v>14163.6</v>
      </c>
      <c r="D2735">
        <v>2.2000000000000002</v>
      </c>
      <c r="E2735">
        <v>16143.9</v>
      </c>
      <c r="F2735">
        <v>13.726000000000001</v>
      </c>
    </row>
    <row r="2736" spans="1:6" x14ac:dyDescent="0.25">
      <c r="A2736">
        <v>138.63</v>
      </c>
      <c r="B2736">
        <v>204.04</v>
      </c>
      <c r="C2736">
        <v>14163.6</v>
      </c>
      <c r="D2736">
        <v>2.5</v>
      </c>
      <c r="E2736">
        <v>15925.7</v>
      </c>
      <c r="F2736">
        <v>13.739100000000001</v>
      </c>
    </row>
    <row r="2737" spans="1:6" x14ac:dyDescent="0.25">
      <c r="A2737">
        <v>138.63</v>
      </c>
      <c r="B2737">
        <v>204.04</v>
      </c>
      <c r="C2737">
        <v>14163.6</v>
      </c>
      <c r="D2737">
        <v>2.8</v>
      </c>
      <c r="E2737">
        <v>15852.7</v>
      </c>
      <c r="F2737">
        <v>13.7453</v>
      </c>
    </row>
    <row r="2738" spans="1:6" x14ac:dyDescent="0.25">
      <c r="A2738">
        <v>138.63</v>
      </c>
      <c r="B2738">
        <v>204.04</v>
      </c>
      <c r="C2738">
        <v>14163.6</v>
      </c>
      <c r="D2738">
        <v>3.1</v>
      </c>
      <c r="E2738">
        <v>15665.8</v>
      </c>
      <c r="F2738">
        <v>13.7502</v>
      </c>
    </row>
    <row r="2739" spans="1:6" x14ac:dyDescent="0.25">
      <c r="A2739">
        <v>138.63</v>
      </c>
      <c r="B2739">
        <v>204.04</v>
      </c>
      <c r="C2739">
        <v>14163.6</v>
      </c>
      <c r="D2739">
        <v>3.4</v>
      </c>
      <c r="E2739">
        <v>15606.7</v>
      </c>
      <c r="F2739">
        <v>13.750999999999999</v>
      </c>
    </row>
    <row r="2740" spans="1:6" x14ac:dyDescent="0.25">
      <c r="A2740">
        <v>138.63</v>
      </c>
      <c r="B2740">
        <v>204.04</v>
      </c>
      <c r="C2740">
        <v>14163.6</v>
      </c>
      <c r="D2740">
        <v>3.7</v>
      </c>
      <c r="E2740">
        <v>15574.3</v>
      </c>
      <c r="F2740">
        <v>13.750999999999999</v>
      </c>
    </row>
    <row r="2741" spans="1:6" x14ac:dyDescent="0.25">
      <c r="A2741">
        <v>138.63</v>
      </c>
      <c r="B2741">
        <v>204.04</v>
      </c>
      <c r="C2741">
        <v>14163.6</v>
      </c>
      <c r="D2741">
        <v>4</v>
      </c>
      <c r="E2741">
        <v>15410.5</v>
      </c>
      <c r="F2741">
        <v>13.747299999999999</v>
      </c>
    </row>
    <row r="2742" spans="1:6" x14ac:dyDescent="0.25">
      <c r="A2742">
        <v>138.63</v>
      </c>
      <c r="B2742">
        <v>204.04</v>
      </c>
      <c r="C2742">
        <v>15709.1</v>
      </c>
      <c r="D2742">
        <v>1</v>
      </c>
      <c r="E2742">
        <v>19412.8</v>
      </c>
      <c r="F2742">
        <v>13.580500000000001</v>
      </c>
    </row>
    <row r="2743" spans="1:6" x14ac:dyDescent="0.25">
      <c r="A2743">
        <v>138.63</v>
      </c>
      <c r="B2743">
        <v>204.04</v>
      </c>
      <c r="C2743">
        <v>15709.1</v>
      </c>
      <c r="D2743">
        <v>1.3</v>
      </c>
      <c r="E2743">
        <v>18773.400000000001</v>
      </c>
      <c r="F2743">
        <v>12.9474</v>
      </c>
    </row>
    <row r="2744" spans="1:6" x14ac:dyDescent="0.25">
      <c r="A2744">
        <v>138.63</v>
      </c>
      <c r="B2744">
        <v>204.04</v>
      </c>
      <c r="C2744">
        <v>15709.1</v>
      </c>
      <c r="D2744">
        <v>1.6</v>
      </c>
      <c r="E2744">
        <v>18293.400000000001</v>
      </c>
      <c r="F2744">
        <v>12.961</v>
      </c>
    </row>
    <row r="2745" spans="1:6" x14ac:dyDescent="0.25">
      <c r="A2745">
        <v>138.63</v>
      </c>
      <c r="B2745">
        <v>204.04</v>
      </c>
      <c r="C2745">
        <v>15709.1</v>
      </c>
      <c r="D2745">
        <v>1.9</v>
      </c>
      <c r="E2745">
        <v>17926.099999999999</v>
      </c>
      <c r="F2745">
        <v>13.7072</v>
      </c>
    </row>
    <row r="2746" spans="1:6" x14ac:dyDescent="0.25">
      <c r="A2746">
        <v>138.63</v>
      </c>
      <c r="B2746">
        <v>204.04</v>
      </c>
      <c r="C2746">
        <v>15709.1</v>
      </c>
      <c r="D2746">
        <v>2.2000000000000002</v>
      </c>
      <c r="E2746">
        <v>17696.400000000001</v>
      </c>
      <c r="F2746">
        <v>13.726000000000001</v>
      </c>
    </row>
    <row r="2747" spans="1:6" x14ac:dyDescent="0.25">
      <c r="A2747">
        <v>138.63</v>
      </c>
      <c r="B2747">
        <v>204.04</v>
      </c>
      <c r="C2747">
        <v>15709.1</v>
      </c>
      <c r="D2747">
        <v>2.5</v>
      </c>
      <c r="E2747">
        <v>17492.2</v>
      </c>
      <c r="F2747">
        <v>13.739100000000001</v>
      </c>
    </row>
    <row r="2748" spans="1:6" x14ac:dyDescent="0.25">
      <c r="A2748">
        <v>138.63</v>
      </c>
      <c r="B2748">
        <v>204.04</v>
      </c>
      <c r="C2748">
        <v>15709.1</v>
      </c>
      <c r="D2748">
        <v>2.8</v>
      </c>
      <c r="E2748">
        <v>17390.599999999999</v>
      </c>
      <c r="F2748">
        <v>13.7453</v>
      </c>
    </row>
    <row r="2749" spans="1:6" x14ac:dyDescent="0.25">
      <c r="A2749">
        <v>138.63</v>
      </c>
      <c r="B2749">
        <v>204.04</v>
      </c>
      <c r="C2749">
        <v>15709.1</v>
      </c>
      <c r="D2749">
        <v>3.1</v>
      </c>
      <c r="E2749">
        <v>17305.5</v>
      </c>
      <c r="F2749">
        <v>13.7502</v>
      </c>
    </row>
    <row r="2750" spans="1:6" x14ac:dyDescent="0.25">
      <c r="A2750">
        <v>138.63</v>
      </c>
      <c r="B2750">
        <v>204.04</v>
      </c>
      <c r="C2750">
        <v>15709.1</v>
      </c>
      <c r="D2750">
        <v>3.4</v>
      </c>
      <c r="E2750">
        <v>17105.2</v>
      </c>
      <c r="F2750">
        <v>13.750999999999999</v>
      </c>
    </row>
    <row r="2751" spans="1:6" x14ac:dyDescent="0.25">
      <c r="A2751">
        <v>138.63</v>
      </c>
      <c r="B2751">
        <v>204.04</v>
      </c>
      <c r="C2751">
        <v>15709.1</v>
      </c>
      <c r="D2751">
        <v>3.7</v>
      </c>
      <c r="E2751">
        <v>17078.099999999999</v>
      </c>
      <c r="F2751">
        <v>13.750999999999999</v>
      </c>
    </row>
    <row r="2752" spans="1:6" x14ac:dyDescent="0.25">
      <c r="A2752">
        <v>138.63</v>
      </c>
      <c r="B2752">
        <v>204.04</v>
      </c>
      <c r="C2752">
        <v>15709.1</v>
      </c>
      <c r="D2752">
        <v>4</v>
      </c>
      <c r="E2752">
        <v>17028.2</v>
      </c>
      <c r="F2752">
        <v>13.747299999999999</v>
      </c>
    </row>
    <row r="2753" spans="1:6" x14ac:dyDescent="0.25">
      <c r="A2753">
        <v>138.63</v>
      </c>
      <c r="B2753">
        <v>204.04</v>
      </c>
      <c r="C2753">
        <v>17254.5</v>
      </c>
      <c r="D2753">
        <v>1</v>
      </c>
      <c r="E2753">
        <v>21131</v>
      </c>
      <c r="F2753">
        <v>13.580500000000001</v>
      </c>
    </row>
    <row r="2754" spans="1:6" x14ac:dyDescent="0.25">
      <c r="A2754">
        <v>138.63</v>
      </c>
      <c r="B2754">
        <v>204.04</v>
      </c>
      <c r="C2754">
        <v>17254.5</v>
      </c>
      <c r="D2754">
        <v>1.3</v>
      </c>
      <c r="E2754">
        <v>20433</v>
      </c>
      <c r="F2754">
        <v>12.9474</v>
      </c>
    </row>
    <row r="2755" spans="1:6" x14ac:dyDescent="0.25">
      <c r="A2755">
        <v>138.63</v>
      </c>
      <c r="B2755">
        <v>204.04</v>
      </c>
      <c r="C2755">
        <v>17254.5</v>
      </c>
      <c r="D2755">
        <v>1.6</v>
      </c>
      <c r="E2755">
        <v>19825</v>
      </c>
      <c r="F2755">
        <v>12.961</v>
      </c>
    </row>
    <row r="2756" spans="1:6" x14ac:dyDescent="0.25">
      <c r="A2756">
        <v>138.63</v>
      </c>
      <c r="B2756">
        <v>204.04</v>
      </c>
      <c r="C2756">
        <v>17254.5</v>
      </c>
      <c r="D2756">
        <v>1.9</v>
      </c>
      <c r="E2756">
        <v>19577.900000000001</v>
      </c>
      <c r="F2756">
        <v>13.7072</v>
      </c>
    </row>
    <row r="2757" spans="1:6" x14ac:dyDescent="0.25">
      <c r="A2757">
        <v>138.63</v>
      </c>
      <c r="B2757">
        <v>204.04</v>
      </c>
      <c r="C2757">
        <v>17254.5</v>
      </c>
      <c r="D2757">
        <v>2.2000000000000002</v>
      </c>
      <c r="E2757">
        <v>19339.900000000001</v>
      </c>
      <c r="F2757">
        <v>13.726000000000001</v>
      </c>
    </row>
    <row r="2758" spans="1:6" x14ac:dyDescent="0.25">
      <c r="A2758">
        <v>138.63</v>
      </c>
      <c r="B2758">
        <v>204.04</v>
      </c>
      <c r="C2758">
        <v>17254.5</v>
      </c>
      <c r="D2758">
        <v>2.5</v>
      </c>
      <c r="E2758">
        <v>19064.2</v>
      </c>
      <c r="F2758">
        <v>13.739100000000001</v>
      </c>
    </row>
    <row r="2759" spans="1:6" x14ac:dyDescent="0.25">
      <c r="A2759">
        <v>138.63</v>
      </c>
      <c r="B2759">
        <v>204.04</v>
      </c>
      <c r="C2759">
        <v>17254.5</v>
      </c>
      <c r="D2759">
        <v>2.8</v>
      </c>
      <c r="E2759">
        <v>18887.099999999999</v>
      </c>
      <c r="F2759">
        <v>13.7453</v>
      </c>
    </row>
    <row r="2760" spans="1:6" x14ac:dyDescent="0.25">
      <c r="A2760">
        <v>138.63</v>
      </c>
      <c r="B2760">
        <v>204.04</v>
      </c>
      <c r="C2760">
        <v>17254.5</v>
      </c>
      <c r="D2760">
        <v>3.1</v>
      </c>
      <c r="E2760">
        <v>18830.2</v>
      </c>
      <c r="F2760">
        <v>13.7502</v>
      </c>
    </row>
    <row r="2761" spans="1:6" x14ac:dyDescent="0.25">
      <c r="A2761">
        <v>138.63</v>
      </c>
      <c r="B2761">
        <v>204.04</v>
      </c>
      <c r="C2761">
        <v>17254.5</v>
      </c>
      <c r="D2761">
        <v>3.4</v>
      </c>
      <c r="E2761">
        <v>18741</v>
      </c>
      <c r="F2761">
        <v>13.750999999999999</v>
      </c>
    </row>
    <row r="2762" spans="1:6" x14ac:dyDescent="0.25">
      <c r="A2762">
        <v>138.63</v>
      </c>
      <c r="B2762">
        <v>204.04</v>
      </c>
      <c r="C2762">
        <v>17254.5</v>
      </c>
      <c r="D2762">
        <v>3.7</v>
      </c>
      <c r="E2762">
        <v>18578.599999999999</v>
      </c>
      <c r="F2762">
        <v>13.750999999999999</v>
      </c>
    </row>
    <row r="2763" spans="1:6" x14ac:dyDescent="0.25">
      <c r="A2763">
        <v>138.63</v>
      </c>
      <c r="B2763">
        <v>204.04</v>
      </c>
      <c r="C2763">
        <v>17254.5</v>
      </c>
      <c r="D2763">
        <v>4</v>
      </c>
      <c r="E2763">
        <v>18600.400000000001</v>
      </c>
      <c r="F2763">
        <v>13.747299999999999</v>
      </c>
    </row>
    <row r="2764" spans="1:6" x14ac:dyDescent="0.25">
      <c r="A2764">
        <v>138.63</v>
      </c>
      <c r="B2764">
        <v>204.04</v>
      </c>
      <c r="C2764">
        <v>18800</v>
      </c>
      <c r="D2764">
        <v>1</v>
      </c>
      <c r="E2764">
        <v>22749.9</v>
      </c>
      <c r="F2764">
        <v>13.580500000000001</v>
      </c>
    </row>
    <row r="2765" spans="1:6" x14ac:dyDescent="0.25">
      <c r="A2765">
        <v>138.63</v>
      </c>
      <c r="B2765">
        <v>204.04</v>
      </c>
      <c r="C2765">
        <v>18800</v>
      </c>
      <c r="D2765">
        <v>1.3</v>
      </c>
      <c r="E2765">
        <v>21995.8</v>
      </c>
      <c r="F2765">
        <v>12.9474</v>
      </c>
    </row>
    <row r="2766" spans="1:6" x14ac:dyDescent="0.25">
      <c r="A2766">
        <v>138.63</v>
      </c>
      <c r="B2766">
        <v>204.04</v>
      </c>
      <c r="C2766">
        <v>18800</v>
      </c>
      <c r="D2766">
        <v>1.6</v>
      </c>
      <c r="E2766">
        <v>21385</v>
      </c>
      <c r="F2766">
        <v>12.961</v>
      </c>
    </row>
    <row r="2767" spans="1:6" x14ac:dyDescent="0.25">
      <c r="A2767">
        <v>138.63</v>
      </c>
      <c r="B2767">
        <v>204.04</v>
      </c>
      <c r="C2767">
        <v>18800</v>
      </c>
      <c r="D2767">
        <v>1.9</v>
      </c>
      <c r="E2767">
        <v>21062.400000000001</v>
      </c>
      <c r="F2767">
        <v>13.7072</v>
      </c>
    </row>
    <row r="2768" spans="1:6" x14ac:dyDescent="0.25">
      <c r="A2768">
        <v>138.63</v>
      </c>
      <c r="B2768">
        <v>204.04</v>
      </c>
      <c r="C2768">
        <v>18800</v>
      </c>
      <c r="D2768">
        <v>2.2000000000000002</v>
      </c>
      <c r="E2768">
        <v>20843.099999999999</v>
      </c>
      <c r="F2768">
        <v>13.726000000000001</v>
      </c>
    </row>
    <row r="2769" spans="1:6" x14ac:dyDescent="0.25">
      <c r="A2769">
        <v>138.63</v>
      </c>
      <c r="B2769">
        <v>204.04</v>
      </c>
      <c r="C2769">
        <v>18800</v>
      </c>
      <c r="D2769">
        <v>2.5</v>
      </c>
      <c r="E2769">
        <v>20571.400000000001</v>
      </c>
      <c r="F2769">
        <v>13.739100000000001</v>
      </c>
    </row>
    <row r="2770" spans="1:6" x14ac:dyDescent="0.25">
      <c r="A2770">
        <v>138.63</v>
      </c>
      <c r="B2770">
        <v>204.04</v>
      </c>
      <c r="C2770">
        <v>18800</v>
      </c>
      <c r="D2770">
        <v>2.8</v>
      </c>
      <c r="E2770">
        <v>20502.900000000001</v>
      </c>
      <c r="F2770">
        <v>13.7453</v>
      </c>
    </row>
    <row r="2771" spans="1:6" x14ac:dyDescent="0.25">
      <c r="A2771">
        <v>138.63</v>
      </c>
      <c r="B2771">
        <v>204.04</v>
      </c>
      <c r="C2771">
        <v>18800</v>
      </c>
      <c r="D2771">
        <v>3.1</v>
      </c>
      <c r="E2771">
        <v>20404.7</v>
      </c>
      <c r="F2771">
        <v>13.7502</v>
      </c>
    </row>
    <row r="2772" spans="1:6" x14ac:dyDescent="0.25">
      <c r="A2772">
        <v>138.63</v>
      </c>
      <c r="B2772">
        <v>204.04</v>
      </c>
      <c r="C2772">
        <v>18800</v>
      </c>
      <c r="D2772">
        <v>3.4</v>
      </c>
      <c r="E2772">
        <v>20215.599999999999</v>
      </c>
      <c r="F2772">
        <v>13.750999999999999</v>
      </c>
    </row>
    <row r="2773" spans="1:6" x14ac:dyDescent="0.25">
      <c r="A2773">
        <v>138.63</v>
      </c>
      <c r="B2773">
        <v>204.04</v>
      </c>
      <c r="C2773">
        <v>18800</v>
      </c>
      <c r="D2773">
        <v>3.7</v>
      </c>
      <c r="E2773">
        <v>20188.2</v>
      </c>
      <c r="F2773">
        <v>13.750999999999999</v>
      </c>
    </row>
    <row r="2774" spans="1:6" x14ac:dyDescent="0.25">
      <c r="A2774">
        <v>138.63</v>
      </c>
      <c r="B2774">
        <v>204.04</v>
      </c>
      <c r="C2774">
        <v>18800</v>
      </c>
      <c r="D2774">
        <v>4</v>
      </c>
      <c r="E2774">
        <v>20122.7</v>
      </c>
      <c r="F2774">
        <v>13.747299999999999</v>
      </c>
    </row>
    <row r="2775" spans="1:6" x14ac:dyDescent="0.25">
      <c r="A2775">
        <v>138.63</v>
      </c>
      <c r="B2775">
        <v>207.67</v>
      </c>
      <c r="C2775">
        <v>1800</v>
      </c>
      <c r="D2775">
        <v>1</v>
      </c>
      <c r="E2775">
        <v>5651.42</v>
      </c>
      <c r="F2775">
        <v>60.465899999999998</v>
      </c>
    </row>
    <row r="2776" spans="1:6" x14ac:dyDescent="0.25">
      <c r="A2776">
        <v>138.63</v>
      </c>
      <c r="B2776">
        <v>207.67</v>
      </c>
      <c r="C2776">
        <v>1800</v>
      </c>
      <c r="D2776">
        <v>1.3</v>
      </c>
      <c r="E2776">
        <v>5058.9399999999996</v>
      </c>
      <c r="F2776">
        <v>74.974500000000006</v>
      </c>
    </row>
    <row r="2777" spans="1:6" x14ac:dyDescent="0.25">
      <c r="A2777">
        <v>138.63</v>
      </c>
      <c r="B2777">
        <v>207.67</v>
      </c>
      <c r="C2777">
        <v>1800</v>
      </c>
      <c r="D2777">
        <v>1.6</v>
      </c>
      <c r="E2777">
        <v>4595.93</v>
      </c>
      <c r="F2777">
        <v>83.082999999999998</v>
      </c>
    </row>
    <row r="2778" spans="1:6" x14ac:dyDescent="0.25">
      <c r="A2778">
        <v>138.63</v>
      </c>
      <c r="B2778">
        <v>207.67</v>
      </c>
      <c r="C2778">
        <v>1800</v>
      </c>
      <c r="D2778">
        <v>1.9</v>
      </c>
      <c r="E2778">
        <v>4327.4799999999996</v>
      </c>
      <c r="F2778">
        <v>90.424800000000005</v>
      </c>
    </row>
    <row r="2779" spans="1:6" x14ac:dyDescent="0.25">
      <c r="A2779">
        <v>138.63</v>
      </c>
      <c r="B2779">
        <v>207.67</v>
      </c>
      <c r="C2779">
        <v>1800</v>
      </c>
      <c r="D2779">
        <v>2.2000000000000002</v>
      </c>
      <c r="E2779">
        <v>4064.24</v>
      </c>
      <c r="F2779">
        <v>94.442499999999995</v>
      </c>
    </row>
    <row r="2780" spans="1:6" x14ac:dyDescent="0.25">
      <c r="A2780">
        <v>138.63</v>
      </c>
      <c r="B2780">
        <v>207.67</v>
      </c>
      <c r="C2780">
        <v>1800</v>
      </c>
      <c r="D2780">
        <v>2.5</v>
      </c>
      <c r="E2780">
        <v>3866.87</v>
      </c>
      <c r="F2780">
        <v>98.551299999999998</v>
      </c>
    </row>
    <row r="2781" spans="1:6" x14ac:dyDescent="0.25">
      <c r="A2781">
        <v>138.63</v>
      </c>
      <c r="B2781">
        <v>207.67</v>
      </c>
      <c r="C2781">
        <v>1800</v>
      </c>
      <c r="D2781">
        <v>2.8</v>
      </c>
      <c r="E2781">
        <v>3719.57</v>
      </c>
      <c r="F2781">
        <v>98.281300000000002</v>
      </c>
    </row>
    <row r="2782" spans="1:6" x14ac:dyDescent="0.25">
      <c r="A2782">
        <v>138.63</v>
      </c>
      <c r="B2782">
        <v>207.67</v>
      </c>
      <c r="C2782">
        <v>1800</v>
      </c>
      <c r="D2782">
        <v>3.1</v>
      </c>
      <c r="E2782">
        <v>3579.48</v>
      </c>
      <c r="F2782">
        <v>100.599</v>
      </c>
    </row>
    <row r="2783" spans="1:6" x14ac:dyDescent="0.25">
      <c r="A2783">
        <v>138.63</v>
      </c>
      <c r="B2783">
        <v>207.67</v>
      </c>
      <c r="C2783">
        <v>1800</v>
      </c>
      <c r="D2783">
        <v>3.4</v>
      </c>
      <c r="E2783">
        <v>3482.74</v>
      </c>
      <c r="F2783">
        <v>104.355</v>
      </c>
    </row>
    <row r="2784" spans="1:6" x14ac:dyDescent="0.25">
      <c r="A2784">
        <v>138.63</v>
      </c>
      <c r="B2784">
        <v>207.67</v>
      </c>
      <c r="C2784">
        <v>1800</v>
      </c>
      <c r="D2784">
        <v>3.7</v>
      </c>
      <c r="E2784">
        <v>3400.68</v>
      </c>
      <c r="F2784">
        <v>111.40900000000001</v>
      </c>
    </row>
    <row r="2785" spans="1:6" x14ac:dyDescent="0.25">
      <c r="A2785">
        <v>138.63</v>
      </c>
      <c r="B2785">
        <v>207.67</v>
      </c>
      <c r="C2785">
        <v>1800</v>
      </c>
      <c r="D2785">
        <v>4</v>
      </c>
      <c r="E2785">
        <v>3327.12</v>
      </c>
      <c r="F2785">
        <v>114.532</v>
      </c>
    </row>
    <row r="2786" spans="1:6" x14ac:dyDescent="0.25">
      <c r="A2786">
        <v>138.63</v>
      </c>
      <c r="B2786">
        <v>207.67</v>
      </c>
      <c r="C2786">
        <v>3345.45</v>
      </c>
      <c r="D2786">
        <v>1</v>
      </c>
      <c r="E2786">
        <v>7002.39</v>
      </c>
      <c r="F2786">
        <v>32.992199999999997</v>
      </c>
    </row>
    <row r="2787" spans="1:6" x14ac:dyDescent="0.25">
      <c r="A2787">
        <v>138.63</v>
      </c>
      <c r="B2787">
        <v>207.67</v>
      </c>
      <c r="C2787">
        <v>3345.45</v>
      </c>
      <c r="D2787">
        <v>1.3</v>
      </c>
      <c r="E2787">
        <v>6379.41</v>
      </c>
      <c r="F2787">
        <v>42.511099999999999</v>
      </c>
    </row>
    <row r="2788" spans="1:6" x14ac:dyDescent="0.25">
      <c r="A2788">
        <v>138.63</v>
      </c>
      <c r="B2788">
        <v>207.67</v>
      </c>
      <c r="C2788">
        <v>3345.45</v>
      </c>
      <c r="D2788">
        <v>1.6</v>
      </c>
      <c r="E2788">
        <v>5976.22</v>
      </c>
      <c r="F2788">
        <v>47.669600000000003</v>
      </c>
    </row>
    <row r="2789" spans="1:6" x14ac:dyDescent="0.25">
      <c r="A2789">
        <v>138.63</v>
      </c>
      <c r="B2789">
        <v>207.67</v>
      </c>
      <c r="C2789">
        <v>3345.45</v>
      </c>
      <c r="D2789">
        <v>1.9</v>
      </c>
      <c r="E2789">
        <v>5733.43</v>
      </c>
      <c r="F2789">
        <v>55.031399999999998</v>
      </c>
    </row>
    <row r="2790" spans="1:6" x14ac:dyDescent="0.25">
      <c r="A2790">
        <v>138.63</v>
      </c>
      <c r="B2790">
        <v>207.67</v>
      </c>
      <c r="C2790">
        <v>3345.45</v>
      </c>
      <c r="D2790">
        <v>2.2000000000000002</v>
      </c>
      <c r="E2790">
        <v>5543.7</v>
      </c>
      <c r="F2790">
        <v>61.273099999999999</v>
      </c>
    </row>
    <row r="2791" spans="1:6" x14ac:dyDescent="0.25">
      <c r="A2791">
        <v>138.63</v>
      </c>
      <c r="B2791">
        <v>207.67</v>
      </c>
      <c r="C2791">
        <v>3345.45</v>
      </c>
      <c r="D2791">
        <v>2.5</v>
      </c>
      <c r="E2791">
        <v>5319.11</v>
      </c>
      <c r="F2791">
        <v>65.835800000000006</v>
      </c>
    </row>
    <row r="2792" spans="1:6" x14ac:dyDescent="0.25">
      <c r="A2792">
        <v>138.63</v>
      </c>
      <c r="B2792">
        <v>207.67</v>
      </c>
      <c r="C2792">
        <v>3345.45</v>
      </c>
      <c r="D2792">
        <v>2.8</v>
      </c>
      <c r="E2792">
        <v>5193.49</v>
      </c>
      <c r="F2792">
        <v>66.573899999999995</v>
      </c>
    </row>
    <row r="2793" spans="1:6" x14ac:dyDescent="0.25">
      <c r="A2793">
        <v>138.63</v>
      </c>
      <c r="B2793">
        <v>207.67</v>
      </c>
      <c r="C2793">
        <v>3345.45</v>
      </c>
      <c r="D2793">
        <v>3.1</v>
      </c>
      <c r="E2793">
        <v>5042.45</v>
      </c>
      <c r="F2793">
        <v>70.257300000000001</v>
      </c>
    </row>
    <row r="2794" spans="1:6" x14ac:dyDescent="0.25">
      <c r="A2794">
        <v>138.63</v>
      </c>
      <c r="B2794">
        <v>207.67</v>
      </c>
      <c r="C2794">
        <v>3345.45</v>
      </c>
      <c r="D2794">
        <v>3.4</v>
      </c>
      <c r="E2794">
        <v>4950.37</v>
      </c>
      <c r="F2794">
        <v>70.348600000000005</v>
      </c>
    </row>
    <row r="2795" spans="1:6" x14ac:dyDescent="0.25">
      <c r="A2795">
        <v>138.63</v>
      </c>
      <c r="B2795">
        <v>207.67</v>
      </c>
      <c r="C2795">
        <v>3345.45</v>
      </c>
      <c r="D2795">
        <v>3.7</v>
      </c>
      <c r="E2795">
        <v>4845.46</v>
      </c>
      <c r="F2795">
        <v>75.006500000000003</v>
      </c>
    </row>
    <row r="2796" spans="1:6" x14ac:dyDescent="0.25">
      <c r="A2796">
        <v>138.63</v>
      </c>
      <c r="B2796">
        <v>207.67</v>
      </c>
      <c r="C2796">
        <v>3345.45</v>
      </c>
      <c r="D2796">
        <v>4</v>
      </c>
      <c r="E2796">
        <v>4811.28</v>
      </c>
      <c r="F2796">
        <v>79.7834</v>
      </c>
    </row>
    <row r="2797" spans="1:6" x14ac:dyDescent="0.25">
      <c r="A2797">
        <v>138.63</v>
      </c>
      <c r="B2797">
        <v>207.67</v>
      </c>
      <c r="C2797">
        <v>4890.8999999999996</v>
      </c>
      <c r="D2797">
        <v>1</v>
      </c>
      <c r="E2797">
        <v>8214.94</v>
      </c>
      <c r="F2797">
        <v>15.187900000000001</v>
      </c>
    </row>
    <row r="2798" spans="1:6" x14ac:dyDescent="0.25">
      <c r="A2798">
        <v>138.63</v>
      </c>
      <c r="B2798">
        <v>207.67</v>
      </c>
      <c r="C2798">
        <v>4890.8999999999996</v>
      </c>
      <c r="D2798">
        <v>1.3</v>
      </c>
      <c r="E2798">
        <v>7883.41</v>
      </c>
      <c r="F2798">
        <v>17.122499999999999</v>
      </c>
    </row>
    <row r="2799" spans="1:6" x14ac:dyDescent="0.25">
      <c r="A2799">
        <v>138.63</v>
      </c>
      <c r="B2799">
        <v>207.67</v>
      </c>
      <c r="C2799">
        <v>4890.8999999999996</v>
      </c>
      <c r="D2799">
        <v>1.6</v>
      </c>
      <c r="E2799">
        <v>7480.13</v>
      </c>
      <c r="F2799">
        <v>19.802199999999999</v>
      </c>
    </row>
    <row r="2800" spans="1:6" x14ac:dyDescent="0.25">
      <c r="A2800">
        <v>138.63</v>
      </c>
      <c r="B2800">
        <v>207.67</v>
      </c>
      <c r="C2800">
        <v>4890.8999999999996</v>
      </c>
      <c r="D2800">
        <v>1.9</v>
      </c>
      <c r="E2800">
        <v>7124.6</v>
      </c>
      <c r="F2800">
        <v>22.1754</v>
      </c>
    </row>
    <row r="2801" spans="1:6" x14ac:dyDescent="0.25">
      <c r="A2801">
        <v>138.63</v>
      </c>
      <c r="B2801">
        <v>207.67</v>
      </c>
      <c r="C2801">
        <v>4890.8999999999996</v>
      </c>
      <c r="D2801">
        <v>2.2000000000000002</v>
      </c>
      <c r="E2801">
        <v>6902.58</v>
      </c>
      <c r="F2801">
        <v>24.191099999999999</v>
      </c>
    </row>
    <row r="2802" spans="1:6" x14ac:dyDescent="0.25">
      <c r="A2802">
        <v>138.63</v>
      </c>
      <c r="B2802">
        <v>207.67</v>
      </c>
      <c r="C2802">
        <v>4890.8999999999996</v>
      </c>
      <c r="D2802">
        <v>2.5</v>
      </c>
      <c r="E2802">
        <v>6804.21</v>
      </c>
      <c r="F2802">
        <v>26.909400000000002</v>
      </c>
    </row>
    <row r="2803" spans="1:6" x14ac:dyDescent="0.25">
      <c r="A2803">
        <v>138.63</v>
      </c>
      <c r="B2803">
        <v>207.67</v>
      </c>
      <c r="C2803">
        <v>4890.8999999999996</v>
      </c>
      <c r="D2803">
        <v>2.8</v>
      </c>
      <c r="E2803">
        <v>6710.38</v>
      </c>
      <c r="F2803">
        <v>27.901800000000001</v>
      </c>
    </row>
    <row r="2804" spans="1:6" x14ac:dyDescent="0.25">
      <c r="A2804">
        <v>138.63</v>
      </c>
      <c r="B2804">
        <v>207.67</v>
      </c>
      <c r="C2804">
        <v>4890.8999999999996</v>
      </c>
      <c r="D2804">
        <v>3.1</v>
      </c>
      <c r="E2804">
        <v>6519.58</v>
      </c>
      <c r="F2804">
        <v>30.280999999999999</v>
      </c>
    </row>
    <row r="2805" spans="1:6" x14ac:dyDescent="0.25">
      <c r="A2805">
        <v>138.63</v>
      </c>
      <c r="B2805">
        <v>207.67</v>
      </c>
      <c r="C2805">
        <v>4890.8999999999996</v>
      </c>
      <c r="D2805">
        <v>3.4</v>
      </c>
      <c r="E2805">
        <v>6402.73</v>
      </c>
      <c r="F2805">
        <v>30.015799999999999</v>
      </c>
    </row>
    <row r="2806" spans="1:6" x14ac:dyDescent="0.25">
      <c r="A2806">
        <v>138.63</v>
      </c>
      <c r="B2806">
        <v>207.67</v>
      </c>
      <c r="C2806">
        <v>4890.8999999999996</v>
      </c>
      <c r="D2806">
        <v>3.7</v>
      </c>
      <c r="E2806">
        <v>6353.16</v>
      </c>
      <c r="F2806">
        <v>33.6235</v>
      </c>
    </row>
    <row r="2807" spans="1:6" x14ac:dyDescent="0.25">
      <c r="A2807">
        <v>138.63</v>
      </c>
      <c r="B2807">
        <v>207.67</v>
      </c>
      <c r="C2807">
        <v>4890.8999999999996</v>
      </c>
      <c r="D2807">
        <v>4</v>
      </c>
      <c r="E2807">
        <v>6287.66</v>
      </c>
      <c r="F2807">
        <v>36.612499999999997</v>
      </c>
    </row>
    <row r="2808" spans="1:6" x14ac:dyDescent="0.25">
      <c r="A2808">
        <v>138.63</v>
      </c>
      <c r="B2808">
        <v>207.67</v>
      </c>
      <c r="C2808">
        <v>6436.35</v>
      </c>
      <c r="D2808">
        <v>1</v>
      </c>
      <c r="E2808">
        <v>9941.81</v>
      </c>
      <c r="F2808">
        <v>11.4657</v>
      </c>
    </row>
    <row r="2809" spans="1:6" x14ac:dyDescent="0.25">
      <c r="A2809">
        <v>138.63</v>
      </c>
      <c r="B2809">
        <v>207.67</v>
      </c>
      <c r="C2809">
        <v>6436.35</v>
      </c>
      <c r="D2809">
        <v>1.3</v>
      </c>
      <c r="E2809">
        <v>9197.68</v>
      </c>
      <c r="F2809">
        <v>12.131600000000001</v>
      </c>
    </row>
    <row r="2810" spans="1:6" x14ac:dyDescent="0.25">
      <c r="A2810">
        <v>138.63</v>
      </c>
      <c r="B2810">
        <v>207.67</v>
      </c>
      <c r="C2810">
        <v>6436.35</v>
      </c>
      <c r="D2810">
        <v>1.6</v>
      </c>
      <c r="E2810">
        <v>8943.27</v>
      </c>
      <c r="F2810">
        <v>11.943899999999999</v>
      </c>
    </row>
    <row r="2811" spans="1:6" x14ac:dyDescent="0.25">
      <c r="A2811">
        <v>138.63</v>
      </c>
      <c r="B2811">
        <v>207.67</v>
      </c>
      <c r="C2811">
        <v>6436.35</v>
      </c>
      <c r="D2811">
        <v>1.9</v>
      </c>
      <c r="E2811">
        <v>8552.11</v>
      </c>
      <c r="F2811">
        <v>11.645799999999999</v>
      </c>
    </row>
    <row r="2812" spans="1:6" x14ac:dyDescent="0.25">
      <c r="A2812">
        <v>138.63</v>
      </c>
      <c r="B2812">
        <v>207.67</v>
      </c>
      <c r="C2812">
        <v>6436.35</v>
      </c>
      <c r="D2812">
        <v>2.2000000000000002</v>
      </c>
      <c r="E2812">
        <v>8314.89</v>
      </c>
      <c r="F2812">
        <v>11.2128</v>
      </c>
    </row>
    <row r="2813" spans="1:6" x14ac:dyDescent="0.25">
      <c r="A2813">
        <v>138.63</v>
      </c>
      <c r="B2813">
        <v>207.67</v>
      </c>
      <c r="C2813">
        <v>6436.35</v>
      </c>
      <c r="D2813">
        <v>2.5</v>
      </c>
      <c r="E2813">
        <v>8278.3799999999992</v>
      </c>
      <c r="F2813">
        <v>10.815099999999999</v>
      </c>
    </row>
    <row r="2814" spans="1:6" x14ac:dyDescent="0.25">
      <c r="A2814">
        <v>138.63</v>
      </c>
      <c r="B2814">
        <v>207.67</v>
      </c>
      <c r="C2814">
        <v>6436.35</v>
      </c>
      <c r="D2814">
        <v>2.8</v>
      </c>
      <c r="E2814">
        <v>8114.31</v>
      </c>
      <c r="F2814">
        <v>10.4466</v>
      </c>
    </row>
    <row r="2815" spans="1:6" x14ac:dyDescent="0.25">
      <c r="A2815">
        <v>138.63</v>
      </c>
      <c r="B2815">
        <v>207.67</v>
      </c>
      <c r="C2815">
        <v>6436.35</v>
      </c>
      <c r="D2815">
        <v>3.1</v>
      </c>
      <c r="E2815">
        <v>7998.96</v>
      </c>
      <c r="F2815">
        <v>10.127000000000001</v>
      </c>
    </row>
    <row r="2816" spans="1:6" x14ac:dyDescent="0.25">
      <c r="A2816">
        <v>138.63</v>
      </c>
      <c r="B2816">
        <v>207.67</v>
      </c>
      <c r="C2816">
        <v>6436.35</v>
      </c>
      <c r="D2816">
        <v>3.4</v>
      </c>
      <c r="E2816">
        <v>7852.98</v>
      </c>
      <c r="F2816">
        <v>13.0106</v>
      </c>
    </row>
    <row r="2817" spans="1:6" x14ac:dyDescent="0.25">
      <c r="A2817">
        <v>138.63</v>
      </c>
      <c r="B2817">
        <v>207.67</v>
      </c>
      <c r="C2817">
        <v>6436.35</v>
      </c>
      <c r="D2817">
        <v>3.7</v>
      </c>
      <c r="E2817">
        <v>7821.97</v>
      </c>
      <c r="F2817">
        <v>13.1416</v>
      </c>
    </row>
    <row r="2818" spans="1:6" x14ac:dyDescent="0.25">
      <c r="A2818">
        <v>138.63</v>
      </c>
      <c r="B2818">
        <v>207.67</v>
      </c>
      <c r="C2818">
        <v>6436.35</v>
      </c>
      <c r="D2818">
        <v>4</v>
      </c>
      <c r="E2818">
        <v>7768.18</v>
      </c>
      <c r="F2818">
        <v>13.2271</v>
      </c>
    </row>
    <row r="2819" spans="1:6" x14ac:dyDescent="0.25">
      <c r="A2819">
        <v>138.63</v>
      </c>
      <c r="B2819">
        <v>207.67</v>
      </c>
      <c r="C2819">
        <v>7981.8</v>
      </c>
      <c r="D2819">
        <v>1</v>
      </c>
      <c r="E2819">
        <v>11792.8</v>
      </c>
      <c r="F2819">
        <v>13.580500000000001</v>
      </c>
    </row>
    <row r="2820" spans="1:6" x14ac:dyDescent="0.25">
      <c r="A2820">
        <v>138.63</v>
      </c>
      <c r="B2820">
        <v>207.67</v>
      </c>
      <c r="C2820">
        <v>7981.8</v>
      </c>
      <c r="D2820">
        <v>1.3</v>
      </c>
      <c r="E2820">
        <v>10963.5</v>
      </c>
      <c r="F2820">
        <v>12.8447</v>
      </c>
    </row>
    <row r="2821" spans="1:6" x14ac:dyDescent="0.25">
      <c r="A2821">
        <v>138.63</v>
      </c>
      <c r="B2821">
        <v>207.67</v>
      </c>
      <c r="C2821">
        <v>7981.8</v>
      </c>
      <c r="D2821">
        <v>1.6</v>
      </c>
      <c r="E2821">
        <v>10511.5</v>
      </c>
      <c r="F2821">
        <v>12.911199999999999</v>
      </c>
    </row>
    <row r="2822" spans="1:6" x14ac:dyDescent="0.25">
      <c r="A2822">
        <v>138.63</v>
      </c>
      <c r="B2822">
        <v>207.67</v>
      </c>
      <c r="C2822">
        <v>7981.8</v>
      </c>
      <c r="D2822">
        <v>1.9</v>
      </c>
      <c r="E2822">
        <v>10242.9</v>
      </c>
      <c r="F2822">
        <v>13.7072</v>
      </c>
    </row>
    <row r="2823" spans="1:6" x14ac:dyDescent="0.25">
      <c r="A2823">
        <v>138.63</v>
      </c>
      <c r="B2823">
        <v>207.67</v>
      </c>
      <c r="C2823">
        <v>7981.8</v>
      </c>
      <c r="D2823">
        <v>2.2000000000000002</v>
      </c>
      <c r="E2823">
        <v>9950.89</v>
      </c>
      <c r="F2823">
        <v>13.726000000000001</v>
      </c>
    </row>
    <row r="2824" spans="1:6" x14ac:dyDescent="0.25">
      <c r="A2824">
        <v>138.63</v>
      </c>
      <c r="B2824">
        <v>207.67</v>
      </c>
      <c r="C2824">
        <v>7981.8</v>
      </c>
      <c r="D2824">
        <v>2.5</v>
      </c>
      <c r="E2824">
        <v>9731.3700000000008</v>
      </c>
      <c r="F2824">
        <v>13.739100000000001</v>
      </c>
    </row>
    <row r="2825" spans="1:6" x14ac:dyDescent="0.25">
      <c r="A2825">
        <v>138.63</v>
      </c>
      <c r="B2825">
        <v>207.67</v>
      </c>
      <c r="C2825">
        <v>7981.8</v>
      </c>
      <c r="D2825">
        <v>2.8</v>
      </c>
      <c r="E2825">
        <v>9600.89</v>
      </c>
      <c r="F2825">
        <v>13.7453</v>
      </c>
    </row>
    <row r="2826" spans="1:6" x14ac:dyDescent="0.25">
      <c r="A2826">
        <v>138.63</v>
      </c>
      <c r="B2826">
        <v>207.67</v>
      </c>
      <c r="C2826">
        <v>7981.8</v>
      </c>
      <c r="D2826">
        <v>3.1</v>
      </c>
      <c r="E2826">
        <v>9477.59</v>
      </c>
      <c r="F2826">
        <v>13.7502</v>
      </c>
    </row>
    <row r="2827" spans="1:6" x14ac:dyDescent="0.25">
      <c r="A2827">
        <v>138.63</v>
      </c>
      <c r="B2827">
        <v>207.67</v>
      </c>
      <c r="C2827">
        <v>7981.8</v>
      </c>
      <c r="D2827">
        <v>3.4</v>
      </c>
      <c r="E2827">
        <v>9372.2900000000009</v>
      </c>
      <c r="F2827">
        <v>13.750999999999999</v>
      </c>
    </row>
    <row r="2828" spans="1:6" x14ac:dyDescent="0.25">
      <c r="A2828">
        <v>138.63</v>
      </c>
      <c r="B2828">
        <v>207.67</v>
      </c>
      <c r="C2828">
        <v>7981.8</v>
      </c>
      <c r="D2828">
        <v>3.7</v>
      </c>
      <c r="E2828">
        <v>9351.94</v>
      </c>
      <c r="F2828">
        <v>13.750999999999999</v>
      </c>
    </row>
    <row r="2829" spans="1:6" x14ac:dyDescent="0.25">
      <c r="A2829">
        <v>138.63</v>
      </c>
      <c r="B2829">
        <v>207.67</v>
      </c>
      <c r="C2829">
        <v>7981.8</v>
      </c>
      <c r="D2829">
        <v>4</v>
      </c>
      <c r="E2829">
        <v>9255.5499999999993</v>
      </c>
      <c r="F2829">
        <v>13.747299999999999</v>
      </c>
    </row>
    <row r="2830" spans="1:6" x14ac:dyDescent="0.25">
      <c r="A2830">
        <v>138.63</v>
      </c>
      <c r="B2830">
        <v>207.67</v>
      </c>
      <c r="C2830">
        <v>9527.25</v>
      </c>
      <c r="D2830">
        <v>1</v>
      </c>
      <c r="E2830">
        <v>13400.7</v>
      </c>
      <c r="F2830">
        <v>13.580500000000001</v>
      </c>
    </row>
    <row r="2831" spans="1:6" x14ac:dyDescent="0.25">
      <c r="A2831">
        <v>138.63</v>
      </c>
      <c r="B2831">
        <v>207.67</v>
      </c>
      <c r="C2831">
        <v>9527.25</v>
      </c>
      <c r="D2831">
        <v>1.3</v>
      </c>
      <c r="E2831">
        <v>12647.8</v>
      </c>
      <c r="F2831">
        <v>12.9474</v>
      </c>
    </row>
    <row r="2832" spans="1:6" x14ac:dyDescent="0.25">
      <c r="A2832">
        <v>138.63</v>
      </c>
      <c r="B2832">
        <v>207.67</v>
      </c>
      <c r="C2832">
        <v>9527.25</v>
      </c>
      <c r="D2832">
        <v>1.6</v>
      </c>
      <c r="E2832">
        <v>12108.9</v>
      </c>
      <c r="F2832">
        <v>12.961</v>
      </c>
    </row>
    <row r="2833" spans="1:6" x14ac:dyDescent="0.25">
      <c r="A2833">
        <v>138.63</v>
      </c>
      <c r="B2833">
        <v>207.67</v>
      </c>
      <c r="C2833">
        <v>9527.25</v>
      </c>
      <c r="D2833">
        <v>1.9</v>
      </c>
      <c r="E2833">
        <v>11674.4</v>
      </c>
      <c r="F2833">
        <v>13.7072</v>
      </c>
    </row>
    <row r="2834" spans="1:6" x14ac:dyDescent="0.25">
      <c r="A2834">
        <v>138.63</v>
      </c>
      <c r="B2834">
        <v>207.67</v>
      </c>
      <c r="C2834">
        <v>9527.25</v>
      </c>
      <c r="D2834">
        <v>2.2000000000000002</v>
      </c>
      <c r="E2834">
        <v>11480.5</v>
      </c>
      <c r="F2834">
        <v>13.726000000000001</v>
      </c>
    </row>
    <row r="2835" spans="1:6" x14ac:dyDescent="0.25">
      <c r="A2835">
        <v>138.63</v>
      </c>
      <c r="B2835">
        <v>207.67</v>
      </c>
      <c r="C2835">
        <v>9527.25</v>
      </c>
      <c r="D2835">
        <v>2.5</v>
      </c>
      <c r="E2835">
        <v>11288.4</v>
      </c>
      <c r="F2835">
        <v>13.739100000000001</v>
      </c>
    </row>
    <row r="2836" spans="1:6" x14ac:dyDescent="0.25">
      <c r="A2836">
        <v>138.63</v>
      </c>
      <c r="B2836">
        <v>207.67</v>
      </c>
      <c r="C2836">
        <v>9527.25</v>
      </c>
      <c r="D2836">
        <v>2.8</v>
      </c>
      <c r="E2836">
        <v>11157.6</v>
      </c>
      <c r="F2836">
        <v>13.7453</v>
      </c>
    </row>
    <row r="2837" spans="1:6" x14ac:dyDescent="0.25">
      <c r="A2837">
        <v>138.63</v>
      </c>
      <c r="B2837">
        <v>207.67</v>
      </c>
      <c r="C2837">
        <v>9527.25</v>
      </c>
      <c r="D2837">
        <v>3.1</v>
      </c>
      <c r="E2837">
        <v>11029.8</v>
      </c>
      <c r="F2837">
        <v>13.7502</v>
      </c>
    </row>
    <row r="2838" spans="1:6" x14ac:dyDescent="0.25">
      <c r="A2838">
        <v>138.63</v>
      </c>
      <c r="B2838">
        <v>207.67</v>
      </c>
      <c r="C2838">
        <v>9527.25</v>
      </c>
      <c r="D2838">
        <v>3.4</v>
      </c>
      <c r="E2838">
        <v>10988.8</v>
      </c>
      <c r="F2838">
        <v>13.750999999999999</v>
      </c>
    </row>
    <row r="2839" spans="1:6" x14ac:dyDescent="0.25">
      <c r="A2839">
        <v>138.63</v>
      </c>
      <c r="B2839">
        <v>207.67</v>
      </c>
      <c r="C2839">
        <v>9527.25</v>
      </c>
      <c r="D2839">
        <v>3.7</v>
      </c>
      <c r="E2839">
        <v>10871.1</v>
      </c>
      <c r="F2839">
        <v>13.750999999999999</v>
      </c>
    </row>
    <row r="2840" spans="1:6" x14ac:dyDescent="0.25">
      <c r="A2840">
        <v>138.63</v>
      </c>
      <c r="B2840">
        <v>207.67</v>
      </c>
      <c r="C2840">
        <v>9527.25</v>
      </c>
      <c r="D2840">
        <v>4</v>
      </c>
      <c r="E2840">
        <v>10767.6</v>
      </c>
      <c r="F2840">
        <v>13.747299999999999</v>
      </c>
    </row>
    <row r="2841" spans="1:6" x14ac:dyDescent="0.25">
      <c r="A2841">
        <v>138.63</v>
      </c>
      <c r="B2841">
        <v>207.67</v>
      </c>
      <c r="C2841">
        <v>11072.7</v>
      </c>
      <c r="D2841">
        <v>1</v>
      </c>
      <c r="E2841">
        <v>15014.6</v>
      </c>
      <c r="F2841">
        <v>13.580500000000001</v>
      </c>
    </row>
    <row r="2842" spans="1:6" x14ac:dyDescent="0.25">
      <c r="A2842">
        <v>138.63</v>
      </c>
      <c r="B2842">
        <v>207.67</v>
      </c>
      <c r="C2842">
        <v>11072.7</v>
      </c>
      <c r="D2842">
        <v>1.3</v>
      </c>
      <c r="E2842">
        <v>14157.2</v>
      </c>
      <c r="F2842">
        <v>12.9474</v>
      </c>
    </row>
    <row r="2843" spans="1:6" x14ac:dyDescent="0.25">
      <c r="A2843">
        <v>138.63</v>
      </c>
      <c r="B2843">
        <v>207.67</v>
      </c>
      <c r="C2843">
        <v>11072.7</v>
      </c>
      <c r="D2843">
        <v>1.6</v>
      </c>
      <c r="E2843">
        <v>13661.2</v>
      </c>
      <c r="F2843">
        <v>12.961</v>
      </c>
    </row>
    <row r="2844" spans="1:6" x14ac:dyDescent="0.25">
      <c r="A2844">
        <v>138.63</v>
      </c>
      <c r="B2844">
        <v>207.67</v>
      </c>
      <c r="C2844">
        <v>11072.7</v>
      </c>
      <c r="D2844">
        <v>1.9</v>
      </c>
      <c r="E2844">
        <v>13417.4</v>
      </c>
      <c r="F2844">
        <v>13.7072</v>
      </c>
    </row>
    <row r="2845" spans="1:6" x14ac:dyDescent="0.25">
      <c r="A2845">
        <v>138.63</v>
      </c>
      <c r="B2845">
        <v>207.67</v>
      </c>
      <c r="C2845">
        <v>11072.7</v>
      </c>
      <c r="D2845">
        <v>2.2000000000000002</v>
      </c>
      <c r="E2845">
        <v>13121.6</v>
      </c>
      <c r="F2845">
        <v>13.726000000000001</v>
      </c>
    </row>
    <row r="2846" spans="1:6" x14ac:dyDescent="0.25">
      <c r="A2846">
        <v>138.63</v>
      </c>
      <c r="B2846">
        <v>207.67</v>
      </c>
      <c r="C2846">
        <v>11072.7</v>
      </c>
      <c r="D2846">
        <v>2.5</v>
      </c>
      <c r="E2846">
        <v>12931.1</v>
      </c>
      <c r="F2846">
        <v>13.739100000000001</v>
      </c>
    </row>
    <row r="2847" spans="1:6" x14ac:dyDescent="0.25">
      <c r="A2847">
        <v>138.63</v>
      </c>
      <c r="B2847">
        <v>207.67</v>
      </c>
      <c r="C2847">
        <v>11072.7</v>
      </c>
      <c r="D2847">
        <v>2.8</v>
      </c>
      <c r="E2847">
        <v>12700.2</v>
      </c>
      <c r="F2847">
        <v>13.7453</v>
      </c>
    </row>
    <row r="2848" spans="1:6" x14ac:dyDescent="0.25">
      <c r="A2848">
        <v>138.63</v>
      </c>
      <c r="B2848">
        <v>207.67</v>
      </c>
      <c r="C2848">
        <v>11072.7</v>
      </c>
      <c r="D2848">
        <v>3.1</v>
      </c>
      <c r="E2848">
        <v>12551.3</v>
      </c>
      <c r="F2848">
        <v>13.7502</v>
      </c>
    </row>
    <row r="2849" spans="1:6" x14ac:dyDescent="0.25">
      <c r="A2849">
        <v>138.63</v>
      </c>
      <c r="B2849">
        <v>207.67</v>
      </c>
      <c r="C2849">
        <v>11072.7</v>
      </c>
      <c r="D2849">
        <v>3.4</v>
      </c>
      <c r="E2849">
        <v>12567.3</v>
      </c>
      <c r="F2849">
        <v>13.750999999999999</v>
      </c>
    </row>
    <row r="2850" spans="1:6" x14ac:dyDescent="0.25">
      <c r="A2850">
        <v>138.63</v>
      </c>
      <c r="B2850">
        <v>207.67</v>
      </c>
      <c r="C2850">
        <v>11072.7</v>
      </c>
      <c r="D2850">
        <v>3.7</v>
      </c>
      <c r="E2850">
        <v>12395.4</v>
      </c>
      <c r="F2850">
        <v>13.750999999999999</v>
      </c>
    </row>
    <row r="2851" spans="1:6" x14ac:dyDescent="0.25">
      <c r="A2851">
        <v>138.63</v>
      </c>
      <c r="B2851">
        <v>207.67</v>
      </c>
      <c r="C2851">
        <v>11072.7</v>
      </c>
      <c r="D2851">
        <v>4</v>
      </c>
      <c r="E2851">
        <v>12330.6</v>
      </c>
      <c r="F2851">
        <v>13.747299999999999</v>
      </c>
    </row>
    <row r="2852" spans="1:6" x14ac:dyDescent="0.25">
      <c r="A2852">
        <v>138.63</v>
      </c>
      <c r="B2852">
        <v>207.67</v>
      </c>
      <c r="C2852">
        <v>12618.2</v>
      </c>
      <c r="D2852">
        <v>1</v>
      </c>
      <c r="E2852">
        <v>16610</v>
      </c>
      <c r="F2852">
        <v>13.580500000000001</v>
      </c>
    </row>
    <row r="2853" spans="1:6" x14ac:dyDescent="0.25">
      <c r="A2853">
        <v>138.63</v>
      </c>
      <c r="B2853">
        <v>207.67</v>
      </c>
      <c r="C2853">
        <v>12618.2</v>
      </c>
      <c r="D2853">
        <v>1.3</v>
      </c>
      <c r="E2853">
        <v>15692.9</v>
      </c>
      <c r="F2853">
        <v>12.9474</v>
      </c>
    </row>
    <row r="2854" spans="1:6" x14ac:dyDescent="0.25">
      <c r="A2854">
        <v>138.63</v>
      </c>
      <c r="B2854">
        <v>207.67</v>
      </c>
      <c r="C2854">
        <v>12618.2</v>
      </c>
      <c r="D2854">
        <v>1.6</v>
      </c>
      <c r="E2854">
        <v>15310.4</v>
      </c>
      <c r="F2854">
        <v>12.961</v>
      </c>
    </row>
    <row r="2855" spans="1:6" x14ac:dyDescent="0.25">
      <c r="A2855">
        <v>138.63</v>
      </c>
      <c r="B2855">
        <v>207.67</v>
      </c>
      <c r="C2855">
        <v>12618.2</v>
      </c>
      <c r="D2855">
        <v>1.9</v>
      </c>
      <c r="E2855">
        <v>14796.2</v>
      </c>
      <c r="F2855">
        <v>13.7072</v>
      </c>
    </row>
    <row r="2856" spans="1:6" x14ac:dyDescent="0.25">
      <c r="A2856">
        <v>138.63</v>
      </c>
      <c r="B2856">
        <v>207.67</v>
      </c>
      <c r="C2856">
        <v>12618.2</v>
      </c>
      <c r="D2856">
        <v>2.2000000000000002</v>
      </c>
      <c r="E2856">
        <v>14544.4</v>
      </c>
      <c r="F2856">
        <v>13.726000000000001</v>
      </c>
    </row>
    <row r="2857" spans="1:6" x14ac:dyDescent="0.25">
      <c r="A2857">
        <v>138.63</v>
      </c>
      <c r="B2857">
        <v>207.67</v>
      </c>
      <c r="C2857">
        <v>12618.2</v>
      </c>
      <c r="D2857">
        <v>2.5</v>
      </c>
      <c r="E2857">
        <v>14479.1</v>
      </c>
      <c r="F2857">
        <v>13.739100000000001</v>
      </c>
    </row>
    <row r="2858" spans="1:6" x14ac:dyDescent="0.25">
      <c r="A2858">
        <v>138.63</v>
      </c>
      <c r="B2858">
        <v>207.67</v>
      </c>
      <c r="C2858">
        <v>12618.2</v>
      </c>
      <c r="D2858">
        <v>2.8</v>
      </c>
      <c r="E2858">
        <v>14267.8</v>
      </c>
      <c r="F2858">
        <v>13.7453</v>
      </c>
    </row>
    <row r="2859" spans="1:6" x14ac:dyDescent="0.25">
      <c r="A2859">
        <v>138.63</v>
      </c>
      <c r="B2859">
        <v>207.67</v>
      </c>
      <c r="C2859">
        <v>12618.2</v>
      </c>
      <c r="D2859">
        <v>3.1</v>
      </c>
      <c r="E2859">
        <v>14106.9</v>
      </c>
      <c r="F2859">
        <v>13.7502</v>
      </c>
    </row>
    <row r="2860" spans="1:6" x14ac:dyDescent="0.25">
      <c r="A2860">
        <v>138.63</v>
      </c>
      <c r="B2860">
        <v>207.67</v>
      </c>
      <c r="C2860">
        <v>12618.2</v>
      </c>
      <c r="D2860">
        <v>3.4</v>
      </c>
      <c r="E2860">
        <v>14061.2</v>
      </c>
      <c r="F2860">
        <v>13.750999999999999</v>
      </c>
    </row>
    <row r="2861" spans="1:6" x14ac:dyDescent="0.25">
      <c r="A2861">
        <v>138.63</v>
      </c>
      <c r="B2861">
        <v>207.67</v>
      </c>
      <c r="C2861">
        <v>12618.2</v>
      </c>
      <c r="D2861">
        <v>3.7</v>
      </c>
      <c r="E2861">
        <v>14022.6</v>
      </c>
      <c r="F2861">
        <v>13.750999999999999</v>
      </c>
    </row>
    <row r="2862" spans="1:6" x14ac:dyDescent="0.25">
      <c r="A2862">
        <v>138.63</v>
      </c>
      <c r="B2862">
        <v>207.67</v>
      </c>
      <c r="C2862">
        <v>12618.2</v>
      </c>
      <c r="D2862">
        <v>4</v>
      </c>
      <c r="E2862">
        <v>13868</v>
      </c>
      <c r="F2862">
        <v>13.747299999999999</v>
      </c>
    </row>
    <row r="2863" spans="1:6" x14ac:dyDescent="0.25">
      <c r="A2863">
        <v>138.63</v>
      </c>
      <c r="B2863">
        <v>207.67</v>
      </c>
      <c r="C2863">
        <v>14163.6</v>
      </c>
      <c r="D2863">
        <v>1</v>
      </c>
      <c r="E2863">
        <v>18126.7</v>
      </c>
      <c r="F2863">
        <v>13.580500000000001</v>
      </c>
    </row>
    <row r="2864" spans="1:6" x14ac:dyDescent="0.25">
      <c r="A2864">
        <v>138.63</v>
      </c>
      <c r="B2864">
        <v>207.67</v>
      </c>
      <c r="C2864">
        <v>14163.6</v>
      </c>
      <c r="D2864">
        <v>1.3</v>
      </c>
      <c r="E2864">
        <v>17199.8</v>
      </c>
      <c r="F2864">
        <v>12.9474</v>
      </c>
    </row>
    <row r="2865" spans="1:6" x14ac:dyDescent="0.25">
      <c r="A2865">
        <v>138.63</v>
      </c>
      <c r="B2865">
        <v>207.67</v>
      </c>
      <c r="C2865">
        <v>14163.6</v>
      </c>
      <c r="D2865">
        <v>1.6</v>
      </c>
      <c r="E2865">
        <v>16864.599999999999</v>
      </c>
      <c r="F2865">
        <v>12.961</v>
      </c>
    </row>
    <row r="2866" spans="1:6" x14ac:dyDescent="0.25">
      <c r="A2866">
        <v>138.63</v>
      </c>
      <c r="B2866">
        <v>207.67</v>
      </c>
      <c r="C2866">
        <v>14163.6</v>
      </c>
      <c r="D2866">
        <v>1.9</v>
      </c>
      <c r="E2866">
        <v>16438.2</v>
      </c>
      <c r="F2866">
        <v>13.7072</v>
      </c>
    </row>
    <row r="2867" spans="1:6" x14ac:dyDescent="0.25">
      <c r="A2867">
        <v>138.63</v>
      </c>
      <c r="B2867">
        <v>207.67</v>
      </c>
      <c r="C2867">
        <v>14163.6</v>
      </c>
      <c r="D2867">
        <v>2.2000000000000002</v>
      </c>
      <c r="E2867">
        <v>16143.9</v>
      </c>
      <c r="F2867">
        <v>13.726000000000001</v>
      </c>
    </row>
    <row r="2868" spans="1:6" x14ac:dyDescent="0.25">
      <c r="A2868">
        <v>138.63</v>
      </c>
      <c r="B2868">
        <v>207.67</v>
      </c>
      <c r="C2868">
        <v>14163.6</v>
      </c>
      <c r="D2868">
        <v>2.5</v>
      </c>
      <c r="E2868">
        <v>15918.7</v>
      </c>
      <c r="F2868">
        <v>13.739100000000001</v>
      </c>
    </row>
    <row r="2869" spans="1:6" x14ac:dyDescent="0.25">
      <c r="A2869">
        <v>138.63</v>
      </c>
      <c r="B2869">
        <v>207.67</v>
      </c>
      <c r="C2869">
        <v>14163.6</v>
      </c>
      <c r="D2869">
        <v>2.8</v>
      </c>
      <c r="E2869">
        <v>15848.7</v>
      </c>
      <c r="F2869">
        <v>13.7453</v>
      </c>
    </row>
    <row r="2870" spans="1:6" x14ac:dyDescent="0.25">
      <c r="A2870">
        <v>138.63</v>
      </c>
      <c r="B2870">
        <v>207.67</v>
      </c>
      <c r="C2870">
        <v>14163.6</v>
      </c>
      <c r="D2870">
        <v>3.1</v>
      </c>
      <c r="E2870">
        <v>15661.9</v>
      </c>
      <c r="F2870">
        <v>13.7502</v>
      </c>
    </row>
    <row r="2871" spans="1:6" x14ac:dyDescent="0.25">
      <c r="A2871">
        <v>138.63</v>
      </c>
      <c r="B2871">
        <v>207.67</v>
      </c>
      <c r="C2871">
        <v>14163.6</v>
      </c>
      <c r="D2871">
        <v>3.4</v>
      </c>
      <c r="E2871">
        <v>15603.3</v>
      </c>
      <c r="F2871">
        <v>13.750999999999999</v>
      </c>
    </row>
    <row r="2872" spans="1:6" x14ac:dyDescent="0.25">
      <c r="A2872">
        <v>138.63</v>
      </c>
      <c r="B2872">
        <v>207.67</v>
      </c>
      <c r="C2872">
        <v>14163.6</v>
      </c>
      <c r="D2872">
        <v>3.7</v>
      </c>
      <c r="E2872">
        <v>15536.9</v>
      </c>
      <c r="F2872">
        <v>13.750999999999999</v>
      </c>
    </row>
    <row r="2873" spans="1:6" x14ac:dyDescent="0.25">
      <c r="A2873">
        <v>138.63</v>
      </c>
      <c r="B2873">
        <v>207.67</v>
      </c>
      <c r="C2873">
        <v>14163.6</v>
      </c>
      <c r="D2873">
        <v>4</v>
      </c>
      <c r="E2873">
        <v>15406.6</v>
      </c>
      <c r="F2873">
        <v>13.747299999999999</v>
      </c>
    </row>
    <row r="2874" spans="1:6" x14ac:dyDescent="0.25">
      <c r="A2874">
        <v>138.63</v>
      </c>
      <c r="B2874">
        <v>207.67</v>
      </c>
      <c r="C2874">
        <v>15709.1</v>
      </c>
      <c r="D2874">
        <v>1</v>
      </c>
      <c r="E2874">
        <v>19412.8</v>
      </c>
      <c r="F2874">
        <v>13.580500000000001</v>
      </c>
    </row>
    <row r="2875" spans="1:6" x14ac:dyDescent="0.25">
      <c r="A2875">
        <v>138.63</v>
      </c>
      <c r="B2875">
        <v>207.67</v>
      </c>
      <c r="C2875">
        <v>15709.1</v>
      </c>
      <c r="D2875">
        <v>1.3</v>
      </c>
      <c r="E2875">
        <v>18773.400000000001</v>
      </c>
      <c r="F2875">
        <v>12.9474</v>
      </c>
    </row>
    <row r="2876" spans="1:6" x14ac:dyDescent="0.25">
      <c r="A2876">
        <v>138.63</v>
      </c>
      <c r="B2876">
        <v>207.67</v>
      </c>
      <c r="C2876">
        <v>15709.1</v>
      </c>
      <c r="D2876">
        <v>1.6</v>
      </c>
      <c r="E2876">
        <v>18293.400000000001</v>
      </c>
      <c r="F2876">
        <v>12.961</v>
      </c>
    </row>
    <row r="2877" spans="1:6" x14ac:dyDescent="0.25">
      <c r="A2877">
        <v>138.63</v>
      </c>
      <c r="B2877">
        <v>207.67</v>
      </c>
      <c r="C2877">
        <v>15709.1</v>
      </c>
      <c r="D2877">
        <v>1.9</v>
      </c>
      <c r="E2877">
        <v>17905</v>
      </c>
      <c r="F2877">
        <v>13.7072</v>
      </c>
    </row>
    <row r="2878" spans="1:6" x14ac:dyDescent="0.25">
      <c r="A2878">
        <v>138.63</v>
      </c>
      <c r="B2878">
        <v>207.67</v>
      </c>
      <c r="C2878">
        <v>15709.1</v>
      </c>
      <c r="D2878">
        <v>2.2000000000000002</v>
      </c>
      <c r="E2878">
        <v>17674.3</v>
      </c>
      <c r="F2878">
        <v>13.726000000000001</v>
      </c>
    </row>
    <row r="2879" spans="1:6" x14ac:dyDescent="0.25">
      <c r="A2879">
        <v>138.63</v>
      </c>
      <c r="B2879">
        <v>207.67</v>
      </c>
      <c r="C2879">
        <v>15709.1</v>
      </c>
      <c r="D2879">
        <v>2.5</v>
      </c>
      <c r="E2879">
        <v>17478.900000000001</v>
      </c>
      <c r="F2879">
        <v>13.739100000000001</v>
      </c>
    </row>
    <row r="2880" spans="1:6" x14ac:dyDescent="0.25">
      <c r="A2880">
        <v>138.63</v>
      </c>
      <c r="B2880">
        <v>207.67</v>
      </c>
      <c r="C2880">
        <v>15709.1</v>
      </c>
      <c r="D2880">
        <v>2.8</v>
      </c>
      <c r="E2880">
        <v>17385.599999999999</v>
      </c>
      <c r="F2880">
        <v>13.7453</v>
      </c>
    </row>
    <row r="2881" spans="1:6" x14ac:dyDescent="0.25">
      <c r="A2881">
        <v>138.63</v>
      </c>
      <c r="B2881">
        <v>207.67</v>
      </c>
      <c r="C2881">
        <v>15709.1</v>
      </c>
      <c r="D2881">
        <v>3.1</v>
      </c>
      <c r="E2881">
        <v>17304.2</v>
      </c>
      <c r="F2881">
        <v>13.7502</v>
      </c>
    </row>
    <row r="2882" spans="1:6" x14ac:dyDescent="0.25">
      <c r="A2882">
        <v>138.63</v>
      </c>
      <c r="B2882">
        <v>207.67</v>
      </c>
      <c r="C2882">
        <v>15709.1</v>
      </c>
      <c r="D2882">
        <v>3.4</v>
      </c>
      <c r="E2882">
        <v>17103.8</v>
      </c>
      <c r="F2882">
        <v>13.750999999999999</v>
      </c>
    </row>
    <row r="2883" spans="1:6" x14ac:dyDescent="0.25">
      <c r="A2883">
        <v>138.63</v>
      </c>
      <c r="B2883">
        <v>207.67</v>
      </c>
      <c r="C2883">
        <v>15709.1</v>
      </c>
      <c r="D2883">
        <v>3.7</v>
      </c>
      <c r="E2883">
        <v>17075.2</v>
      </c>
      <c r="F2883">
        <v>13.750999999999999</v>
      </c>
    </row>
    <row r="2884" spans="1:6" x14ac:dyDescent="0.25">
      <c r="A2884">
        <v>138.63</v>
      </c>
      <c r="B2884">
        <v>207.67</v>
      </c>
      <c r="C2884">
        <v>15709.1</v>
      </c>
      <c r="D2884">
        <v>4</v>
      </c>
      <c r="E2884">
        <v>17025.099999999999</v>
      </c>
      <c r="F2884">
        <v>13.747299999999999</v>
      </c>
    </row>
    <row r="2885" spans="1:6" x14ac:dyDescent="0.25">
      <c r="A2885">
        <v>138.63</v>
      </c>
      <c r="B2885">
        <v>207.67</v>
      </c>
      <c r="C2885">
        <v>17254.5</v>
      </c>
      <c r="D2885">
        <v>1</v>
      </c>
      <c r="E2885">
        <v>21131</v>
      </c>
      <c r="F2885">
        <v>13.580500000000001</v>
      </c>
    </row>
    <row r="2886" spans="1:6" x14ac:dyDescent="0.25">
      <c r="A2886">
        <v>138.63</v>
      </c>
      <c r="B2886">
        <v>207.67</v>
      </c>
      <c r="C2886">
        <v>17254.5</v>
      </c>
      <c r="D2886">
        <v>1.3</v>
      </c>
      <c r="E2886">
        <v>20433</v>
      </c>
      <c r="F2886">
        <v>12.9474</v>
      </c>
    </row>
    <row r="2887" spans="1:6" x14ac:dyDescent="0.25">
      <c r="A2887">
        <v>138.63</v>
      </c>
      <c r="B2887">
        <v>207.67</v>
      </c>
      <c r="C2887">
        <v>17254.5</v>
      </c>
      <c r="D2887">
        <v>1.6</v>
      </c>
      <c r="E2887">
        <v>19825</v>
      </c>
      <c r="F2887">
        <v>12.961</v>
      </c>
    </row>
    <row r="2888" spans="1:6" x14ac:dyDescent="0.25">
      <c r="A2888">
        <v>138.63</v>
      </c>
      <c r="B2888">
        <v>207.67</v>
      </c>
      <c r="C2888">
        <v>17254.5</v>
      </c>
      <c r="D2888">
        <v>1.9</v>
      </c>
      <c r="E2888">
        <v>19577.900000000001</v>
      </c>
      <c r="F2888">
        <v>13.7072</v>
      </c>
    </row>
    <row r="2889" spans="1:6" x14ac:dyDescent="0.25">
      <c r="A2889">
        <v>138.63</v>
      </c>
      <c r="B2889">
        <v>207.67</v>
      </c>
      <c r="C2889">
        <v>17254.5</v>
      </c>
      <c r="D2889">
        <v>2.2000000000000002</v>
      </c>
      <c r="E2889">
        <v>19339.900000000001</v>
      </c>
      <c r="F2889">
        <v>13.726000000000001</v>
      </c>
    </row>
    <row r="2890" spans="1:6" x14ac:dyDescent="0.25">
      <c r="A2890">
        <v>138.63</v>
      </c>
      <c r="B2890">
        <v>207.67</v>
      </c>
      <c r="C2890">
        <v>17254.5</v>
      </c>
      <c r="D2890">
        <v>2.5</v>
      </c>
      <c r="E2890">
        <v>19064.2</v>
      </c>
      <c r="F2890">
        <v>13.739100000000001</v>
      </c>
    </row>
    <row r="2891" spans="1:6" x14ac:dyDescent="0.25">
      <c r="A2891">
        <v>138.63</v>
      </c>
      <c r="B2891">
        <v>207.67</v>
      </c>
      <c r="C2891">
        <v>17254.5</v>
      </c>
      <c r="D2891">
        <v>2.8</v>
      </c>
      <c r="E2891">
        <v>18887.099999999999</v>
      </c>
      <c r="F2891">
        <v>13.7453</v>
      </c>
    </row>
    <row r="2892" spans="1:6" x14ac:dyDescent="0.25">
      <c r="A2892">
        <v>138.63</v>
      </c>
      <c r="B2892">
        <v>207.67</v>
      </c>
      <c r="C2892">
        <v>17254.5</v>
      </c>
      <c r="D2892">
        <v>3.1</v>
      </c>
      <c r="E2892">
        <v>18830.2</v>
      </c>
      <c r="F2892">
        <v>13.7502</v>
      </c>
    </row>
    <row r="2893" spans="1:6" x14ac:dyDescent="0.25">
      <c r="A2893">
        <v>138.63</v>
      </c>
      <c r="B2893">
        <v>207.67</v>
      </c>
      <c r="C2893">
        <v>17254.5</v>
      </c>
      <c r="D2893">
        <v>3.4</v>
      </c>
      <c r="E2893">
        <v>18741</v>
      </c>
      <c r="F2893">
        <v>13.750999999999999</v>
      </c>
    </row>
    <row r="2894" spans="1:6" x14ac:dyDescent="0.25">
      <c r="A2894">
        <v>138.63</v>
      </c>
      <c r="B2894">
        <v>207.67</v>
      </c>
      <c r="C2894">
        <v>17254.5</v>
      </c>
      <c r="D2894">
        <v>3.7</v>
      </c>
      <c r="E2894">
        <v>18578.599999999999</v>
      </c>
      <c r="F2894">
        <v>13.750999999999999</v>
      </c>
    </row>
    <row r="2895" spans="1:6" x14ac:dyDescent="0.25">
      <c r="A2895">
        <v>138.63</v>
      </c>
      <c r="B2895">
        <v>207.67</v>
      </c>
      <c r="C2895">
        <v>17254.5</v>
      </c>
      <c r="D2895">
        <v>4</v>
      </c>
      <c r="E2895">
        <v>18599.3</v>
      </c>
      <c r="F2895">
        <v>13.747299999999999</v>
      </c>
    </row>
    <row r="2896" spans="1:6" x14ac:dyDescent="0.25">
      <c r="A2896">
        <v>138.63</v>
      </c>
      <c r="B2896">
        <v>207.67</v>
      </c>
      <c r="C2896">
        <v>18800</v>
      </c>
      <c r="D2896">
        <v>1</v>
      </c>
      <c r="E2896">
        <v>22749.9</v>
      </c>
      <c r="F2896">
        <v>13.580500000000001</v>
      </c>
    </row>
    <row r="2897" spans="1:6" x14ac:dyDescent="0.25">
      <c r="A2897">
        <v>138.63</v>
      </c>
      <c r="B2897">
        <v>207.67</v>
      </c>
      <c r="C2897">
        <v>18800</v>
      </c>
      <c r="D2897">
        <v>1.3</v>
      </c>
      <c r="E2897">
        <v>21995.8</v>
      </c>
      <c r="F2897">
        <v>12.9474</v>
      </c>
    </row>
    <row r="2898" spans="1:6" x14ac:dyDescent="0.25">
      <c r="A2898">
        <v>138.63</v>
      </c>
      <c r="B2898">
        <v>207.67</v>
      </c>
      <c r="C2898">
        <v>18800</v>
      </c>
      <c r="D2898">
        <v>1.6</v>
      </c>
      <c r="E2898">
        <v>21385</v>
      </c>
      <c r="F2898">
        <v>12.961</v>
      </c>
    </row>
    <row r="2899" spans="1:6" x14ac:dyDescent="0.25">
      <c r="A2899">
        <v>138.63</v>
      </c>
      <c r="B2899">
        <v>207.67</v>
      </c>
      <c r="C2899">
        <v>18800</v>
      </c>
      <c r="D2899">
        <v>1.9</v>
      </c>
      <c r="E2899">
        <v>21062.400000000001</v>
      </c>
      <c r="F2899">
        <v>13.7072</v>
      </c>
    </row>
    <row r="2900" spans="1:6" x14ac:dyDescent="0.25">
      <c r="A2900">
        <v>138.63</v>
      </c>
      <c r="B2900">
        <v>207.67</v>
      </c>
      <c r="C2900">
        <v>18800</v>
      </c>
      <c r="D2900">
        <v>2.2000000000000002</v>
      </c>
      <c r="E2900">
        <v>20843.099999999999</v>
      </c>
      <c r="F2900">
        <v>13.726000000000001</v>
      </c>
    </row>
    <row r="2901" spans="1:6" x14ac:dyDescent="0.25">
      <c r="A2901">
        <v>138.63</v>
      </c>
      <c r="B2901">
        <v>207.67</v>
      </c>
      <c r="C2901">
        <v>18800</v>
      </c>
      <c r="D2901">
        <v>2.5</v>
      </c>
      <c r="E2901">
        <v>20571.400000000001</v>
      </c>
      <c r="F2901">
        <v>13.739100000000001</v>
      </c>
    </row>
    <row r="2902" spans="1:6" x14ac:dyDescent="0.25">
      <c r="A2902">
        <v>138.63</v>
      </c>
      <c r="B2902">
        <v>207.67</v>
      </c>
      <c r="C2902">
        <v>18800</v>
      </c>
      <c r="D2902">
        <v>2.8</v>
      </c>
      <c r="E2902">
        <v>20502.900000000001</v>
      </c>
      <c r="F2902">
        <v>13.7453</v>
      </c>
    </row>
    <row r="2903" spans="1:6" x14ac:dyDescent="0.25">
      <c r="A2903">
        <v>138.63</v>
      </c>
      <c r="B2903">
        <v>207.67</v>
      </c>
      <c r="C2903">
        <v>18800</v>
      </c>
      <c r="D2903">
        <v>3.1</v>
      </c>
      <c r="E2903">
        <v>20404.7</v>
      </c>
      <c r="F2903">
        <v>13.7502</v>
      </c>
    </row>
    <row r="2904" spans="1:6" x14ac:dyDescent="0.25">
      <c r="A2904">
        <v>138.63</v>
      </c>
      <c r="B2904">
        <v>207.67</v>
      </c>
      <c r="C2904">
        <v>18800</v>
      </c>
      <c r="D2904">
        <v>3.4</v>
      </c>
      <c r="E2904">
        <v>20215.599999999999</v>
      </c>
      <c r="F2904">
        <v>13.750999999999999</v>
      </c>
    </row>
    <row r="2905" spans="1:6" x14ac:dyDescent="0.25">
      <c r="A2905">
        <v>138.63</v>
      </c>
      <c r="B2905">
        <v>207.67</v>
      </c>
      <c r="C2905">
        <v>18800</v>
      </c>
      <c r="D2905">
        <v>3.7</v>
      </c>
      <c r="E2905">
        <v>20188.2</v>
      </c>
      <c r="F2905">
        <v>13.750999999999999</v>
      </c>
    </row>
    <row r="2906" spans="1:6" x14ac:dyDescent="0.25">
      <c r="A2906">
        <v>138.63</v>
      </c>
      <c r="B2906">
        <v>207.67</v>
      </c>
      <c r="C2906">
        <v>18800</v>
      </c>
      <c r="D2906">
        <v>4</v>
      </c>
      <c r="E2906">
        <v>20114.400000000001</v>
      </c>
      <c r="F2906">
        <v>13.747299999999999</v>
      </c>
    </row>
    <row r="2907" spans="1:6" x14ac:dyDescent="0.25">
      <c r="A2907">
        <v>138.63</v>
      </c>
      <c r="B2907">
        <v>211.3</v>
      </c>
      <c r="C2907">
        <v>1800</v>
      </c>
      <c r="D2907">
        <v>1</v>
      </c>
      <c r="E2907">
        <v>5651.42</v>
      </c>
      <c r="F2907">
        <v>60.465899999999998</v>
      </c>
    </row>
    <row r="2908" spans="1:6" x14ac:dyDescent="0.25">
      <c r="A2908">
        <v>138.63</v>
      </c>
      <c r="B2908">
        <v>211.3</v>
      </c>
      <c r="C2908">
        <v>1800</v>
      </c>
      <c r="D2908">
        <v>1.3</v>
      </c>
      <c r="E2908">
        <v>5058.9399999999996</v>
      </c>
      <c r="F2908">
        <v>74.974500000000006</v>
      </c>
    </row>
    <row r="2909" spans="1:6" x14ac:dyDescent="0.25">
      <c r="A2909">
        <v>138.63</v>
      </c>
      <c r="B2909">
        <v>211.3</v>
      </c>
      <c r="C2909">
        <v>1800</v>
      </c>
      <c r="D2909">
        <v>1.6</v>
      </c>
      <c r="E2909">
        <v>4595.93</v>
      </c>
      <c r="F2909">
        <v>83.082999999999998</v>
      </c>
    </row>
    <row r="2910" spans="1:6" x14ac:dyDescent="0.25">
      <c r="A2910">
        <v>138.63</v>
      </c>
      <c r="B2910">
        <v>211.3</v>
      </c>
      <c r="C2910">
        <v>1800</v>
      </c>
      <c r="D2910">
        <v>1.9</v>
      </c>
      <c r="E2910">
        <v>4327.4799999999996</v>
      </c>
      <c r="F2910">
        <v>90.424800000000005</v>
      </c>
    </row>
    <row r="2911" spans="1:6" x14ac:dyDescent="0.25">
      <c r="A2911">
        <v>138.63</v>
      </c>
      <c r="B2911">
        <v>211.3</v>
      </c>
      <c r="C2911">
        <v>1800</v>
      </c>
      <c r="D2911">
        <v>2.2000000000000002</v>
      </c>
      <c r="E2911">
        <v>4064.24</v>
      </c>
      <c r="F2911">
        <v>94.442499999999995</v>
      </c>
    </row>
    <row r="2912" spans="1:6" x14ac:dyDescent="0.25">
      <c r="A2912">
        <v>138.63</v>
      </c>
      <c r="B2912">
        <v>211.3</v>
      </c>
      <c r="C2912">
        <v>1800</v>
      </c>
      <c r="D2912">
        <v>2.5</v>
      </c>
      <c r="E2912">
        <v>3866.87</v>
      </c>
      <c r="F2912">
        <v>98.551299999999998</v>
      </c>
    </row>
    <row r="2913" spans="1:6" x14ac:dyDescent="0.25">
      <c r="A2913">
        <v>138.63</v>
      </c>
      <c r="B2913">
        <v>211.3</v>
      </c>
      <c r="C2913">
        <v>1800</v>
      </c>
      <c r="D2913">
        <v>2.8</v>
      </c>
      <c r="E2913">
        <v>3719.57</v>
      </c>
      <c r="F2913">
        <v>98.281300000000002</v>
      </c>
    </row>
    <row r="2914" spans="1:6" x14ac:dyDescent="0.25">
      <c r="A2914">
        <v>138.63</v>
      </c>
      <c r="B2914">
        <v>211.3</v>
      </c>
      <c r="C2914">
        <v>1800</v>
      </c>
      <c r="D2914">
        <v>3.1</v>
      </c>
      <c r="E2914">
        <v>3579.48</v>
      </c>
      <c r="F2914">
        <v>100.599</v>
      </c>
    </row>
    <row r="2915" spans="1:6" x14ac:dyDescent="0.25">
      <c r="A2915">
        <v>138.63</v>
      </c>
      <c r="B2915">
        <v>211.3</v>
      </c>
      <c r="C2915">
        <v>1800</v>
      </c>
      <c r="D2915">
        <v>3.4</v>
      </c>
      <c r="E2915">
        <v>3482.74</v>
      </c>
      <c r="F2915">
        <v>102.574</v>
      </c>
    </row>
    <row r="2916" spans="1:6" x14ac:dyDescent="0.25">
      <c r="A2916">
        <v>138.63</v>
      </c>
      <c r="B2916">
        <v>211.3</v>
      </c>
      <c r="C2916">
        <v>1800</v>
      </c>
      <c r="D2916">
        <v>3.7</v>
      </c>
      <c r="E2916">
        <v>3400.66</v>
      </c>
      <c r="F2916">
        <v>107.922</v>
      </c>
    </row>
    <row r="2917" spans="1:6" x14ac:dyDescent="0.25">
      <c r="A2917">
        <v>138.63</v>
      </c>
      <c r="B2917">
        <v>211.3</v>
      </c>
      <c r="C2917">
        <v>1800</v>
      </c>
      <c r="D2917">
        <v>4</v>
      </c>
      <c r="E2917">
        <v>3326.31</v>
      </c>
      <c r="F2917">
        <v>111.455</v>
      </c>
    </row>
    <row r="2918" spans="1:6" x14ac:dyDescent="0.25">
      <c r="A2918">
        <v>138.63</v>
      </c>
      <c r="B2918">
        <v>211.3</v>
      </c>
      <c r="C2918">
        <v>3345.45</v>
      </c>
      <c r="D2918">
        <v>1</v>
      </c>
      <c r="E2918">
        <v>7002.39</v>
      </c>
      <c r="F2918">
        <v>32.992199999999997</v>
      </c>
    </row>
    <row r="2919" spans="1:6" x14ac:dyDescent="0.25">
      <c r="A2919">
        <v>138.63</v>
      </c>
      <c r="B2919">
        <v>211.3</v>
      </c>
      <c r="C2919">
        <v>3345.45</v>
      </c>
      <c r="D2919">
        <v>1.3</v>
      </c>
      <c r="E2919">
        <v>6379.41</v>
      </c>
      <c r="F2919">
        <v>42.511099999999999</v>
      </c>
    </row>
    <row r="2920" spans="1:6" x14ac:dyDescent="0.25">
      <c r="A2920">
        <v>138.63</v>
      </c>
      <c r="B2920">
        <v>211.3</v>
      </c>
      <c r="C2920">
        <v>3345.45</v>
      </c>
      <c r="D2920">
        <v>1.6</v>
      </c>
      <c r="E2920">
        <v>5976.22</v>
      </c>
      <c r="F2920">
        <v>47.669600000000003</v>
      </c>
    </row>
    <row r="2921" spans="1:6" x14ac:dyDescent="0.25">
      <c r="A2921">
        <v>138.63</v>
      </c>
      <c r="B2921">
        <v>211.3</v>
      </c>
      <c r="C2921">
        <v>3345.45</v>
      </c>
      <c r="D2921">
        <v>1.9</v>
      </c>
      <c r="E2921">
        <v>5733.43</v>
      </c>
      <c r="F2921">
        <v>55.031399999999998</v>
      </c>
    </row>
    <row r="2922" spans="1:6" x14ac:dyDescent="0.25">
      <c r="A2922">
        <v>138.63</v>
      </c>
      <c r="B2922">
        <v>211.3</v>
      </c>
      <c r="C2922">
        <v>3345.45</v>
      </c>
      <c r="D2922">
        <v>2.2000000000000002</v>
      </c>
      <c r="E2922">
        <v>5543.7</v>
      </c>
      <c r="F2922">
        <v>61.273099999999999</v>
      </c>
    </row>
    <row r="2923" spans="1:6" x14ac:dyDescent="0.25">
      <c r="A2923">
        <v>138.63</v>
      </c>
      <c r="B2923">
        <v>211.3</v>
      </c>
      <c r="C2923">
        <v>3345.45</v>
      </c>
      <c r="D2923">
        <v>2.5</v>
      </c>
      <c r="E2923">
        <v>5319.11</v>
      </c>
      <c r="F2923">
        <v>65.835800000000006</v>
      </c>
    </row>
    <row r="2924" spans="1:6" x14ac:dyDescent="0.25">
      <c r="A2924">
        <v>138.63</v>
      </c>
      <c r="B2924">
        <v>211.3</v>
      </c>
      <c r="C2924">
        <v>3345.45</v>
      </c>
      <c r="D2924">
        <v>2.8</v>
      </c>
      <c r="E2924">
        <v>5193.49</v>
      </c>
      <c r="F2924">
        <v>66.573899999999995</v>
      </c>
    </row>
    <row r="2925" spans="1:6" x14ac:dyDescent="0.25">
      <c r="A2925">
        <v>138.63</v>
      </c>
      <c r="B2925">
        <v>211.3</v>
      </c>
      <c r="C2925">
        <v>3345.45</v>
      </c>
      <c r="D2925">
        <v>3.1</v>
      </c>
      <c r="E2925">
        <v>5042.45</v>
      </c>
      <c r="F2925">
        <v>70.257300000000001</v>
      </c>
    </row>
    <row r="2926" spans="1:6" x14ac:dyDescent="0.25">
      <c r="A2926">
        <v>138.63</v>
      </c>
      <c r="B2926">
        <v>211.3</v>
      </c>
      <c r="C2926">
        <v>3345.45</v>
      </c>
      <c r="D2926">
        <v>3.4</v>
      </c>
      <c r="E2926">
        <v>4950.37</v>
      </c>
      <c r="F2926">
        <v>70.348600000000005</v>
      </c>
    </row>
    <row r="2927" spans="1:6" x14ac:dyDescent="0.25">
      <c r="A2927">
        <v>138.63</v>
      </c>
      <c r="B2927">
        <v>211.3</v>
      </c>
      <c r="C2927">
        <v>3345.45</v>
      </c>
      <c r="D2927">
        <v>3.7</v>
      </c>
      <c r="E2927">
        <v>4845.46</v>
      </c>
      <c r="F2927">
        <v>75.006500000000003</v>
      </c>
    </row>
    <row r="2928" spans="1:6" x14ac:dyDescent="0.25">
      <c r="A2928">
        <v>138.63</v>
      </c>
      <c r="B2928">
        <v>211.3</v>
      </c>
      <c r="C2928">
        <v>3345.45</v>
      </c>
      <c r="D2928">
        <v>4</v>
      </c>
      <c r="E2928">
        <v>4762.13</v>
      </c>
      <c r="F2928">
        <v>77.539299999999997</v>
      </c>
    </row>
    <row r="2929" spans="1:6" x14ac:dyDescent="0.25">
      <c r="A2929">
        <v>138.63</v>
      </c>
      <c r="B2929">
        <v>211.3</v>
      </c>
      <c r="C2929">
        <v>4890.8999999999996</v>
      </c>
      <c r="D2929">
        <v>1</v>
      </c>
      <c r="E2929">
        <v>8214.94</v>
      </c>
      <c r="F2929">
        <v>15.187900000000001</v>
      </c>
    </row>
    <row r="2930" spans="1:6" x14ac:dyDescent="0.25">
      <c r="A2930">
        <v>138.63</v>
      </c>
      <c r="B2930">
        <v>211.3</v>
      </c>
      <c r="C2930">
        <v>4890.8999999999996</v>
      </c>
      <c r="D2930">
        <v>1.3</v>
      </c>
      <c r="E2930">
        <v>7883.41</v>
      </c>
      <c r="F2930">
        <v>17.122499999999999</v>
      </c>
    </row>
    <row r="2931" spans="1:6" x14ac:dyDescent="0.25">
      <c r="A2931">
        <v>138.63</v>
      </c>
      <c r="B2931">
        <v>211.3</v>
      </c>
      <c r="C2931">
        <v>4890.8999999999996</v>
      </c>
      <c r="D2931">
        <v>1.6</v>
      </c>
      <c r="E2931">
        <v>7480.13</v>
      </c>
      <c r="F2931">
        <v>19.802199999999999</v>
      </c>
    </row>
    <row r="2932" spans="1:6" x14ac:dyDescent="0.25">
      <c r="A2932">
        <v>138.63</v>
      </c>
      <c r="B2932">
        <v>211.3</v>
      </c>
      <c r="C2932">
        <v>4890.8999999999996</v>
      </c>
      <c r="D2932">
        <v>1.9</v>
      </c>
      <c r="E2932">
        <v>7124.6</v>
      </c>
      <c r="F2932">
        <v>22.1754</v>
      </c>
    </row>
    <row r="2933" spans="1:6" x14ac:dyDescent="0.25">
      <c r="A2933">
        <v>138.63</v>
      </c>
      <c r="B2933">
        <v>211.3</v>
      </c>
      <c r="C2933">
        <v>4890.8999999999996</v>
      </c>
      <c r="D2933">
        <v>2.2000000000000002</v>
      </c>
      <c r="E2933">
        <v>6902.58</v>
      </c>
      <c r="F2933">
        <v>24.191099999999999</v>
      </c>
    </row>
    <row r="2934" spans="1:6" x14ac:dyDescent="0.25">
      <c r="A2934">
        <v>138.63</v>
      </c>
      <c r="B2934">
        <v>211.3</v>
      </c>
      <c r="C2934">
        <v>4890.8999999999996</v>
      </c>
      <c r="D2934">
        <v>2.5</v>
      </c>
      <c r="E2934">
        <v>6804.21</v>
      </c>
      <c r="F2934">
        <v>26.909400000000002</v>
      </c>
    </row>
    <row r="2935" spans="1:6" x14ac:dyDescent="0.25">
      <c r="A2935">
        <v>138.63</v>
      </c>
      <c r="B2935">
        <v>211.3</v>
      </c>
      <c r="C2935">
        <v>4890.8999999999996</v>
      </c>
      <c r="D2935">
        <v>2.8</v>
      </c>
      <c r="E2935">
        <v>6710.38</v>
      </c>
      <c r="F2935">
        <v>27.901800000000001</v>
      </c>
    </row>
    <row r="2936" spans="1:6" x14ac:dyDescent="0.25">
      <c r="A2936">
        <v>138.63</v>
      </c>
      <c r="B2936">
        <v>211.3</v>
      </c>
      <c r="C2936">
        <v>4890.8999999999996</v>
      </c>
      <c r="D2936">
        <v>3.1</v>
      </c>
      <c r="E2936">
        <v>6519.58</v>
      </c>
      <c r="F2936">
        <v>30.280999999999999</v>
      </c>
    </row>
    <row r="2937" spans="1:6" x14ac:dyDescent="0.25">
      <c r="A2937">
        <v>138.63</v>
      </c>
      <c r="B2937">
        <v>211.3</v>
      </c>
      <c r="C2937">
        <v>4890.8999999999996</v>
      </c>
      <c r="D2937">
        <v>3.4</v>
      </c>
      <c r="E2937">
        <v>6402.73</v>
      </c>
      <c r="F2937">
        <v>30.015799999999999</v>
      </c>
    </row>
    <row r="2938" spans="1:6" x14ac:dyDescent="0.25">
      <c r="A2938">
        <v>138.63</v>
      </c>
      <c r="B2938">
        <v>211.3</v>
      </c>
      <c r="C2938">
        <v>4890.8999999999996</v>
      </c>
      <c r="D2938">
        <v>3.7</v>
      </c>
      <c r="E2938">
        <v>6353.16</v>
      </c>
      <c r="F2938">
        <v>32.574399999999997</v>
      </c>
    </row>
    <row r="2939" spans="1:6" x14ac:dyDescent="0.25">
      <c r="A2939">
        <v>138.63</v>
      </c>
      <c r="B2939">
        <v>211.3</v>
      </c>
      <c r="C2939">
        <v>4890.8999999999996</v>
      </c>
      <c r="D2939">
        <v>4</v>
      </c>
      <c r="E2939">
        <v>6287.66</v>
      </c>
      <c r="F2939">
        <v>33.331699999999998</v>
      </c>
    </row>
    <row r="2940" spans="1:6" x14ac:dyDescent="0.25">
      <c r="A2940">
        <v>138.63</v>
      </c>
      <c r="B2940">
        <v>211.3</v>
      </c>
      <c r="C2940">
        <v>6436.35</v>
      </c>
      <c r="D2940">
        <v>1</v>
      </c>
      <c r="E2940">
        <v>9941.81</v>
      </c>
      <c r="F2940">
        <v>11.4657</v>
      </c>
    </row>
    <row r="2941" spans="1:6" x14ac:dyDescent="0.25">
      <c r="A2941">
        <v>138.63</v>
      </c>
      <c r="B2941">
        <v>211.3</v>
      </c>
      <c r="C2941">
        <v>6436.35</v>
      </c>
      <c r="D2941">
        <v>1.3</v>
      </c>
      <c r="E2941">
        <v>9197.68</v>
      </c>
      <c r="F2941">
        <v>12.131600000000001</v>
      </c>
    </row>
    <row r="2942" spans="1:6" x14ac:dyDescent="0.25">
      <c r="A2942">
        <v>138.63</v>
      </c>
      <c r="B2942">
        <v>211.3</v>
      </c>
      <c r="C2942">
        <v>6436.35</v>
      </c>
      <c r="D2942">
        <v>1.6</v>
      </c>
      <c r="E2942">
        <v>8943.27</v>
      </c>
      <c r="F2942">
        <v>11.943899999999999</v>
      </c>
    </row>
    <row r="2943" spans="1:6" x14ac:dyDescent="0.25">
      <c r="A2943">
        <v>138.63</v>
      </c>
      <c r="B2943">
        <v>211.3</v>
      </c>
      <c r="C2943">
        <v>6436.35</v>
      </c>
      <c r="D2943">
        <v>1.9</v>
      </c>
      <c r="E2943">
        <v>8552.11</v>
      </c>
      <c r="F2943">
        <v>11.645799999999999</v>
      </c>
    </row>
    <row r="2944" spans="1:6" x14ac:dyDescent="0.25">
      <c r="A2944">
        <v>138.63</v>
      </c>
      <c r="B2944">
        <v>211.3</v>
      </c>
      <c r="C2944">
        <v>6436.35</v>
      </c>
      <c r="D2944">
        <v>2.2000000000000002</v>
      </c>
      <c r="E2944">
        <v>8314.89</v>
      </c>
      <c r="F2944">
        <v>11.2128</v>
      </c>
    </row>
    <row r="2945" spans="1:6" x14ac:dyDescent="0.25">
      <c r="A2945">
        <v>138.63</v>
      </c>
      <c r="B2945">
        <v>211.3</v>
      </c>
      <c r="C2945">
        <v>6436.35</v>
      </c>
      <c r="D2945">
        <v>2.5</v>
      </c>
      <c r="E2945">
        <v>8278.3799999999992</v>
      </c>
      <c r="F2945">
        <v>10.815099999999999</v>
      </c>
    </row>
    <row r="2946" spans="1:6" x14ac:dyDescent="0.25">
      <c r="A2946">
        <v>138.63</v>
      </c>
      <c r="B2946">
        <v>211.3</v>
      </c>
      <c r="C2946">
        <v>6436.35</v>
      </c>
      <c r="D2946">
        <v>2.8</v>
      </c>
      <c r="E2946">
        <v>8106.21</v>
      </c>
      <c r="F2946">
        <v>10.4466</v>
      </c>
    </row>
    <row r="2947" spans="1:6" x14ac:dyDescent="0.25">
      <c r="A2947">
        <v>138.63</v>
      </c>
      <c r="B2947">
        <v>211.3</v>
      </c>
      <c r="C2947">
        <v>6436.35</v>
      </c>
      <c r="D2947">
        <v>3.1</v>
      </c>
      <c r="E2947">
        <v>7997.65</v>
      </c>
      <c r="F2947">
        <v>10.127000000000001</v>
      </c>
    </row>
    <row r="2948" spans="1:6" x14ac:dyDescent="0.25">
      <c r="A2948">
        <v>138.63</v>
      </c>
      <c r="B2948">
        <v>211.3</v>
      </c>
      <c r="C2948">
        <v>6436.35</v>
      </c>
      <c r="D2948">
        <v>3.4</v>
      </c>
      <c r="E2948">
        <v>7852.98</v>
      </c>
      <c r="F2948">
        <v>13.0106</v>
      </c>
    </row>
    <row r="2949" spans="1:6" x14ac:dyDescent="0.25">
      <c r="A2949">
        <v>138.63</v>
      </c>
      <c r="B2949">
        <v>211.3</v>
      </c>
      <c r="C2949">
        <v>6436.35</v>
      </c>
      <c r="D2949">
        <v>3.7</v>
      </c>
      <c r="E2949">
        <v>7820.83</v>
      </c>
      <c r="F2949">
        <v>13.1416</v>
      </c>
    </row>
    <row r="2950" spans="1:6" x14ac:dyDescent="0.25">
      <c r="A2950">
        <v>138.63</v>
      </c>
      <c r="B2950">
        <v>211.3</v>
      </c>
      <c r="C2950">
        <v>6436.35</v>
      </c>
      <c r="D2950">
        <v>4</v>
      </c>
      <c r="E2950">
        <v>7768.18</v>
      </c>
      <c r="F2950">
        <v>13.2271</v>
      </c>
    </row>
    <row r="2951" spans="1:6" x14ac:dyDescent="0.25">
      <c r="A2951">
        <v>138.63</v>
      </c>
      <c r="B2951">
        <v>211.3</v>
      </c>
      <c r="C2951">
        <v>7981.8</v>
      </c>
      <c r="D2951">
        <v>1</v>
      </c>
      <c r="E2951">
        <v>11792.8</v>
      </c>
      <c r="F2951">
        <v>13.580500000000001</v>
      </c>
    </row>
    <row r="2952" spans="1:6" x14ac:dyDescent="0.25">
      <c r="A2952">
        <v>138.63</v>
      </c>
      <c r="B2952">
        <v>211.3</v>
      </c>
      <c r="C2952">
        <v>7981.8</v>
      </c>
      <c r="D2952">
        <v>1.3</v>
      </c>
      <c r="E2952">
        <v>10963.5</v>
      </c>
      <c r="F2952">
        <v>12.8447</v>
      </c>
    </row>
    <row r="2953" spans="1:6" x14ac:dyDescent="0.25">
      <c r="A2953">
        <v>138.63</v>
      </c>
      <c r="B2953">
        <v>211.3</v>
      </c>
      <c r="C2953">
        <v>7981.8</v>
      </c>
      <c r="D2953">
        <v>1.6</v>
      </c>
      <c r="E2953">
        <v>10511.5</v>
      </c>
      <c r="F2953">
        <v>12.911199999999999</v>
      </c>
    </row>
    <row r="2954" spans="1:6" x14ac:dyDescent="0.25">
      <c r="A2954">
        <v>138.63</v>
      </c>
      <c r="B2954">
        <v>211.3</v>
      </c>
      <c r="C2954">
        <v>7981.8</v>
      </c>
      <c r="D2954">
        <v>1.9</v>
      </c>
      <c r="E2954">
        <v>10242.9</v>
      </c>
      <c r="F2954">
        <v>13.7072</v>
      </c>
    </row>
    <row r="2955" spans="1:6" x14ac:dyDescent="0.25">
      <c r="A2955">
        <v>138.63</v>
      </c>
      <c r="B2955">
        <v>211.3</v>
      </c>
      <c r="C2955">
        <v>7981.8</v>
      </c>
      <c r="D2955">
        <v>2.2000000000000002</v>
      </c>
      <c r="E2955">
        <v>9950.89</v>
      </c>
      <c r="F2955">
        <v>13.726000000000001</v>
      </c>
    </row>
    <row r="2956" spans="1:6" x14ac:dyDescent="0.25">
      <c r="A2956">
        <v>138.63</v>
      </c>
      <c r="B2956">
        <v>211.3</v>
      </c>
      <c r="C2956">
        <v>7981.8</v>
      </c>
      <c r="D2956">
        <v>2.5</v>
      </c>
      <c r="E2956">
        <v>9731.3700000000008</v>
      </c>
      <c r="F2956">
        <v>13.739100000000001</v>
      </c>
    </row>
    <row r="2957" spans="1:6" x14ac:dyDescent="0.25">
      <c r="A2957">
        <v>138.63</v>
      </c>
      <c r="B2957">
        <v>211.3</v>
      </c>
      <c r="C2957">
        <v>7981.8</v>
      </c>
      <c r="D2957">
        <v>2.8</v>
      </c>
      <c r="E2957">
        <v>9600.89</v>
      </c>
      <c r="F2957">
        <v>13.7453</v>
      </c>
    </row>
    <row r="2958" spans="1:6" x14ac:dyDescent="0.25">
      <c r="A2958">
        <v>138.63</v>
      </c>
      <c r="B2958">
        <v>211.3</v>
      </c>
      <c r="C2958">
        <v>7981.8</v>
      </c>
      <c r="D2958">
        <v>3.1</v>
      </c>
      <c r="E2958">
        <v>9477.59</v>
      </c>
      <c r="F2958">
        <v>13.7502</v>
      </c>
    </row>
    <row r="2959" spans="1:6" x14ac:dyDescent="0.25">
      <c r="A2959">
        <v>138.63</v>
      </c>
      <c r="B2959">
        <v>211.3</v>
      </c>
      <c r="C2959">
        <v>7981.8</v>
      </c>
      <c r="D2959">
        <v>3.4</v>
      </c>
      <c r="E2959">
        <v>9372.2900000000009</v>
      </c>
      <c r="F2959">
        <v>13.750999999999999</v>
      </c>
    </row>
    <row r="2960" spans="1:6" x14ac:dyDescent="0.25">
      <c r="A2960">
        <v>138.63</v>
      </c>
      <c r="B2960">
        <v>211.3</v>
      </c>
      <c r="C2960">
        <v>7981.8</v>
      </c>
      <c r="D2960">
        <v>3.7</v>
      </c>
      <c r="E2960">
        <v>9351.94</v>
      </c>
      <c r="F2960">
        <v>13.750999999999999</v>
      </c>
    </row>
    <row r="2961" spans="1:6" x14ac:dyDescent="0.25">
      <c r="A2961">
        <v>138.63</v>
      </c>
      <c r="B2961">
        <v>211.3</v>
      </c>
      <c r="C2961">
        <v>7981.8</v>
      </c>
      <c r="D2961">
        <v>4</v>
      </c>
      <c r="E2961">
        <v>9255.5499999999993</v>
      </c>
      <c r="F2961">
        <v>13.747299999999999</v>
      </c>
    </row>
    <row r="2962" spans="1:6" x14ac:dyDescent="0.25">
      <c r="A2962">
        <v>138.63</v>
      </c>
      <c r="B2962">
        <v>211.3</v>
      </c>
      <c r="C2962">
        <v>9527.25</v>
      </c>
      <c r="D2962">
        <v>1</v>
      </c>
      <c r="E2962">
        <v>13400.7</v>
      </c>
      <c r="F2962">
        <v>13.580500000000001</v>
      </c>
    </row>
    <row r="2963" spans="1:6" x14ac:dyDescent="0.25">
      <c r="A2963">
        <v>138.63</v>
      </c>
      <c r="B2963">
        <v>211.3</v>
      </c>
      <c r="C2963">
        <v>9527.25</v>
      </c>
      <c r="D2963">
        <v>1.3</v>
      </c>
      <c r="E2963">
        <v>12647.8</v>
      </c>
      <c r="F2963">
        <v>12.9474</v>
      </c>
    </row>
    <row r="2964" spans="1:6" x14ac:dyDescent="0.25">
      <c r="A2964">
        <v>138.63</v>
      </c>
      <c r="B2964">
        <v>211.3</v>
      </c>
      <c r="C2964">
        <v>9527.25</v>
      </c>
      <c r="D2964">
        <v>1.6</v>
      </c>
      <c r="E2964">
        <v>12108.9</v>
      </c>
      <c r="F2964">
        <v>12.961</v>
      </c>
    </row>
    <row r="2965" spans="1:6" x14ac:dyDescent="0.25">
      <c r="A2965">
        <v>138.63</v>
      </c>
      <c r="B2965">
        <v>211.3</v>
      </c>
      <c r="C2965">
        <v>9527.25</v>
      </c>
      <c r="D2965">
        <v>1.9</v>
      </c>
      <c r="E2965">
        <v>11674.4</v>
      </c>
      <c r="F2965">
        <v>13.7072</v>
      </c>
    </row>
    <row r="2966" spans="1:6" x14ac:dyDescent="0.25">
      <c r="A2966">
        <v>138.63</v>
      </c>
      <c r="B2966">
        <v>211.3</v>
      </c>
      <c r="C2966">
        <v>9527.25</v>
      </c>
      <c r="D2966">
        <v>2.2000000000000002</v>
      </c>
      <c r="E2966">
        <v>11476</v>
      </c>
      <c r="F2966">
        <v>13.726000000000001</v>
      </c>
    </row>
    <row r="2967" spans="1:6" x14ac:dyDescent="0.25">
      <c r="A2967">
        <v>138.63</v>
      </c>
      <c r="B2967">
        <v>211.3</v>
      </c>
      <c r="C2967">
        <v>9527.25</v>
      </c>
      <c r="D2967">
        <v>2.5</v>
      </c>
      <c r="E2967">
        <v>11279.3</v>
      </c>
      <c r="F2967">
        <v>13.739100000000001</v>
      </c>
    </row>
    <row r="2968" spans="1:6" x14ac:dyDescent="0.25">
      <c r="A2968">
        <v>138.63</v>
      </c>
      <c r="B2968">
        <v>211.3</v>
      </c>
      <c r="C2968">
        <v>9527.25</v>
      </c>
      <c r="D2968">
        <v>2.8</v>
      </c>
      <c r="E2968">
        <v>11149.7</v>
      </c>
      <c r="F2968">
        <v>13.7453</v>
      </c>
    </row>
    <row r="2969" spans="1:6" x14ac:dyDescent="0.25">
      <c r="A2969">
        <v>138.63</v>
      </c>
      <c r="B2969">
        <v>211.3</v>
      </c>
      <c r="C2969">
        <v>9527.25</v>
      </c>
      <c r="D2969">
        <v>3.1</v>
      </c>
      <c r="E2969">
        <v>11022.7</v>
      </c>
      <c r="F2969">
        <v>13.7502</v>
      </c>
    </row>
    <row r="2970" spans="1:6" x14ac:dyDescent="0.25">
      <c r="A2970">
        <v>138.63</v>
      </c>
      <c r="B2970">
        <v>211.3</v>
      </c>
      <c r="C2970">
        <v>9527.25</v>
      </c>
      <c r="D2970">
        <v>3.4</v>
      </c>
      <c r="E2970">
        <v>10990.9</v>
      </c>
      <c r="F2970">
        <v>13.750999999999999</v>
      </c>
    </row>
    <row r="2971" spans="1:6" x14ac:dyDescent="0.25">
      <c r="A2971">
        <v>138.63</v>
      </c>
      <c r="B2971">
        <v>211.3</v>
      </c>
      <c r="C2971">
        <v>9527.25</v>
      </c>
      <c r="D2971">
        <v>3.7</v>
      </c>
      <c r="E2971">
        <v>10873</v>
      </c>
      <c r="F2971">
        <v>13.750999999999999</v>
      </c>
    </row>
    <row r="2972" spans="1:6" x14ac:dyDescent="0.25">
      <c r="A2972">
        <v>138.63</v>
      </c>
      <c r="B2972">
        <v>211.3</v>
      </c>
      <c r="C2972">
        <v>9527.25</v>
      </c>
      <c r="D2972">
        <v>4</v>
      </c>
      <c r="E2972">
        <v>10769</v>
      </c>
      <c r="F2972">
        <v>13.747299999999999</v>
      </c>
    </row>
    <row r="2973" spans="1:6" x14ac:dyDescent="0.25">
      <c r="A2973">
        <v>138.63</v>
      </c>
      <c r="B2973">
        <v>211.3</v>
      </c>
      <c r="C2973">
        <v>11072.7</v>
      </c>
      <c r="D2973">
        <v>1</v>
      </c>
      <c r="E2973">
        <v>15014.6</v>
      </c>
      <c r="F2973">
        <v>13.580500000000001</v>
      </c>
    </row>
    <row r="2974" spans="1:6" x14ac:dyDescent="0.25">
      <c r="A2974">
        <v>138.63</v>
      </c>
      <c r="B2974">
        <v>211.3</v>
      </c>
      <c r="C2974">
        <v>11072.7</v>
      </c>
      <c r="D2974">
        <v>1.3</v>
      </c>
      <c r="E2974">
        <v>14157.2</v>
      </c>
      <c r="F2974">
        <v>12.9474</v>
      </c>
    </row>
    <row r="2975" spans="1:6" x14ac:dyDescent="0.25">
      <c r="A2975">
        <v>138.63</v>
      </c>
      <c r="B2975">
        <v>211.3</v>
      </c>
      <c r="C2975">
        <v>11072.7</v>
      </c>
      <c r="D2975">
        <v>1.6</v>
      </c>
      <c r="E2975">
        <v>13661.2</v>
      </c>
      <c r="F2975">
        <v>12.961</v>
      </c>
    </row>
    <row r="2976" spans="1:6" x14ac:dyDescent="0.25">
      <c r="A2976">
        <v>138.63</v>
      </c>
      <c r="B2976">
        <v>211.3</v>
      </c>
      <c r="C2976">
        <v>11072.7</v>
      </c>
      <c r="D2976">
        <v>1.9</v>
      </c>
      <c r="E2976">
        <v>13417.4</v>
      </c>
      <c r="F2976">
        <v>13.7072</v>
      </c>
    </row>
    <row r="2977" spans="1:6" x14ac:dyDescent="0.25">
      <c r="A2977">
        <v>138.63</v>
      </c>
      <c r="B2977">
        <v>211.3</v>
      </c>
      <c r="C2977">
        <v>11072.7</v>
      </c>
      <c r="D2977">
        <v>2.2000000000000002</v>
      </c>
      <c r="E2977">
        <v>13121.6</v>
      </c>
      <c r="F2977">
        <v>13.726000000000001</v>
      </c>
    </row>
    <row r="2978" spans="1:6" x14ac:dyDescent="0.25">
      <c r="A2978">
        <v>138.63</v>
      </c>
      <c r="B2978">
        <v>211.3</v>
      </c>
      <c r="C2978">
        <v>11072.7</v>
      </c>
      <c r="D2978">
        <v>2.5</v>
      </c>
      <c r="E2978">
        <v>12931.1</v>
      </c>
      <c r="F2978">
        <v>13.739100000000001</v>
      </c>
    </row>
    <row r="2979" spans="1:6" x14ac:dyDescent="0.25">
      <c r="A2979">
        <v>138.63</v>
      </c>
      <c r="B2979">
        <v>211.3</v>
      </c>
      <c r="C2979">
        <v>11072.7</v>
      </c>
      <c r="D2979">
        <v>2.8</v>
      </c>
      <c r="E2979">
        <v>12700.2</v>
      </c>
      <c r="F2979">
        <v>13.7453</v>
      </c>
    </row>
    <row r="2980" spans="1:6" x14ac:dyDescent="0.25">
      <c r="A2980">
        <v>138.63</v>
      </c>
      <c r="B2980">
        <v>211.3</v>
      </c>
      <c r="C2980">
        <v>11072.7</v>
      </c>
      <c r="D2980">
        <v>3.1</v>
      </c>
      <c r="E2980">
        <v>12551.3</v>
      </c>
      <c r="F2980">
        <v>13.7502</v>
      </c>
    </row>
    <row r="2981" spans="1:6" x14ac:dyDescent="0.25">
      <c r="A2981">
        <v>138.63</v>
      </c>
      <c r="B2981">
        <v>211.3</v>
      </c>
      <c r="C2981">
        <v>11072.7</v>
      </c>
      <c r="D2981">
        <v>3.4</v>
      </c>
      <c r="E2981">
        <v>12567.3</v>
      </c>
      <c r="F2981">
        <v>13.750999999999999</v>
      </c>
    </row>
    <row r="2982" spans="1:6" x14ac:dyDescent="0.25">
      <c r="A2982">
        <v>138.63</v>
      </c>
      <c r="B2982">
        <v>211.3</v>
      </c>
      <c r="C2982">
        <v>11072.7</v>
      </c>
      <c r="D2982">
        <v>3.7</v>
      </c>
      <c r="E2982">
        <v>12395.4</v>
      </c>
      <c r="F2982">
        <v>13.750999999999999</v>
      </c>
    </row>
    <row r="2983" spans="1:6" x14ac:dyDescent="0.25">
      <c r="A2983">
        <v>138.63</v>
      </c>
      <c r="B2983">
        <v>211.3</v>
      </c>
      <c r="C2983">
        <v>11072.7</v>
      </c>
      <c r="D2983">
        <v>4</v>
      </c>
      <c r="E2983">
        <v>12330.6</v>
      </c>
      <c r="F2983">
        <v>13.747299999999999</v>
      </c>
    </row>
    <row r="2984" spans="1:6" x14ac:dyDescent="0.25">
      <c r="A2984">
        <v>138.63</v>
      </c>
      <c r="B2984">
        <v>211.3</v>
      </c>
      <c r="C2984">
        <v>12618.2</v>
      </c>
      <c r="D2984">
        <v>1</v>
      </c>
      <c r="E2984">
        <v>16610</v>
      </c>
      <c r="F2984">
        <v>13.580500000000001</v>
      </c>
    </row>
    <row r="2985" spans="1:6" x14ac:dyDescent="0.25">
      <c r="A2985">
        <v>138.63</v>
      </c>
      <c r="B2985">
        <v>211.3</v>
      </c>
      <c r="C2985">
        <v>12618.2</v>
      </c>
      <c r="D2985">
        <v>1.3</v>
      </c>
      <c r="E2985">
        <v>15692.9</v>
      </c>
      <c r="F2985">
        <v>12.9474</v>
      </c>
    </row>
    <row r="2986" spans="1:6" x14ac:dyDescent="0.25">
      <c r="A2986">
        <v>138.63</v>
      </c>
      <c r="B2986">
        <v>211.3</v>
      </c>
      <c r="C2986">
        <v>12618.2</v>
      </c>
      <c r="D2986">
        <v>1.6</v>
      </c>
      <c r="E2986">
        <v>15310.4</v>
      </c>
      <c r="F2986">
        <v>12.961</v>
      </c>
    </row>
    <row r="2987" spans="1:6" x14ac:dyDescent="0.25">
      <c r="A2987">
        <v>138.63</v>
      </c>
      <c r="B2987">
        <v>211.3</v>
      </c>
      <c r="C2987">
        <v>12618.2</v>
      </c>
      <c r="D2987">
        <v>1.9</v>
      </c>
      <c r="E2987">
        <v>14796.2</v>
      </c>
      <c r="F2987">
        <v>13.7072</v>
      </c>
    </row>
    <row r="2988" spans="1:6" x14ac:dyDescent="0.25">
      <c r="A2988">
        <v>138.63</v>
      </c>
      <c r="B2988">
        <v>211.3</v>
      </c>
      <c r="C2988">
        <v>12618.2</v>
      </c>
      <c r="D2988">
        <v>2.2000000000000002</v>
      </c>
      <c r="E2988">
        <v>14544.4</v>
      </c>
      <c r="F2988">
        <v>13.726000000000001</v>
      </c>
    </row>
    <row r="2989" spans="1:6" x14ac:dyDescent="0.25">
      <c r="A2989">
        <v>138.63</v>
      </c>
      <c r="B2989">
        <v>211.3</v>
      </c>
      <c r="C2989">
        <v>12618.2</v>
      </c>
      <c r="D2989">
        <v>2.5</v>
      </c>
      <c r="E2989">
        <v>14479.1</v>
      </c>
      <c r="F2989">
        <v>13.739100000000001</v>
      </c>
    </row>
    <row r="2990" spans="1:6" x14ac:dyDescent="0.25">
      <c r="A2990">
        <v>138.63</v>
      </c>
      <c r="B2990">
        <v>211.3</v>
      </c>
      <c r="C2990">
        <v>12618.2</v>
      </c>
      <c r="D2990">
        <v>2.8</v>
      </c>
      <c r="E2990">
        <v>14267.8</v>
      </c>
      <c r="F2990">
        <v>13.7453</v>
      </c>
    </row>
    <row r="2991" spans="1:6" x14ac:dyDescent="0.25">
      <c r="A2991">
        <v>138.63</v>
      </c>
      <c r="B2991">
        <v>211.3</v>
      </c>
      <c r="C2991">
        <v>12618.2</v>
      </c>
      <c r="D2991">
        <v>3.1</v>
      </c>
      <c r="E2991">
        <v>14106.9</v>
      </c>
      <c r="F2991">
        <v>13.7502</v>
      </c>
    </row>
    <row r="2992" spans="1:6" x14ac:dyDescent="0.25">
      <c r="A2992">
        <v>138.63</v>
      </c>
      <c r="B2992">
        <v>211.3</v>
      </c>
      <c r="C2992">
        <v>12618.2</v>
      </c>
      <c r="D2992">
        <v>3.4</v>
      </c>
      <c r="E2992">
        <v>14061.2</v>
      </c>
      <c r="F2992">
        <v>13.750999999999999</v>
      </c>
    </row>
    <row r="2993" spans="1:6" x14ac:dyDescent="0.25">
      <c r="A2993">
        <v>138.63</v>
      </c>
      <c r="B2993">
        <v>211.3</v>
      </c>
      <c r="C2993">
        <v>12618.2</v>
      </c>
      <c r="D2993">
        <v>3.7</v>
      </c>
      <c r="E2993">
        <v>14022.6</v>
      </c>
      <c r="F2993">
        <v>13.750999999999999</v>
      </c>
    </row>
    <row r="2994" spans="1:6" x14ac:dyDescent="0.25">
      <c r="A2994">
        <v>138.63</v>
      </c>
      <c r="B2994">
        <v>211.3</v>
      </c>
      <c r="C2994">
        <v>12618.2</v>
      </c>
      <c r="D2994">
        <v>4</v>
      </c>
      <c r="E2994">
        <v>13868</v>
      </c>
      <c r="F2994">
        <v>13.747299999999999</v>
      </c>
    </row>
    <row r="2995" spans="1:6" x14ac:dyDescent="0.25">
      <c r="A2995">
        <v>138.63</v>
      </c>
      <c r="B2995">
        <v>211.3</v>
      </c>
      <c r="C2995">
        <v>14163.6</v>
      </c>
      <c r="D2995">
        <v>1</v>
      </c>
      <c r="E2995">
        <v>18126.7</v>
      </c>
      <c r="F2995">
        <v>13.580500000000001</v>
      </c>
    </row>
    <row r="2996" spans="1:6" x14ac:dyDescent="0.25">
      <c r="A2996">
        <v>138.63</v>
      </c>
      <c r="B2996">
        <v>211.3</v>
      </c>
      <c r="C2996">
        <v>14163.6</v>
      </c>
      <c r="D2996">
        <v>1.3</v>
      </c>
      <c r="E2996">
        <v>17199.8</v>
      </c>
      <c r="F2996">
        <v>12.9474</v>
      </c>
    </row>
    <row r="2997" spans="1:6" x14ac:dyDescent="0.25">
      <c r="A2997">
        <v>138.63</v>
      </c>
      <c r="B2997">
        <v>211.3</v>
      </c>
      <c r="C2997">
        <v>14163.6</v>
      </c>
      <c r="D2997">
        <v>1.6</v>
      </c>
      <c r="E2997">
        <v>16864.599999999999</v>
      </c>
      <c r="F2997">
        <v>12.961</v>
      </c>
    </row>
    <row r="2998" spans="1:6" x14ac:dyDescent="0.25">
      <c r="A2998">
        <v>138.63</v>
      </c>
      <c r="B2998">
        <v>211.3</v>
      </c>
      <c r="C2998">
        <v>14163.6</v>
      </c>
      <c r="D2998">
        <v>1.9</v>
      </c>
      <c r="E2998">
        <v>16438.2</v>
      </c>
      <c r="F2998">
        <v>13.7072</v>
      </c>
    </row>
    <row r="2999" spans="1:6" x14ac:dyDescent="0.25">
      <c r="A2999">
        <v>138.63</v>
      </c>
      <c r="B2999">
        <v>211.3</v>
      </c>
      <c r="C2999">
        <v>14163.6</v>
      </c>
      <c r="D2999">
        <v>2.2000000000000002</v>
      </c>
      <c r="E2999">
        <v>16143.9</v>
      </c>
      <c r="F2999">
        <v>13.726000000000001</v>
      </c>
    </row>
    <row r="3000" spans="1:6" x14ac:dyDescent="0.25">
      <c r="A3000">
        <v>138.63</v>
      </c>
      <c r="B3000">
        <v>211.3</v>
      </c>
      <c r="C3000">
        <v>14163.6</v>
      </c>
      <c r="D3000">
        <v>2.5</v>
      </c>
      <c r="E3000">
        <v>15918.7</v>
      </c>
      <c r="F3000">
        <v>13.739100000000001</v>
      </c>
    </row>
    <row r="3001" spans="1:6" x14ac:dyDescent="0.25">
      <c r="A3001">
        <v>138.63</v>
      </c>
      <c r="B3001">
        <v>211.3</v>
      </c>
      <c r="C3001">
        <v>14163.6</v>
      </c>
      <c r="D3001">
        <v>2.8</v>
      </c>
      <c r="E3001">
        <v>15848.7</v>
      </c>
      <c r="F3001">
        <v>13.7453</v>
      </c>
    </row>
    <row r="3002" spans="1:6" x14ac:dyDescent="0.25">
      <c r="A3002">
        <v>138.63</v>
      </c>
      <c r="B3002">
        <v>211.3</v>
      </c>
      <c r="C3002">
        <v>14163.6</v>
      </c>
      <c r="D3002">
        <v>3.1</v>
      </c>
      <c r="E3002">
        <v>15661.9</v>
      </c>
      <c r="F3002">
        <v>13.7502</v>
      </c>
    </row>
    <row r="3003" spans="1:6" x14ac:dyDescent="0.25">
      <c r="A3003">
        <v>138.63</v>
      </c>
      <c r="B3003">
        <v>211.3</v>
      </c>
      <c r="C3003">
        <v>14163.6</v>
      </c>
      <c r="D3003">
        <v>3.4</v>
      </c>
      <c r="E3003">
        <v>15603.3</v>
      </c>
      <c r="F3003">
        <v>13.750999999999999</v>
      </c>
    </row>
    <row r="3004" spans="1:6" x14ac:dyDescent="0.25">
      <c r="A3004">
        <v>138.63</v>
      </c>
      <c r="B3004">
        <v>211.3</v>
      </c>
      <c r="C3004">
        <v>14163.6</v>
      </c>
      <c r="D3004">
        <v>3.7</v>
      </c>
      <c r="E3004">
        <v>15536.2</v>
      </c>
      <c r="F3004">
        <v>13.750999999999999</v>
      </c>
    </row>
    <row r="3005" spans="1:6" x14ac:dyDescent="0.25">
      <c r="A3005">
        <v>138.63</v>
      </c>
      <c r="B3005">
        <v>211.3</v>
      </c>
      <c r="C3005">
        <v>14163.6</v>
      </c>
      <c r="D3005">
        <v>4</v>
      </c>
      <c r="E3005">
        <v>15406.6</v>
      </c>
      <c r="F3005">
        <v>13.747299999999999</v>
      </c>
    </row>
    <row r="3006" spans="1:6" x14ac:dyDescent="0.25">
      <c r="A3006">
        <v>138.63</v>
      </c>
      <c r="B3006">
        <v>211.3</v>
      </c>
      <c r="C3006">
        <v>15709.1</v>
      </c>
      <c r="D3006">
        <v>1</v>
      </c>
      <c r="E3006">
        <v>19412.8</v>
      </c>
      <c r="F3006">
        <v>13.580500000000001</v>
      </c>
    </row>
    <row r="3007" spans="1:6" x14ac:dyDescent="0.25">
      <c r="A3007">
        <v>138.63</v>
      </c>
      <c r="B3007">
        <v>211.3</v>
      </c>
      <c r="C3007">
        <v>15709.1</v>
      </c>
      <c r="D3007">
        <v>1.3</v>
      </c>
      <c r="E3007">
        <v>18773.400000000001</v>
      </c>
      <c r="F3007">
        <v>12.9474</v>
      </c>
    </row>
    <row r="3008" spans="1:6" x14ac:dyDescent="0.25">
      <c r="A3008">
        <v>138.63</v>
      </c>
      <c r="B3008">
        <v>211.3</v>
      </c>
      <c r="C3008">
        <v>15709.1</v>
      </c>
      <c r="D3008">
        <v>1.6</v>
      </c>
      <c r="E3008">
        <v>18293.400000000001</v>
      </c>
      <c r="F3008">
        <v>12.961</v>
      </c>
    </row>
    <row r="3009" spans="1:6" x14ac:dyDescent="0.25">
      <c r="A3009">
        <v>138.63</v>
      </c>
      <c r="B3009">
        <v>211.3</v>
      </c>
      <c r="C3009">
        <v>15709.1</v>
      </c>
      <c r="D3009">
        <v>1.9</v>
      </c>
      <c r="E3009">
        <v>17905</v>
      </c>
      <c r="F3009">
        <v>13.7072</v>
      </c>
    </row>
    <row r="3010" spans="1:6" x14ac:dyDescent="0.25">
      <c r="A3010">
        <v>138.63</v>
      </c>
      <c r="B3010">
        <v>211.3</v>
      </c>
      <c r="C3010">
        <v>15709.1</v>
      </c>
      <c r="D3010">
        <v>2.2000000000000002</v>
      </c>
      <c r="E3010">
        <v>17667.400000000001</v>
      </c>
      <c r="F3010">
        <v>13.726000000000001</v>
      </c>
    </row>
    <row r="3011" spans="1:6" x14ac:dyDescent="0.25">
      <c r="A3011">
        <v>138.63</v>
      </c>
      <c r="B3011">
        <v>211.3</v>
      </c>
      <c r="C3011">
        <v>15709.1</v>
      </c>
      <c r="D3011">
        <v>2.5</v>
      </c>
      <c r="E3011">
        <v>17473.400000000001</v>
      </c>
      <c r="F3011">
        <v>13.739100000000001</v>
      </c>
    </row>
    <row r="3012" spans="1:6" x14ac:dyDescent="0.25">
      <c r="A3012">
        <v>138.63</v>
      </c>
      <c r="B3012">
        <v>211.3</v>
      </c>
      <c r="C3012">
        <v>15709.1</v>
      </c>
      <c r="D3012">
        <v>2.8</v>
      </c>
      <c r="E3012">
        <v>17385.599999999999</v>
      </c>
      <c r="F3012">
        <v>13.7453</v>
      </c>
    </row>
    <row r="3013" spans="1:6" x14ac:dyDescent="0.25">
      <c r="A3013">
        <v>138.63</v>
      </c>
      <c r="B3013">
        <v>211.3</v>
      </c>
      <c r="C3013">
        <v>15709.1</v>
      </c>
      <c r="D3013">
        <v>3.1</v>
      </c>
      <c r="E3013">
        <v>17304.2</v>
      </c>
      <c r="F3013">
        <v>13.7502</v>
      </c>
    </row>
    <row r="3014" spans="1:6" x14ac:dyDescent="0.25">
      <c r="A3014">
        <v>138.63</v>
      </c>
      <c r="B3014">
        <v>211.3</v>
      </c>
      <c r="C3014">
        <v>15709.1</v>
      </c>
      <c r="D3014">
        <v>3.4</v>
      </c>
      <c r="E3014">
        <v>17103.8</v>
      </c>
      <c r="F3014">
        <v>13.750999999999999</v>
      </c>
    </row>
    <row r="3015" spans="1:6" x14ac:dyDescent="0.25">
      <c r="A3015">
        <v>138.63</v>
      </c>
      <c r="B3015">
        <v>211.3</v>
      </c>
      <c r="C3015">
        <v>15709.1</v>
      </c>
      <c r="D3015">
        <v>3.7</v>
      </c>
      <c r="E3015">
        <v>17075.2</v>
      </c>
      <c r="F3015">
        <v>13.750999999999999</v>
      </c>
    </row>
    <row r="3016" spans="1:6" x14ac:dyDescent="0.25">
      <c r="A3016">
        <v>138.63</v>
      </c>
      <c r="B3016">
        <v>211.3</v>
      </c>
      <c r="C3016">
        <v>15709.1</v>
      </c>
      <c r="D3016">
        <v>4</v>
      </c>
      <c r="E3016">
        <v>17025.099999999999</v>
      </c>
      <c r="F3016">
        <v>13.747299999999999</v>
      </c>
    </row>
    <row r="3017" spans="1:6" x14ac:dyDescent="0.25">
      <c r="A3017">
        <v>138.63</v>
      </c>
      <c r="B3017">
        <v>211.3</v>
      </c>
      <c r="C3017">
        <v>17254.5</v>
      </c>
      <c r="D3017">
        <v>1</v>
      </c>
      <c r="E3017">
        <v>21131</v>
      </c>
      <c r="F3017">
        <v>13.580500000000001</v>
      </c>
    </row>
    <row r="3018" spans="1:6" x14ac:dyDescent="0.25">
      <c r="A3018">
        <v>138.63</v>
      </c>
      <c r="B3018">
        <v>211.3</v>
      </c>
      <c r="C3018">
        <v>17254.5</v>
      </c>
      <c r="D3018">
        <v>1.3</v>
      </c>
      <c r="E3018">
        <v>20433</v>
      </c>
      <c r="F3018">
        <v>12.9474</v>
      </c>
    </row>
    <row r="3019" spans="1:6" x14ac:dyDescent="0.25">
      <c r="A3019">
        <v>138.63</v>
      </c>
      <c r="B3019">
        <v>211.3</v>
      </c>
      <c r="C3019">
        <v>17254.5</v>
      </c>
      <c r="D3019">
        <v>1.6</v>
      </c>
      <c r="E3019">
        <v>19825</v>
      </c>
      <c r="F3019">
        <v>12.961</v>
      </c>
    </row>
    <row r="3020" spans="1:6" x14ac:dyDescent="0.25">
      <c r="A3020">
        <v>138.63</v>
      </c>
      <c r="B3020">
        <v>211.3</v>
      </c>
      <c r="C3020">
        <v>17254.5</v>
      </c>
      <c r="D3020">
        <v>1.9</v>
      </c>
      <c r="E3020">
        <v>19577.900000000001</v>
      </c>
      <c r="F3020">
        <v>13.7072</v>
      </c>
    </row>
    <row r="3021" spans="1:6" x14ac:dyDescent="0.25">
      <c r="A3021">
        <v>138.63</v>
      </c>
      <c r="B3021">
        <v>211.3</v>
      </c>
      <c r="C3021">
        <v>17254.5</v>
      </c>
      <c r="D3021">
        <v>2.2000000000000002</v>
      </c>
      <c r="E3021">
        <v>19339.900000000001</v>
      </c>
      <c r="F3021">
        <v>13.726000000000001</v>
      </c>
    </row>
    <row r="3022" spans="1:6" x14ac:dyDescent="0.25">
      <c r="A3022">
        <v>138.63</v>
      </c>
      <c r="B3022">
        <v>211.3</v>
      </c>
      <c r="C3022">
        <v>17254.5</v>
      </c>
      <c r="D3022">
        <v>2.5</v>
      </c>
      <c r="E3022">
        <v>19064.2</v>
      </c>
      <c r="F3022">
        <v>13.739100000000001</v>
      </c>
    </row>
    <row r="3023" spans="1:6" x14ac:dyDescent="0.25">
      <c r="A3023">
        <v>138.63</v>
      </c>
      <c r="B3023">
        <v>211.3</v>
      </c>
      <c r="C3023">
        <v>17254.5</v>
      </c>
      <c r="D3023">
        <v>2.8</v>
      </c>
      <c r="E3023">
        <v>18887.099999999999</v>
      </c>
      <c r="F3023">
        <v>13.7453</v>
      </c>
    </row>
    <row r="3024" spans="1:6" x14ac:dyDescent="0.25">
      <c r="A3024">
        <v>138.63</v>
      </c>
      <c r="B3024">
        <v>211.3</v>
      </c>
      <c r="C3024">
        <v>17254.5</v>
      </c>
      <c r="D3024">
        <v>3.1</v>
      </c>
      <c r="E3024">
        <v>18830.2</v>
      </c>
      <c r="F3024">
        <v>13.7502</v>
      </c>
    </row>
    <row r="3025" spans="1:6" x14ac:dyDescent="0.25">
      <c r="A3025">
        <v>138.63</v>
      </c>
      <c r="B3025">
        <v>211.3</v>
      </c>
      <c r="C3025">
        <v>17254.5</v>
      </c>
      <c r="D3025">
        <v>3.4</v>
      </c>
      <c r="E3025">
        <v>18741</v>
      </c>
      <c r="F3025">
        <v>13.750999999999999</v>
      </c>
    </row>
    <row r="3026" spans="1:6" x14ac:dyDescent="0.25">
      <c r="A3026">
        <v>138.63</v>
      </c>
      <c r="B3026">
        <v>211.3</v>
      </c>
      <c r="C3026">
        <v>17254.5</v>
      </c>
      <c r="D3026">
        <v>3.7</v>
      </c>
      <c r="E3026">
        <v>18578.599999999999</v>
      </c>
      <c r="F3026">
        <v>13.750999999999999</v>
      </c>
    </row>
    <row r="3027" spans="1:6" x14ac:dyDescent="0.25">
      <c r="A3027">
        <v>138.63</v>
      </c>
      <c r="B3027">
        <v>211.3</v>
      </c>
      <c r="C3027">
        <v>17254.5</v>
      </c>
      <c r="D3027">
        <v>4</v>
      </c>
      <c r="E3027">
        <v>18570.900000000001</v>
      </c>
      <c r="F3027">
        <v>13.747299999999999</v>
      </c>
    </row>
    <row r="3028" spans="1:6" x14ac:dyDescent="0.25">
      <c r="A3028">
        <v>138.63</v>
      </c>
      <c r="B3028">
        <v>211.3</v>
      </c>
      <c r="C3028">
        <v>18800</v>
      </c>
      <c r="D3028">
        <v>1</v>
      </c>
      <c r="E3028">
        <v>22749.9</v>
      </c>
      <c r="F3028">
        <v>13.580500000000001</v>
      </c>
    </row>
    <row r="3029" spans="1:6" x14ac:dyDescent="0.25">
      <c r="A3029">
        <v>138.63</v>
      </c>
      <c r="B3029">
        <v>211.3</v>
      </c>
      <c r="C3029">
        <v>18800</v>
      </c>
      <c r="D3029">
        <v>1.3</v>
      </c>
      <c r="E3029">
        <v>21995.8</v>
      </c>
      <c r="F3029">
        <v>12.9474</v>
      </c>
    </row>
    <row r="3030" spans="1:6" x14ac:dyDescent="0.25">
      <c r="A3030">
        <v>138.63</v>
      </c>
      <c r="B3030">
        <v>211.3</v>
      </c>
      <c r="C3030">
        <v>18800</v>
      </c>
      <c r="D3030">
        <v>1.6</v>
      </c>
      <c r="E3030">
        <v>21385</v>
      </c>
      <c r="F3030">
        <v>12.961</v>
      </c>
    </row>
    <row r="3031" spans="1:6" x14ac:dyDescent="0.25">
      <c r="A3031">
        <v>138.63</v>
      </c>
      <c r="B3031">
        <v>211.3</v>
      </c>
      <c r="C3031">
        <v>18800</v>
      </c>
      <c r="D3031">
        <v>1.9</v>
      </c>
      <c r="E3031">
        <v>21062.400000000001</v>
      </c>
      <c r="F3031">
        <v>13.7072</v>
      </c>
    </row>
    <row r="3032" spans="1:6" x14ac:dyDescent="0.25">
      <c r="A3032">
        <v>138.63</v>
      </c>
      <c r="B3032">
        <v>211.3</v>
      </c>
      <c r="C3032">
        <v>18800</v>
      </c>
      <c r="D3032">
        <v>2.2000000000000002</v>
      </c>
      <c r="E3032">
        <v>20843.099999999999</v>
      </c>
      <c r="F3032">
        <v>13.726000000000001</v>
      </c>
    </row>
    <row r="3033" spans="1:6" x14ac:dyDescent="0.25">
      <c r="A3033">
        <v>138.63</v>
      </c>
      <c r="B3033">
        <v>211.3</v>
      </c>
      <c r="C3033">
        <v>18800</v>
      </c>
      <c r="D3033">
        <v>2.5</v>
      </c>
      <c r="E3033">
        <v>20571.400000000001</v>
      </c>
      <c r="F3033">
        <v>13.739100000000001</v>
      </c>
    </row>
    <row r="3034" spans="1:6" x14ac:dyDescent="0.25">
      <c r="A3034">
        <v>138.63</v>
      </c>
      <c r="B3034">
        <v>211.3</v>
      </c>
      <c r="C3034">
        <v>18800</v>
      </c>
      <c r="D3034">
        <v>2.8</v>
      </c>
      <c r="E3034">
        <v>20502.900000000001</v>
      </c>
      <c r="F3034">
        <v>13.7453</v>
      </c>
    </row>
    <row r="3035" spans="1:6" x14ac:dyDescent="0.25">
      <c r="A3035">
        <v>138.63</v>
      </c>
      <c r="B3035">
        <v>211.3</v>
      </c>
      <c r="C3035">
        <v>18800</v>
      </c>
      <c r="D3035">
        <v>3.1</v>
      </c>
      <c r="E3035">
        <v>20404.7</v>
      </c>
      <c r="F3035">
        <v>13.7502</v>
      </c>
    </row>
    <row r="3036" spans="1:6" x14ac:dyDescent="0.25">
      <c r="A3036">
        <v>138.63</v>
      </c>
      <c r="B3036">
        <v>211.3</v>
      </c>
      <c r="C3036">
        <v>18800</v>
      </c>
      <c r="D3036">
        <v>3.4</v>
      </c>
      <c r="E3036">
        <v>20215.599999999999</v>
      </c>
      <c r="F3036">
        <v>13.750999999999999</v>
      </c>
    </row>
    <row r="3037" spans="1:6" x14ac:dyDescent="0.25">
      <c r="A3037">
        <v>138.63</v>
      </c>
      <c r="B3037">
        <v>211.3</v>
      </c>
      <c r="C3037">
        <v>18800</v>
      </c>
      <c r="D3037">
        <v>3.7</v>
      </c>
      <c r="E3037">
        <v>20188.2</v>
      </c>
      <c r="F3037">
        <v>13.750999999999999</v>
      </c>
    </row>
    <row r="3038" spans="1:6" x14ac:dyDescent="0.25">
      <c r="A3038">
        <v>138.63</v>
      </c>
      <c r="B3038">
        <v>211.3</v>
      </c>
      <c r="C3038">
        <v>18800</v>
      </c>
      <c r="D3038">
        <v>4</v>
      </c>
      <c r="E3038">
        <v>20108.2</v>
      </c>
      <c r="F3038">
        <v>13.747299999999999</v>
      </c>
    </row>
    <row r="3039" spans="1:6" x14ac:dyDescent="0.25">
      <c r="A3039">
        <v>138.63</v>
      </c>
      <c r="B3039">
        <v>214.93</v>
      </c>
      <c r="C3039">
        <v>1800</v>
      </c>
      <c r="D3039">
        <v>1</v>
      </c>
      <c r="E3039">
        <v>5651.42</v>
      </c>
      <c r="F3039">
        <v>60.465899999999998</v>
      </c>
    </row>
    <row r="3040" spans="1:6" x14ac:dyDescent="0.25">
      <c r="A3040">
        <v>138.63</v>
      </c>
      <c r="B3040">
        <v>214.93</v>
      </c>
      <c r="C3040">
        <v>1800</v>
      </c>
      <c r="D3040">
        <v>1.3</v>
      </c>
      <c r="E3040">
        <v>5058.9399999999996</v>
      </c>
      <c r="F3040">
        <v>74.974500000000006</v>
      </c>
    </row>
    <row r="3041" spans="1:6" x14ac:dyDescent="0.25">
      <c r="A3041">
        <v>138.63</v>
      </c>
      <c r="B3041">
        <v>214.93</v>
      </c>
      <c r="C3041">
        <v>1800</v>
      </c>
      <c r="D3041">
        <v>1.6</v>
      </c>
      <c r="E3041">
        <v>4595.93</v>
      </c>
      <c r="F3041">
        <v>83.082999999999998</v>
      </c>
    </row>
    <row r="3042" spans="1:6" x14ac:dyDescent="0.25">
      <c r="A3042">
        <v>138.63</v>
      </c>
      <c r="B3042">
        <v>214.93</v>
      </c>
      <c r="C3042">
        <v>1800</v>
      </c>
      <c r="D3042">
        <v>1.9</v>
      </c>
      <c r="E3042">
        <v>4327.4799999999996</v>
      </c>
      <c r="F3042">
        <v>90.424800000000005</v>
      </c>
    </row>
    <row r="3043" spans="1:6" x14ac:dyDescent="0.25">
      <c r="A3043">
        <v>138.63</v>
      </c>
      <c r="B3043">
        <v>214.93</v>
      </c>
      <c r="C3043">
        <v>1800</v>
      </c>
      <c r="D3043">
        <v>2.2000000000000002</v>
      </c>
      <c r="E3043">
        <v>4064.24</v>
      </c>
      <c r="F3043">
        <v>94.442499999999995</v>
      </c>
    </row>
    <row r="3044" spans="1:6" x14ac:dyDescent="0.25">
      <c r="A3044">
        <v>138.63</v>
      </c>
      <c r="B3044">
        <v>214.93</v>
      </c>
      <c r="C3044">
        <v>1800</v>
      </c>
      <c r="D3044">
        <v>2.5</v>
      </c>
      <c r="E3044">
        <v>3866.87</v>
      </c>
      <c r="F3044">
        <v>98.551299999999998</v>
      </c>
    </row>
    <row r="3045" spans="1:6" x14ac:dyDescent="0.25">
      <c r="A3045">
        <v>138.63</v>
      </c>
      <c r="B3045">
        <v>214.93</v>
      </c>
      <c r="C3045">
        <v>1800</v>
      </c>
      <c r="D3045">
        <v>2.8</v>
      </c>
      <c r="E3045">
        <v>3719.57</v>
      </c>
      <c r="F3045">
        <v>98.281300000000002</v>
      </c>
    </row>
    <row r="3046" spans="1:6" x14ac:dyDescent="0.25">
      <c r="A3046">
        <v>138.63</v>
      </c>
      <c r="B3046">
        <v>214.93</v>
      </c>
      <c r="C3046">
        <v>1800</v>
      </c>
      <c r="D3046">
        <v>3.1</v>
      </c>
      <c r="E3046">
        <v>3579.48</v>
      </c>
      <c r="F3046">
        <v>100.599</v>
      </c>
    </row>
    <row r="3047" spans="1:6" x14ac:dyDescent="0.25">
      <c r="A3047">
        <v>138.63</v>
      </c>
      <c r="B3047">
        <v>214.93</v>
      </c>
      <c r="C3047">
        <v>1800</v>
      </c>
      <c r="D3047">
        <v>3.4</v>
      </c>
      <c r="E3047">
        <v>3482.74</v>
      </c>
      <c r="F3047">
        <v>102.574</v>
      </c>
    </row>
    <row r="3048" spans="1:6" x14ac:dyDescent="0.25">
      <c r="A3048">
        <v>138.63</v>
      </c>
      <c r="B3048">
        <v>214.93</v>
      </c>
      <c r="C3048">
        <v>1800</v>
      </c>
      <c r="D3048">
        <v>3.7</v>
      </c>
      <c r="E3048">
        <v>3400.66</v>
      </c>
      <c r="F3048">
        <v>106.733</v>
      </c>
    </row>
    <row r="3049" spans="1:6" x14ac:dyDescent="0.25">
      <c r="A3049">
        <v>138.63</v>
      </c>
      <c r="B3049">
        <v>214.93</v>
      </c>
      <c r="C3049">
        <v>1800</v>
      </c>
      <c r="D3049">
        <v>4</v>
      </c>
      <c r="E3049">
        <v>3326.31</v>
      </c>
      <c r="F3049">
        <v>107.902</v>
      </c>
    </row>
    <row r="3050" spans="1:6" x14ac:dyDescent="0.25">
      <c r="A3050">
        <v>138.63</v>
      </c>
      <c r="B3050">
        <v>214.93</v>
      </c>
      <c r="C3050">
        <v>3345.45</v>
      </c>
      <c r="D3050">
        <v>1</v>
      </c>
      <c r="E3050">
        <v>7002.39</v>
      </c>
      <c r="F3050">
        <v>32.992199999999997</v>
      </c>
    </row>
    <row r="3051" spans="1:6" x14ac:dyDescent="0.25">
      <c r="A3051">
        <v>138.63</v>
      </c>
      <c r="B3051">
        <v>214.93</v>
      </c>
      <c r="C3051">
        <v>3345.45</v>
      </c>
      <c r="D3051">
        <v>1.3</v>
      </c>
      <c r="E3051">
        <v>6379.41</v>
      </c>
      <c r="F3051">
        <v>42.511099999999999</v>
      </c>
    </row>
    <row r="3052" spans="1:6" x14ac:dyDescent="0.25">
      <c r="A3052">
        <v>138.63</v>
      </c>
      <c r="B3052">
        <v>214.93</v>
      </c>
      <c r="C3052">
        <v>3345.45</v>
      </c>
      <c r="D3052">
        <v>1.6</v>
      </c>
      <c r="E3052">
        <v>5976.22</v>
      </c>
      <c r="F3052">
        <v>47.669600000000003</v>
      </c>
    </row>
    <row r="3053" spans="1:6" x14ac:dyDescent="0.25">
      <c r="A3053">
        <v>138.63</v>
      </c>
      <c r="B3053">
        <v>214.93</v>
      </c>
      <c r="C3053">
        <v>3345.45</v>
      </c>
      <c r="D3053">
        <v>1.9</v>
      </c>
      <c r="E3053">
        <v>5733.43</v>
      </c>
      <c r="F3053">
        <v>55.031399999999998</v>
      </c>
    </row>
    <row r="3054" spans="1:6" x14ac:dyDescent="0.25">
      <c r="A3054">
        <v>138.63</v>
      </c>
      <c r="B3054">
        <v>214.93</v>
      </c>
      <c r="C3054">
        <v>3345.45</v>
      </c>
      <c r="D3054">
        <v>2.2000000000000002</v>
      </c>
      <c r="E3054">
        <v>5543.7</v>
      </c>
      <c r="F3054">
        <v>61.273099999999999</v>
      </c>
    </row>
    <row r="3055" spans="1:6" x14ac:dyDescent="0.25">
      <c r="A3055">
        <v>138.63</v>
      </c>
      <c r="B3055">
        <v>214.93</v>
      </c>
      <c r="C3055">
        <v>3345.45</v>
      </c>
      <c r="D3055">
        <v>2.5</v>
      </c>
      <c r="E3055">
        <v>5319.11</v>
      </c>
      <c r="F3055">
        <v>65.835800000000006</v>
      </c>
    </row>
    <row r="3056" spans="1:6" x14ac:dyDescent="0.25">
      <c r="A3056">
        <v>138.63</v>
      </c>
      <c r="B3056">
        <v>214.93</v>
      </c>
      <c r="C3056">
        <v>3345.45</v>
      </c>
      <c r="D3056">
        <v>2.8</v>
      </c>
      <c r="E3056">
        <v>5193.49</v>
      </c>
      <c r="F3056">
        <v>66.573899999999995</v>
      </c>
    </row>
    <row r="3057" spans="1:6" x14ac:dyDescent="0.25">
      <c r="A3057">
        <v>138.63</v>
      </c>
      <c r="B3057">
        <v>214.93</v>
      </c>
      <c r="C3057">
        <v>3345.45</v>
      </c>
      <c r="D3057">
        <v>3.1</v>
      </c>
      <c r="E3057">
        <v>5042.45</v>
      </c>
      <c r="F3057">
        <v>70.257300000000001</v>
      </c>
    </row>
    <row r="3058" spans="1:6" x14ac:dyDescent="0.25">
      <c r="A3058">
        <v>138.63</v>
      </c>
      <c r="B3058">
        <v>214.93</v>
      </c>
      <c r="C3058">
        <v>3345.45</v>
      </c>
      <c r="D3058">
        <v>3.4</v>
      </c>
      <c r="E3058">
        <v>4950.37</v>
      </c>
      <c r="F3058">
        <v>70.348600000000005</v>
      </c>
    </row>
    <row r="3059" spans="1:6" x14ac:dyDescent="0.25">
      <c r="A3059">
        <v>138.63</v>
      </c>
      <c r="B3059">
        <v>214.93</v>
      </c>
      <c r="C3059">
        <v>3345.45</v>
      </c>
      <c r="D3059">
        <v>3.7</v>
      </c>
      <c r="E3059">
        <v>4845.46</v>
      </c>
      <c r="F3059">
        <v>75.006500000000003</v>
      </c>
    </row>
    <row r="3060" spans="1:6" x14ac:dyDescent="0.25">
      <c r="A3060">
        <v>138.63</v>
      </c>
      <c r="B3060">
        <v>214.93</v>
      </c>
      <c r="C3060">
        <v>3345.45</v>
      </c>
      <c r="D3060">
        <v>4</v>
      </c>
      <c r="E3060">
        <v>4762.13</v>
      </c>
      <c r="F3060">
        <v>77.539299999999997</v>
      </c>
    </row>
    <row r="3061" spans="1:6" x14ac:dyDescent="0.25">
      <c r="A3061">
        <v>138.63</v>
      </c>
      <c r="B3061">
        <v>214.93</v>
      </c>
      <c r="C3061">
        <v>4890.8999999999996</v>
      </c>
      <c r="D3061">
        <v>1</v>
      </c>
      <c r="E3061">
        <v>8214.94</v>
      </c>
      <c r="F3061">
        <v>15.187900000000001</v>
      </c>
    </row>
    <row r="3062" spans="1:6" x14ac:dyDescent="0.25">
      <c r="A3062">
        <v>138.63</v>
      </c>
      <c r="B3062">
        <v>214.93</v>
      </c>
      <c r="C3062">
        <v>4890.8999999999996</v>
      </c>
      <c r="D3062">
        <v>1.3</v>
      </c>
      <c r="E3062">
        <v>7883.41</v>
      </c>
      <c r="F3062">
        <v>17.122499999999999</v>
      </c>
    </row>
    <row r="3063" spans="1:6" x14ac:dyDescent="0.25">
      <c r="A3063">
        <v>138.63</v>
      </c>
      <c r="B3063">
        <v>214.93</v>
      </c>
      <c r="C3063">
        <v>4890.8999999999996</v>
      </c>
      <c r="D3063">
        <v>1.6</v>
      </c>
      <c r="E3063">
        <v>7480.13</v>
      </c>
      <c r="F3063">
        <v>19.802199999999999</v>
      </c>
    </row>
    <row r="3064" spans="1:6" x14ac:dyDescent="0.25">
      <c r="A3064">
        <v>138.63</v>
      </c>
      <c r="B3064">
        <v>214.93</v>
      </c>
      <c r="C3064">
        <v>4890.8999999999996</v>
      </c>
      <c r="D3064">
        <v>1.9</v>
      </c>
      <c r="E3064">
        <v>7124.6</v>
      </c>
      <c r="F3064">
        <v>22.1754</v>
      </c>
    </row>
    <row r="3065" spans="1:6" x14ac:dyDescent="0.25">
      <c r="A3065">
        <v>138.63</v>
      </c>
      <c r="B3065">
        <v>214.93</v>
      </c>
      <c r="C3065">
        <v>4890.8999999999996</v>
      </c>
      <c r="D3065">
        <v>2.2000000000000002</v>
      </c>
      <c r="E3065">
        <v>6902.58</v>
      </c>
      <c r="F3065">
        <v>24.191099999999999</v>
      </c>
    </row>
    <row r="3066" spans="1:6" x14ac:dyDescent="0.25">
      <c r="A3066">
        <v>138.63</v>
      </c>
      <c r="B3066">
        <v>214.93</v>
      </c>
      <c r="C3066">
        <v>4890.8999999999996</v>
      </c>
      <c r="D3066">
        <v>2.5</v>
      </c>
      <c r="E3066">
        <v>6804.21</v>
      </c>
      <c r="F3066">
        <v>26.909400000000002</v>
      </c>
    </row>
    <row r="3067" spans="1:6" x14ac:dyDescent="0.25">
      <c r="A3067">
        <v>138.63</v>
      </c>
      <c r="B3067">
        <v>214.93</v>
      </c>
      <c r="C3067">
        <v>4890.8999999999996</v>
      </c>
      <c r="D3067">
        <v>2.8</v>
      </c>
      <c r="E3067">
        <v>6710.38</v>
      </c>
      <c r="F3067">
        <v>27.901800000000001</v>
      </c>
    </row>
    <row r="3068" spans="1:6" x14ac:dyDescent="0.25">
      <c r="A3068">
        <v>138.63</v>
      </c>
      <c r="B3068">
        <v>214.93</v>
      </c>
      <c r="C3068">
        <v>4890.8999999999996</v>
      </c>
      <c r="D3068">
        <v>3.1</v>
      </c>
      <c r="E3068">
        <v>6519.58</v>
      </c>
      <c r="F3068">
        <v>30.280999999999999</v>
      </c>
    </row>
    <row r="3069" spans="1:6" x14ac:dyDescent="0.25">
      <c r="A3069">
        <v>138.63</v>
      </c>
      <c r="B3069">
        <v>214.93</v>
      </c>
      <c r="C3069">
        <v>4890.8999999999996</v>
      </c>
      <c r="D3069">
        <v>3.4</v>
      </c>
      <c r="E3069">
        <v>6402.73</v>
      </c>
      <c r="F3069">
        <v>30.015799999999999</v>
      </c>
    </row>
    <row r="3070" spans="1:6" x14ac:dyDescent="0.25">
      <c r="A3070">
        <v>138.63</v>
      </c>
      <c r="B3070">
        <v>214.93</v>
      </c>
      <c r="C3070">
        <v>4890.8999999999996</v>
      </c>
      <c r="D3070">
        <v>3.7</v>
      </c>
      <c r="E3070">
        <v>6353.16</v>
      </c>
      <c r="F3070">
        <v>32.574399999999997</v>
      </c>
    </row>
    <row r="3071" spans="1:6" x14ac:dyDescent="0.25">
      <c r="A3071">
        <v>138.63</v>
      </c>
      <c r="B3071">
        <v>214.93</v>
      </c>
      <c r="C3071">
        <v>4890.8999999999996</v>
      </c>
      <c r="D3071">
        <v>4</v>
      </c>
      <c r="E3071">
        <v>6287.66</v>
      </c>
      <c r="F3071">
        <v>33.261600000000001</v>
      </c>
    </row>
    <row r="3072" spans="1:6" x14ac:dyDescent="0.25">
      <c r="A3072">
        <v>138.63</v>
      </c>
      <c r="B3072">
        <v>214.93</v>
      </c>
      <c r="C3072">
        <v>6436.35</v>
      </c>
      <c r="D3072">
        <v>1</v>
      </c>
      <c r="E3072">
        <v>9941.81</v>
      </c>
      <c r="F3072">
        <v>11.4657</v>
      </c>
    </row>
    <row r="3073" spans="1:6" x14ac:dyDescent="0.25">
      <c r="A3073">
        <v>138.63</v>
      </c>
      <c r="B3073">
        <v>214.93</v>
      </c>
      <c r="C3073">
        <v>6436.35</v>
      </c>
      <c r="D3073">
        <v>1.3</v>
      </c>
      <c r="E3073">
        <v>9197.68</v>
      </c>
      <c r="F3073">
        <v>12.131600000000001</v>
      </c>
    </row>
    <row r="3074" spans="1:6" x14ac:dyDescent="0.25">
      <c r="A3074">
        <v>138.63</v>
      </c>
      <c r="B3074">
        <v>214.93</v>
      </c>
      <c r="C3074">
        <v>6436.35</v>
      </c>
      <c r="D3074">
        <v>1.6</v>
      </c>
      <c r="E3074">
        <v>8943.27</v>
      </c>
      <c r="F3074">
        <v>11.943899999999999</v>
      </c>
    </row>
    <row r="3075" spans="1:6" x14ac:dyDescent="0.25">
      <c r="A3075">
        <v>138.63</v>
      </c>
      <c r="B3075">
        <v>214.93</v>
      </c>
      <c r="C3075">
        <v>6436.35</v>
      </c>
      <c r="D3075">
        <v>1.9</v>
      </c>
      <c r="E3075">
        <v>8552.11</v>
      </c>
      <c r="F3075">
        <v>11.645799999999999</v>
      </c>
    </row>
    <row r="3076" spans="1:6" x14ac:dyDescent="0.25">
      <c r="A3076">
        <v>138.63</v>
      </c>
      <c r="B3076">
        <v>214.93</v>
      </c>
      <c r="C3076">
        <v>6436.35</v>
      </c>
      <c r="D3076">
        <v>2.2000000000000002</v>
      </c>
      <c r="E3076">
        <v>8314.89</v>
      </c>
      <c r="F3076">
        <v>11.2128</v>
      </c>
    </row>
    <row r="3077" spans="1:6" x14ac:dyDescent="0.25">
      <c r="A3077">
        <v>138.63</v>
      </c>
      <c r="B3077">
        <v>214.93</v>
      </c>
      <c r="C3077">
        <v>6436.35</v>
      </c>
      <c r="D3077">
        <v>2.5</v>
      </c>
      <c r="E3077">
        <v>8278.3799999999992</v>
      </c>
      <c r="F3077">
        <v>10.815099999999999</v>
      </c>
    </row>
    <row r="3078" spans="1:6" x14ac:dyDescent="0.25">
      <c r="A3078">
        <v>138.63</v>
      </c>
      <c r="B3078">
        <v>214.93</v>
      </c>
      <c r="C3078">
        <v>6436.35</v>
      </c>
      <c r="D3078">
        <v>2.8</v>
      </c>
      <c r="E3078">
        <v>8106.21</v>
      </c>
      <c r="F3078">
        <v>10.4466</v>
      </c>
    </row>
    <row r="3079" spans="1:6" x14ac:dyDescent="0.25">
      <c r="A3079">
        <v>138.63</v>
      </c>
      <c r="B3079">
        <v>214.93</v>
      </c>
      <c r="C3079">
        <v>6436.35</v>
      </c>
      <c r="D3079">
        <v>3.1</v>
      </c>
      <c r="E3079">
        <v>7997.09</v>
      </c>
      <c r="F3079">
        <v>10.127000000000001</v>
      </c>
    </row>
    <row r="3080" spans="1:6" x14ac:dyDescent="0.25">
      <c r="A3080">
        <v>138.63</v>
      </c>
      <c r="B3080">
        <v>214.93</v>
      </c>
      <c r="C3080">
        <v>6436.35</v>
      </c>
      <c r="D3080">
        <v>3.4</v>
      </c>
      <c r="E3080">
        <v>7852.98</v>
      </c>
      <c r="F3080">
        <v>13.0106</v>
      </c>
    </row>
    <row r="3081" spans="1:6" x14ac:dyDescent="0.25">
      <c r="A3081">
        <v>138.63</v>
      </c>
      <c r="B3081">
        <v>214.93</v>
      </c>
      <c r="C3081">
        <v>6436.35</v>
      </c>
      <c r="D3081">
        <v>3.7</v>
      </c>
      <c r="E3081">
        <v>7820.83</v>
      </c>
      <c r="F3081">
        <v>13.1416</v>
      </c>
    </row>
    <row r="3082" spans="1:6" x14ac:dyDescent="0.25">
      <c r="A3082">
        <v>138.63</v>
      </c>
      <c r="B3082">
        <v>214.93</v>
      </c>
      <c r="C3082">
        <v>6436.35</v>
      </c>
      <c r="D3082">
        <v>4</v>
      </c>
      <c r="E3082">
        <v>7768.18</v>
      </c>
      <c r="F3082">
        <v>13.2271</v>
      </c>
    </row>
    <row r="3083" spans="1:6" x14ac:dyDescent="0.25">
      <c r="A3083">
        <v>138.63</v>
      </c>
      <c r="B3083">
        <v>214.93</v>
      </c>
      <c r="C3083">
        <v>7981.8</v>
      </c>
      <c r="D3083">
        <v>1</v>
      </c>
      <c r="E3083">
        <v>11792.8</v>
      </c>
      <c r="F3083">
        <v>13.580500000000001</v>
      </c>
    </row>
    <row r="3084" spans="1:6" x14ac:dyDescent="0.25">
      <c r="A3084">
        <v>138.63</v>
      </c>
      <c r="B3084">
        <v>214.93</v>
      </c>
      <c r="C3084">
        <v>7981.8</v>
      </c>
      <c r="D3084">
        <v>1.3</v>
      </c>
      <c r="E3084">
        <v>10963.5</v>
      </c>
      <c r="F3084">
        <v>12.8447</v>
      </c>
    </row>
    <row r="3085" spans="1:6" x14ac:dyDescent="0.25">
      <c r="A3085">
        <v>138.63</v>
      </c>
      <c r="B3085">
        <v>214.93</v>
      </c>
      <c r="C3085">
        <v>7981.8</v>
      </c>
      <c r="D3085">
        <v>1.6</v>
      </c>
      <c r="E3085">
        <v>10511.5</v>
      </c>
      <c r="F3085">
        <v>12.911199999999999</v>
      </c>
    </row>
    <row r="3086" spans="1:6" x14ac:dyDescent="0.25">
      <c r="A3086">
        <v>138.63</v>
      </c>
      <c r="B3086">
        <v>214.93</v>
      </c>
      <c r="C3086">
        <v>7981.8</v>
      </c>
      <c r="D3086">
        <v>1.9</v>
      </c>
      <c r="E3086">
        <v>10242.9</v>
      </c>
      <c r="F3086">
        <v>13.7072</v>
      </c>
    </row>
    <row r="3087" spans="1:6" x14ac:dyDescent="0.25">
      <c r="A3087">
        <v>138.63</v>
      </c>
      <c r="B3087">
        <v>214.93</v>
      </c>
      <c r="C3087">
        <v>7981.8</v>
      </c>
      <c r="D3087">
        <v>2.2000000000000002</v>
      </c>
      <c r="E3087">
        <v>9950.89</v>
      </c>
      <c r="F3087">
        <v>13.726000000000001</v>
      </c>
    </row>
    <row r="3088" spans="1:6" x14ac:dyDescent="0.25">
      <c r="A3088">
        <v>138.63</v>
      </c>
      <c r="B3088">
        <v>214.93</v>
      </c>
      <c r="C3088">
        <v>7981.8</v>
      </c>
      <c r="D3088">
        <v>2.5</v>
      </c>
      <c r="E3088">
        <v>9731.3700000000008</v>
      </c>
      <c r="F3088">
        <v>13.739100000000001</v>
      </c>
    </row>
    <row r="3089" spans="1:6" x14ac:dyDescent="0.25">
      <c r="A3089">
        <v>138.63</v>
      </c>
      <c r="B3089">
        <v>214.93</v>
      </c>
      <c r="C3089">
        <v>7981.8</v>
      </c>
      <c r="D3089">
        <v>2.8</v>
      </c>
      <c r="E3089">
        <v>9600.89</v>
      </c>
      <c r="F3089">
        <v>13.7453</v>
      </c>
    </row>
    <row r="3090" spans="1:6" x14ac:dyDescent="0.25">
      <c r="A3090">
        <v>138.63</v>
      </c>
      <c r="B3090">
        <v>214.93</v>
      </c>
      <c r="C3090">
        <v>7981.8</v>
      </c>
      <c r="D3090">
        <v>3.1</v>
      </c>
      <c r="E3090">
        <v>9477.59</v>
      </c>
      <c r="F3090">
        <v>13.7502</v>
      </c>
    </row>
    <row r="3091" spans="1:6" x14ac:dyDescent="0.25">
      <c r="A3091">
        <v>138.63</v>
      </c>
      <c r="B3091">
        <v>214.93</v>
      </c>
      <c r="C3091">
        <v>7981.8</v>
      </c>
      <c r="D3091">
        <v>3.4</v>
      </c>
      <c r="E3091">
        <v>9372.2900000000009</v>
      </c>
      <c r="F3091">
        <v>13.750999999999999</v>
      </c>
    </row>
    <row r="3092" spans="1:6" x14ac:dyDescent="0.25">
      <c r="A3092">
        <v>138.63</v>
      </c>
      <c r="B3092">
        <v>214.93</v>
      </c>
      <c r="C3092">
        <v>7981.8</v>
      </c>
      <c r="D3092">
        <v>3.7</v>
      </c>
      <c r="E3092">
        <v>9351.94</v>
      </c>
      <c r="F3092">
        <v>13.750999999999999</v>
      </c>
    </row>
    <row r="3093" spans="1:6" x14ac:dyDescent="0.25">
      <c r="A3093">
        <v>138.63</v>
      </c>
      <c r="B3093">
        <v>214.93</v>
      </c>
      <c r="C3093">
        <v>7981.8</v>
      </c>
      <c r="D3093">
        <v>4</v>
      </c>
      <c r="E3093">
        <v>9255.5499999999993</v>
      </c>
      <c r="F3093">
        <v>13.747299999999999</v>
      </c>
    </row>
    <row r="3094" spans="1:6" x14ac:dyDescent="0.25">
      <c r="A3094">
        <v>138.63</v>
      </c>
      <c r="B3094">
        <v>214.93</v>
      </c>
      <c r="C3094">
        <v>9527.25</v>
      </c>
      <c r="D3094">
        <v>1</v>
      </c>
      <c r="E3094">
        <v>13400.7</v>
      </c>
      <c r="F3094">
        <v>13.580500000000001</v>
      </c>
    </row>
    <row r="3095" spans="1:6" x14ac:dyDescent="0.25">
      <c r="A3095">
        <v>138.63</v>
      </c>
      <c r="B3095">
        <v>214.93</v>
      </c>
      <c r="C3095">
        <v>9527.25</v>
      </c>
      <c r="D3095">
        <v>1.3</v>
      </c>
      <c r="E3095">
        <v>12647.8</v>
      </c>
      <c r="F3095">
        <v>12.9474</v>
      </c>
    </row>
    <row r="3096" spans="1:6" x14ac:dyDescent="0.25">
      <c r="A3096">
        <v>138.63</v>
      </c>
      <c r="B3096">
        <v>214.93</v>
      </c>
      <c r="C3096">
        <v>9527.25</v>
      </c>
      <c r="D3096">
        <v>1.6</v>
      </c>
      <c r="E3096">
        <v>12108.9</v>
      </c>
      <c r="F3096">
        <v>12.961</v>
      </c>
    </row>
    <row r="3097" spans="1:6" x14ac:dyDescent="0.25">
      <c r="A3097">
        <v>138.63</v>
      </c>
      <c r="B3097">
        <v>214.93</v>
      </c>
      <c r="C3097">
        <v>9527.25</v>
      </c>
      <c r="D3097">
        <v>1.9</v>
      </c>
      <c r="E3097">
        <v>11674.4</v>
      </c>
      <c r="F3097">
        <v>13.7072</v>
      </c>
    </row>
    <row r="3098" spans="1:6" x14ac:dyDescent="0.25">
      <c r="A3098">
        <v>138.63</v>
      </c>
      <c r="B3098">
        <v>214.93</v>
      </c>
      <c r="C3098">
        <v>9527.25</v>
      </c>
      <c r="D3098">
        <v>2.2000000000000002</v>
      </c>
      <c r="E3098">
        <v>11476</v>
      </c>
      <c r="F3098">
        <v>13.726000000000001</v>
      </c>
    </row>
    <row r="3099" spans="1:6" x14ac:dyDescent="0.25">
      <c r="A3099">
        <v>138.63</v>
      </c>
      <c r="B3099">
        <v>214.93</v>
      </c>
      <c r="C3099">
        <v>9527.25</v>
      </c>
      <c r="D3099">
        <v>2.5</v>
      </c>
      <c r="E3099">
        <v>11279.3</v>
      </c>
      <c r="F3099">
        <v>13.739100000000001</v>
      </c>
    </row>
    <row r="3100" spans="1:6" x14ac:dyDescent="0.25">
      <c r="A3100">
        <v>138.63</v>
      </c>
      <c r="B3100">
        <v>214.93</v>
      </c>
      <c r="C3100">
        <v>9527.25</v>
      </c>
      <c r="D3100">
        <v>2.8</v>
      </c>
      <c r="E3100">
        <v>11149.7</v>
      </c>
      <c r="F3100">
        <v>13.7453</v>
      </c>
    </row>
    <row r="3101" spans="1:6" x14ac:dyDescent="0.25">
      <c r="A3101">
        <v>138.63</v>
      </c>
      <c r="B3101">
        <v>214.93</v>
      </c>
      <c r="C3101">
        <v>9527.25</v>
      </c>
      <c r="D3101">
        <v>3.1</v>
      </c>
      <c r="E3101">
        <v>11022.7</v>
      </c>
      <c r="F3101">
        <v>13.7502</v>
      </c>
    </row>
    <row r="3102" spans="1:6" x14ac:dyDescent="0.25">
      <c r="A3102">
        <v>138.63</v>
      </c>
      <c r="B3102">
        <v>214.93</v>
      </c>
      <c r="C3102">
        <v>9527.25</v>
      </c>
      <c r="D3102">
        <v>3.4</v>
      </c>
      <c r="E3102">
        <v>10990.9</v>
      </c>
      <c r="F3102">
        <v>13.750999999999999</v>
      </c>
    </row>
    <row r="3103" spans="1:6" x14ac:dyDescent="0.25">
      <c r="A3103">
        <v>138.63</v>
      </c>
      <c r="B3103">
        <v>214.93</v>
      </c>
      <c r="C3103">
        <v>9527.25</v>
      </c>
      <c r="D3103">
        <v>3.7</v>
      </c>
      <c r="E3103">
        <v>10873</v>
      </c>
      <c r="F3103">
        <v>13.750999999999999</v>
      </c>
    </row>
    <row r="3104" spans="1:6" x14ac:dyDescent="0.25">
      <c r="A3104">
        <v>138.63</v>
      </c>
      <c r="B3104">
        <v>214.93</v>
      </c>
      <c r="C3104">
        <v>9527.25</v>
      </c>
      <c r="D3104">
        <v>4</v>
      </c>
      <c r="E3104">
        <v>10769</v>
      </c>
      <c r="F3104">
        <v>13.747299999999999</v>
      </c>
    </row>
    <row r="3105" spans="1:6" x14ac:dyDescent="0.25">
      <c r="A3105">
        <v>138.63</v>
      </c>
      <c r="B3105">
        <v>214.93</v>
      </c>
      <c r="C3105">
        <v>11072.7</v>
      </c>
      <c r="D3105">
        <v>1</v>
      </c>
      <c r="E3105">
        <v>15014.6</v>
      </c>
      <c r="F3105">
        <v>13.580500000000001</v>
      </c>
    </row>
    <row r="3106" spans="1:6" x14ac:dyDescent="0.25">
      <c r="A3106">
        <v>138.63</v>
      </c>
      <c r="B3106">
        <v>214.93</v>
      </c>
      <c r="C3106">
        <v>11072.7</v>
      </c>
      <c r="D3106">
        <v>1.3</v>
      </c>
      <c r="E3106">
        <v>14157.2</v>
      </c>
      <c r="F3106">
        <v>12.9474</v>
      </c>
    </row>
    <row r="3107" spans="1:6" x14ac:dyDescent="0.25">
      <c r="A3107">
        <v>138.63</v>
      </c>
      <c r="B3107">
        <v>214.93</v>
      </c>
      <c r="C3107">
        <v>11072.7</v>
      </c>
      <c r="D3107">
        <v>1.6</v>
      </c>
      <c r="E3107">
        <v>13661.2</v>
      </c>
      <c r="F3107">
        <v>12.961</v>
      </c>
    </row>
    <row r="3108" spans="1:6" x14ac:dyDescent="0.25">
      <c r="A3108">
        <v>138.63</v>
      </c>
      <c r="B3108">
        <v>214.93</v>
      </c>
      <c r="C3108">
        <v>11072.7</v>
      </c>
      <c r="D3108">
        <v>1.9</v>
      </c>
      <c r="E3108">
        <v>13417.4</v>
      </c>
      <c r="F3108">
        <v>13.7072</v>
      </c>
    </row>
    <row r="3109" spans="1:6" x14ac:dyDescent="0.25">
      <c r="A3109">
        <v>138.63</v>
      </c>
      <c r="B3109">
        <v>214.93</v>
      </c>
      <c r="C3109">
        <v>11072.7</v>
      </c>
      <c r="D3109">
        <v>2.2000000000000002</v>
      </c>
      <c r="E3109">
        <v>13121.6</v>
      </c>
      <c r="F3109">
        <v>13.726000000000001</v>
      </c>
    </row>
    <row r="3110" spans="1:6" x14ac:dyDescent="0.25">
      <c r="A3110">
        <v>138.63</v>
      </c>
      <c r="B3110">
        <v>214.93</v>
      </c>
      <c r="C3110">
        <v>11072.7</v>
      </c>
      <c r="D3110">
        <v>2.5</v>
      </c>
      <c r="E3110">
        <v>12931.1</v>
      </c>
      <c r="F3110">
        <v>13.739100000000001</v>
      </c>
    </row>
    <row r="3111" spans="1:6" x14ac:dyDescent="0.25">
      <c r="A3111">
        <v>138.63</v>
      </c>
      <c r="B3111">
        <v>214.93</v>
      </c>
      <c r="C3111">
        <v>11072.7</v>
      </c>
      <c r="D3111">
        <v>2.8</v>
      </c>
      <c r="E3111">
        <v>12700.2</v>
      </c>
      <c r="F3111">
        <v>13.7453</v>
      </c>
    </row>
    <row r="3112" spans="1:6" x14ac:dyDescent="0.25">
      <c r="A3112">
        <v>138.63</v>
      </c>
      <c r="B3112">
        <v>214.93</v>
      </c>
      <c r="C3112">
        <v>11072.7</v>
      </c>
      <c r="D3112">
        <v>3.1</v>
      </c>
      <c r="E3112">
        <v>12551.3</v>
      </c>
      <c r="F3112">
        <v>13.7502</v>
      </c>
    </row>
    <row r="3113" spans="1:6" x14ac:dyDescent="0.25">
      <c r="A3113">
        <v>138.63</v>
      </c>
      <c r="B3113">
        <v>214.93</v>
      </c>
      <c r="C3113">
        <v>11072.7</v>
      </c>
      <c r="D3113">
        <v>3.4</v>
      </c>
      <c r="E3113">
        <v>12567.3</v>
      </c>
      <c r="F3113">
        <v>13.750999999999999</v>
      </c>
    </row>
    <row r="3114" spans="1:6" x14ac:dyDescent="0.25">
      <c r="A3114">
        <v>138.63</v>
      </c>
      <c r="B3114">
        <v>214.93</v>
      </c>
      <c r="C3114">
        <v>11072.7</v>
      </c>
      <c r="D3114">
        <v>3.7</v>
      </c>
      <c r="E3114">
        <v>12395.4</v>
      </c>
      <c r="F3114">
        <v>13.750999999999999</v>
      </c>
    </row>
    <row r="3115" spans="1:6" x14ac:dyDescent="0.25">
      <c r="A3115">
        <v>138.63</v>
      </c>
      <c r="B3115">
        <v>214.93</v>
      </c>
      <c r="C3115">
        <v>11072.7</v>
      </c>
      <c r="D3115">
        <v>4</v>
      </c>
      <c r="E3115">
        <v>12330.6</v>
      </c>
      <c r="F3115">
        <v>13.747299999999999</v>
      </c>
    </row>
    <row r="3116" spans="1:6" x14ac:dyDescent="0.25">
      <c r="A3116">
        <v>138.63</v>
      </c>
      <c r="B3116">
        <v>214.93</v>
      </c>
      <c r="C3116">
        <v>12618.2</v>
      </c>
      <c r="D3116">
        <v>1</v>
      </c>
      <c r="E3116">
        <v>16610</v>
      </c>
      <c r="F3116">
        <v>13.580500000000001</v>
      </c>
    </row>
    <row r="3117" spans="1:6" x14ac:dyDescent="0.25">
      <c r="A3117">
        <v>138.63</v>
      </c>
      <c r="B3117">
        <v>214.93</v>
      </c>
      <c r="C3117">
        <v>12618.2</v>
      </c>
      <c r="D3117">
        <v>1.3</v>
      </c>
      <c r="E3117">
        <v>15692.9</v>
      </c>
      <c r="F3117">
        <v>12.9474</v>
      </c>
    </row>
    <row r="3118" spans="1:6" x14ac:dyDescent="0.25">
      <c r="A3118">
        <v>138.63</v>
      </c>
      <c r="B3118">
        <v>214.93</v>
      </c>
      <c r="C3118">
        <v>12618.2</v>
      </c>
      <c r="D3118">
        <v>1.6</v>
      </c>
      <c r="E3118">
        <v>15310.4</v>
      </c>
      <c r="F3118">
        <v>12.961</v>
      </c>
    </row>
    <row r="3119" spans="1:6" x14ac:dyDescent="0.25">
      <c r="A3119">
        <v>138.63</v>
      </c>
      <c r="B3119">
        <v>214.93</v>
      </c>
      <c r="C3119">
        <v>12618.2</v>
      </c>
      <c r="D3119">
        <v>1.9</v>
      </c>
      <c r="E3119">
        <v>14796.2</v>
      </c>
      <c r="F3119">
        <v>13.7072</v>
      </c>
    </row>
    <row r="3120" spans="1:6" x14ac:dyDescent="0.25">
      <c r="A3120">
        <v>138.63</v>
      </c>
      <c r="B3120">
        <v>214.93</v>
      </c>
      <c r="C3120">
        <v>12618.2</v>
      </c>
      <c r="D3120">
        <v>2.2000000000000002</v>
      </c>
      <c r="E3120">
        <v>14544.4</v>
      </c>
      <c r="F3120">
        <v>13.726000000000001</v>
      </c>
    </row>
    <row r="3121" spans="1:6" x14ac:dyDescent="0.25">
      <c r="A3121">
        <v>138.63</v>
      </c>
      <c r="B3121">
        <v>214.93</v>
      </c>
      <c r="C3121">
        <v>12618.2</v>
      </c>
      <c r="D3121">
        <v>2.5</v>
      </c>
      <c r="E3121">
        <v>14479.1</v>
      </c>
      <c r="F3121">
        <v>13.739100000000001</v>
      </c>
    </row>
    <row r="3122" spans="1:6" x14ac:dyDescent="0.25">
      <c r="A3122">
        <v>138.63</v>
      </c>
      <c r="B3122">
        <v>214.93</v>
      </c>
      <c r="C3122">
        <v>12618.2</v>
      </c>
      <c r="D3122">
        <v>2.8</v>
      </c>
      <c r="E3122">
        <v>14267.8</v>
      </c>
      <c r="F3122">
        <v>13.7453</v>
      </c>
    </row>
    <row r="3123" spans="1:6" x14ac:dyDescent="0.25">
      <c r="A3123">
        <v>138.63</v>
      </c>
      <c r="B3123">
        <v>214.93</v>
      </c>
      <c r="C3123">
        <v>12618.2</v>
      </c>
      <c r="D3123">
        <v>3.1</v>
      </c>
      <c r="E3123">
        <v>14106.9</v>
      </c>
      <c r="F3123">
        <v>13.7502</v>
      </c>
    </row>
    <row r="3124" spans="1:6" x14ac:dyDescent="0.25">
      <c r="A3124">
        <v>138.63</v>
      </c>
      <c r="B3124">
        <v>214.93</v>
      </c>
      <c r="C3124">
        <v>12618.2</v>
      </c>
      <c r="D3124">
        <v>3.4</v>
      </c>
      <c r="E3124">
        <v>14061.2</v>
      </c>
      <c r="F3124">
        <v>13.750999999999999</v>
      </c>
    </row>
    <row r="3125" spans="1:6" x14ac:dyDescent="0.25">
      <c r="A3125">
        <v>138.63</v>
      </c>
      <c r="B3125">
        <v>214.93</v>
      </c>
      <c r="C3125">
        <v>12618.2</v>
      </c>
      <c r="D3125">
        <v>3.7</v>
      </c>
      <c r="E3125">
        <v>14022.6</v>
      </c>
      <c r="F3125">
        <v>13.750999999999999</v>
      </c>
    </row>
    <row r="3126" spans="1:6" x14ac:dyDescent="0.25">
      <c r="A3126">
        <v>138.63</v>
      </c>
      <c r="B3126">
        <v>214.93</v>
      </c>
      <c r="C3126">
        <v>12618.2</v>
      </c>
      <c r="D3126">
        <v>4</v>
      </c>
      <c r="E3126">
        <v>13868</v>
      </c>
      <c r="F3126">
        <v>13.747299999999999</v>
      </c>
    </row>
    <row r="3127" spans="1:6" x14ac:dyDescent="0.25">
      <c r="A3127">
        <v>138.63</v>
      </c>
      <c r="B3127">
        <v>214.93</v>
      </c>
      <c r="C3127">
        <v>14163.6</v>
      </c>
      <c r="D3127">
        <v>1</v>
      </c>
      <c r="E3127">
        <v>18126.7</v>
      </c>
      <c r="F3127">
        <v>13.580500000000001</v>
      </c>
    </row>
    <row r="3128" spans="1:6" x14ac:dyDescent="0.25">
      <c r="A3128">
        <v>138.63</v>
      </c>
      <c r="B3128">
        <v>214.93</v>
      </c>
      <c r="C3128">
        <v>14163.6</v>
      </c>
      <c r="D3128">
        <v>1.3</v>
      </c>
      <c r="E3128">
        <v>17199.8</v>
      </c>
      <c r="F3128">
        <v>12.9474</v>
      </c>
    </row>
    <row r="3129" spans="1:6" x14ac:dyDescent="0.25">
      <c r="A3129">
        <v>138.63</v>
      </c>
      <c r="B3129">
        <v>214.93</v>
      </c>
      <c r="C3129">
        <v>14163.6</v>
      </c>
      <c r="D3129">
        <v>1.6</v>
      </c>
      <c r="E3129">
        <v>16864.599999999999</v>
      </c>
      <c r="F3129">
        <v>12.961</v>
      </c>
    </row>
    <row r="3130" spans="1:6" x14ac:dyDescent="0.25">
      <c r="A3130">
        <v>138.63</v>
      </c>
      <c r="B3130">
        <v>214.93</v>
      </c>
      <c r="C3130">
        <v>14163.6</v>
      </c>
      <c r="D3130">
        <v>1.9</v>
      </c>
      <c r="E3130">
        <v>16438.2</v>
      </c>
      <c r="F3130">
        <v>13.7072</v>
      </c>
    </row>
    <row r="3131" spans="1:6" x14ac:dyDescent="0.25">
      <c r="A3131">
        <v>138.63</v>
      </c>
      <c r="B3131">
        <v>214.93</v>
      </c>
      <c r="C3131">
        <v>14163.6</v>
      </c>
      <c r="D3131">
        <v>2.2000000000000002</v>
      </c>
      <c r="E3131">
        <v>16143.9</v>
      </c>
      <c r="F3131">
        <v>13.726000000000001</v>
      </c>
    </row>
    <row r="3132" spans="1:6" x14ac:dyDescent="0.25">
      <c r="A3132">
        <v>138.63</v>
      </c>
      <c r="B3132">
        <v>214.93</v>
      </c>
      <c r="C3132">
        <v>14163.6</v>
      </c>
      <c r="D3132">
        <v>2.5</v>
      </c>
      <c r="E3132">
        <v>15918.7</v>
      </c>
      <c r="F3132">
        <v>13.739100000000001</v>
      </c>
    </row>
    <row r="3133" spans="1:6" x14ac:dyDescent="0.25">
      <c r="A3133">
        <v>138.63</v>
      </c>
      <c r="B3133">
        <v>214.93</v>
      </c>
      <c r="C3133">
        <v>14163.6</v>
      </c>
      <c r="D3133">
        <v>2.8</v>
      </c>
      <c r="E3133">
        <v>15848.7</v>
      </c>
      <c r="F3133">
        <v>13.7453</v>
      </c>
    </row>
    <row r="3134" spans="1:6" x14ac:dyDescent="0.25">
      <c r="A3134">
        <v>138.63</v>
      </c>
      <c r="B3134">
        <v>214.93</v>
      </c>
      <c r="C3134">
        <v>14163.6</v>
      </c>
      <c r="D3134">
        <v>3.1</v>
      </c>
      <c r="E3134">
        <v>15661.9</v>
      </c>
      <c r="F3134">
        <v>13.7502</v>
      </c>
    </row>
    <row r="3135" spans="1:6" x14ac:dyDescent="0.25">
      <c r="A3135">
        <v>138.63</v>
      </c>
      <c r="B3135">
        <v>214.93</v>
      </c>
      <c r="C3135">
        <v>14163.6</v>
      </c>
      <c r="D3135">
        <v>3.4</v>
      </c>
      <c r="E3135">
        <v>15603.3</v>
      </c>
      <c r="F3135">
        <v>13.750999999999999</v>
      </c>
    </row>
    <row r="3136" spans="1:6" x14ac:dyDescent="0.25">
      <c r="A3136">
        <v>138.63</v>
      </c>
      <c r="B3136">
        <v>214.93</v>
      </c>
      <c r="C3136">
        <v>14163.6</v>
      </c>
      <c r="D3136">
        <v>3.7</v>
      </c>
      <c r="E3136">
        <v>15536.2</v>
      </c>
      <c r="F3136">
        <v>13.750999999999999</v>
      </c>
    </row>
    <row r="3137" spans="1:6" x14ac:dyDescent="0.25">
      <c r="A3137">
        <v>138.63</v>
      </c>
      <c r="B3137">
        <v>214.93</v>
      </c>
      <c r="C3137">
        <v>14163.6</v>
      </c>
      <c r="D3137">
        <v>4</v>
      </c>
      <c r="E3137">
        <v>15406.6</v>
      </c>
      <c r="F3137">
        <v>13.747299999999999</v>
      </c>
    </row>
    <row r="3138" spans="1:6" x14ac:dyDescent="0.25">
      <c r="A3138">
        <v>138.63</v>
      </c>
      <c r="B3138">
        <v>214.93</v>
      </c>
      <c r="C3138">
        <v>15709.1</v>
      </c>
      <c r="D3138">
        <v>1</v>
      </c>
      <c r="E3138">
        <v>19412.8</v>
      </c>
      <c r="F3138">
        <v>13.580500000000001</v>
      </c>
    </row>
    <row r="3139" spans="1:6" x14ac:dyDescent="0.25">
      <c r="A3139">
        <v>138.63</v>
      </c>
      <c r="B3139">
        <v>214.93</v>
      </c>
      <c r="C3139">
        <v>15709.1</v>
      </c>
      <c r="D3139">
        <v>1.3</v>
      </c>
      <c r="E3139">
        <v>18773.400000000001</v>
      </c>
      <c r="F3139">
        <v>12.9474</v>
      </c>
    </row>
    <row r="3140" spans="1:6" x14ac:dyDescent="0.25">
      <c r="A3140">
        <v>138.63</v>
      </c>
      <c r="B3140">
        <v>214.93</v>
      </c>
      <c r="C3140">
        <v>15709.1</v>
      </c>
      <c r="D3140">
        <v>1.6</v>
      </c>
      <c r="E3140">
        <v>18293.400000000001</v>
      </c>
      <c r="F3140">
        <v>12.961</v>
      </c>
    </row>
    <row r="3141" spans="1:6" x14ac:dyDescent="0.25">
      <c r="A3141">
        <v>138.63</v>
      </c>
      <c r="B3141">
        <v>214.93</v>
      </c>
      <c r="C3141">
        <v>15709.1</v>
      </c>
      <c r="D3141">
        <v>1.9</v>
      </c>
      <c r="E3141">
        <v>17905</v>
      </c>
      <c r="F3141">
        <v>13.7072</v>
      </c>
    </row>
    <row r="3142" spans="1:6" x14ac:dyDescent="0.25">
      <c r="A3142">
        <v>138.63</v>
      </c>
      <c r="B3142">
        <v>214.93</v>
      </c>
      <c r="C3142">
        <v>15709.1</v>
      </c>
      <c r="D3142">
        <v>2.2000000000000002</v>
      </c>
      <c r="E3142">
        <v>17667.400000000001</v>
      </c>
      <c r="F3142">
        <v>13.726000000000001</v>
      </c>
    </row>
    <row r="3143" spans="1:6" x14ac:dyDescent="0.25">
      <c r="A3143">
        <v>138.63</v>
      </c>
      <c r="B3143">
        <v>214.93</v>
      </c>
      <c r="C3143">
        <v>15709.1</v>
      </c>
      <c r="D3143">
        <v>2.5</v>
      </c>
      <c r="E3143">
        <v>17473.400000000001</v>
      </c>
      <c r="F3143">
        <v>13.739100000000001</v>
      </c>
    </row>
    <row r="3144" spans="1:6" x14ac:dyDescent="0.25">
      <c r="A3144">
        <v>138.63</v>
      </c>
      <c r="B3144">
        <v>214.93</v>
      </c>
      <c r="C3144">
        <v>15709.1</v>
      </c>
      <c r="D3144">
        <v>2.8</v>
      </c>
      <c r="E3144">
        <v>17385.599999999999</v>
      </c>
      <c r="F3144">
        <v>13.7453</v>
      </c>
    </row>
    <row r="3145" spans="1:6" x14ac:dyDescent="0.25">
      <c r="A3145">
        <v>138.63</v>
      </c>
      <c r="B3145">
        <v>214.93</v>
      </c>
      <c r="C3145">
        <v>15709.1</v>
      </c>
      <c r="D3145">
        <v>3.1</v>
      </c>
      <c r="E3145">
        <v>17304.2</v>
      </c>
      <c r="F3145">
        <v>13.7502</v>
      </c>
    </row>
    <row r="3146" spans="1:6" x14ac:dyDescent="0.25">
      <c r="A3146">
        <v>138.63</v>
      </c>
      <c r="B3146">
        <v>214.93</v>
      </c>
      <c r="C3146">
        <v>15709.1</v>
      </c>
      <c r="D3146">
        <v>3.4</v>
      </c>
      <c r="E3146">
        <v>17103.8</v>
      </c>
      <c r="F3146">
        <v>13.750999999999999</v>
      </c>
    </row>
    <row r="3147" spans="1:6" x14ac:dyDescent="0.25">
      <c r="A3147">
        <v>138.63</v>
      </c>
      <c r="B3147">
        <v>214.93</v>
      </c>
      <c r="C3147">
        <v>15709.1</v>
      </c>
      <c r="D3147">
        <v>3.7</v>
      </c>
      <c r="E3147">
        <v>17075.2</v>
      </c>
      <c r="F3147">
        <v>13.750999999999999</v>
      </c>
    </row>
    <row r="3148" spans="1:6" x14ac:dyDescent="0.25">
      <c r="A3148">
        <v>138.63</v>
      </c>
      <c r="B3148">
        <v>214.93</v>
      </c>
      <c r="C3148">
        <v>15709.1</v>
      </c>
      <c r="D3148">
        <v>4</v>
      </c>
      <c r="E3148">
        <v>17025.099999999999</v>
      </c>
      <c r="F3148">
        <v>13.747299999999999</v>
      </c>
    </row>
    <row r="3149" spans="1:6" x14ac:dyDescent="0.25">
      <c r="A3149">
        <v>138.63</v>
      </c>
      <c r="B3149">
        <v>214.93</v>
      </c>
      <c r="C3149">
        <v>17254.5</v>
      </c>
      <c r="D3149">
        <v>1</v>
      </c>
      <c r="E3149">
        <v>21131</v>
      </c>
      <c r="F3149">
        <v>13.580500000000001</v>
      </c>
    </row>
    <row r="3150" spans="1:6" x14ac:dyDescent="0.25">
      <c r="A3150">
        <v>138.63</v>
      </c>
      <c r="B3150">
        <v>214.93</v>
      </c>
      <c r="C3150">
        <v>17254.5</v>
      </c>
      <c r="D3150">
        <v>1.3</v>
      </c>
      <c r="E3150">
        <v>20433</v>
      </c>
      <c r="F3150">
        <v>12.9474</v>
      </c>
    </row>
    <row r="3151" spans="1:6" x14ac:dyDescent="0.25">
      <c r="A3151">
        <v>138.63</v>
      </c>
      <c r="B3151">
        <v>214.93</v>
      </c>
      <c r="C3151">
        <v>17254.5</v>
      </c>
      <c r="D3151">
        <v>1.6</v>
      </c>
      <c r="E3151">
        <v>19825</v>
      </c>
      <c r="F3151">
        <v>12.961</v>
      </c>
    </row>
    <row r="3152" spans="1:6" x14ac:dyDescent="0.25">
      <c r="A3152">
        <v>138.63</v>
      </c>
      <c r="B3152">
        <v>214.93</v>
      </c>
      <c r="C3152">
        <v>17254.5</v>
      </c>
      <c r="D3152">
        <v>1.9</v>
      </c>
      <c r="E3152">
        <v>19577.900000000001</v>
      </c>
      <c r="F3152">
        <v>13.7072</v>
      </c>
    </row>
    <row r="3153" spans="1:6" x14ac:dyDescent="0.25">
      <c r="A3153">
        <v>138.63</v>
      </c>
      <c r="B3153">
        <v>214.93</v>
      </c>
      <c r="C3153">
        <v>17254.5</v>
      </c>
      <c r="D3153">
        <v>2.2000000000000002</v>
      </c>
      <c r="E3153">
        <v>19339.900000000001</v>
      </c>
      <c r="F3153">
        <v>13.726000000000001</v>
      </c>
    </row>
    <row r="3154" spans="1:6" x14ac:dyDescent="0.25">
      <c r="A3154">
        <v>138.63</v>
      </c>
      <c r="B3154">
        <v>214.93</v>
      </c>
      <c r="C3154">
        <v>17254.5</v>
      </c>
      <c r="D3154">
        <v>2.5</v>
      </c>
      <c r="E3154">
        <v>19064.2</v>
      </c>
      <c r="F3154">
        <v>13.739100000000001</v>
      </c>
    </row>
    <row r="3155" spans="1:6" x14ac:dyDescent="0.25">
      <c r="A3155">
        <v>138.63</v>
      </c>
      <c r="B3155">
        <v>214.93</v>
      </c>
      <c r="C3155">
        <v>17254.5</v>
      </c>
      <c r="D3155">
        <v>2.8</v>
      </c>
      <c r="E3155">
        <v>18887.099999999999</v>
      </c>
      <c r="F3155">
        <v>13.7453</v>
      </c>
    </row>
    <row r="3156" spans="1:6" x14ac:dyDescent="0.25">
      <c r="A3156">
        <v>138.63</v>
      </c>
      <c r="B3156">
        <v>214.93</v>
      </c>
      <c r="C3156">
        <v>17254.5</v>
      </c>
      <c r="D3156">
        <v>3.1</v>
      </c>
      <c r="E3156">
        <v>18830.2</v>
      </c>
      <c r="F3156">
        <v>13.7502</v>
      </c>
    </row>
    <row r="3157" spans="1:6" x14ac:dyDescent="0.25">
      <c r="A3157">
        <v>138.63</v>
      </c>
      <c r="B3157">
        <v>214.93</v>
      </c>
      <c r="C3157">
        <v>17254.5</v>
      </c>
      <c r="D3157">
        <v>3.4</v>
      </c>
      <c r="E3157">
        <v>18741</v>
      </c>
      <c r="F3157">
        <v>13.750999999999999</v>
      </c>
    </row>
    <row r="3158" spans="1:6" x14ac:dyDescent="0.25">
      <c r="A3158">
        <v>138.63</v>
      </c>
      <c r="B3158">
        <v>214.93</v>
      </c>
      <c r="C3158">
        <v>17254.5</v>
      </c>
      <c r="D3158">
        <v>3.7</v>
      </c>
      <c r="E3158">
        <v>18578.599999999999</v>
      </c>
      <c r="F3158">
        <v>13.750999999999999</v>
      </c>
    </row>
    <row r="3159" spans="1:6" x14ac:dyDescent="0.25">
      <c r="A3159">
        <v>138.63</v>
      </c>
      <c r="B3159">
        <v>214.93</v>
      </c>
      <c r="C3159">
        <v>17254.5</v>
      </c>
      <c r="D3159">
        <v>4</v>
      </c>
      <c r="E3159">
        <v>18570.900000000001</v>
      </c>
      <c r="F3159">
        <v>13.747299999999999</v>
      </c>
    </row>
    <row r="3160" spans="1:6" x14ac:dyDescent="0.25">
      <c r="A3160">
        <v>138.63</v>
      </c>
      <c r="B3160">
        <v>214.93</v>
      </c>
      <c r="C3160">
        <v>18800</v>
      </c>
      <c r="D3160">
        <v>1</v>
      </c>
      <c r="E3160">
        <v>22749.9</v>
      </c>
      <c r="F3160">
        <v>13.580500000000001</v>
      </c>
    </row>
    <row r="3161" spans="1:6" x14ac:dyDescent="0.25">
      <c r="A3161">
        <v>138.63</v>
      </c>
      <c r="B3161">
        <v>214.93</v>
      </c>
      <c r="C3161">
        <v>18800</v>
      </c>
      <c r="D3161">
        <v>1.3</v>
      </c>
      <c r="E3161">
        <v>21995.8</v>
      </c>
      <c r="F3161">
        <v>12.9474</v>
      </c>
    </row>
    <row r="3162" spans="1:6" x14ac:dyDescent="0.25">
      <c r="A3162">
        <v>138.63</v>
      </c>
      <c r="B3162">
        <v>214.93</v>
      </c>
      <c r="C3162">
        <v>18800</v>
      </c>
      <c r="D3162">
        <v>1.6</v>
      </c>
      <c r="E3162">
        <v>21385</v>
      </c>
      <c r="F3162">
        <v>12.961</v>
      </c>
    </row>
    <row r="3163" spans="1:6" x14ac:dyDescent="0.25">
      <c r="A3163">
        <v>138.63</v>
      </c>
      <c r="B3163">
        <v>214.93</v>
      </c>
      <c r="C3163">
        <v>18800</v>
      </c>
      <c r="D3163">
        <v>1.9</v>
      </c>
      <c r="E3163">
        <v>21062.400000000001</v>
      </c>
      <c r="F3163">
        <v>13.7072</v>
      </c>
    </row>
    <row r="3164" spans="1:6" x14ac:dyDescent="0.25">
      <c r="A3164">
        <v>138.63</v>
      </c>
      <c r="B3164">
        <v>214.93</v>
      </c>
      <c r="C3164">
        <v>18800</v>
      </c>
      <c r="D3164">
        <v>2.2000000000000002</v>
      </c>
      <c r="E3164">
        <v>20843.099999999999</v>
      </c>
      <c r="F3164">
        <v>13.726000000000001</v>
      </c>
    </row>
    <row r="3165" spans="1:6" x14ac:dyDescent="0.25">
      <c r="A3165">
        <v>138.63</v>
      </c>
      <c r="B3165">
        <v>214.93</v>
      </c>
      <c r="C3165">
        <v>18800</v>
      </c>
      <c r="D3165">
        <v>2.5</v>
      </c>
      <c r="E3165">
        <v>20571.400000000001</v>
      </c>
      <c r="F3165">
        <v>13.739100000000001</v>
      </c>
    </row>
    <row r="3166" spans="1:6" x14ac:dyDescent="0.25">
      <c r="A3166">
        <v>138.63</v>
      </c>
      <c r="B3166">
        <v>214.93</v>
      </c>
      <c r="C3166">
        <v>18800</v>
      </c>
      <c r="D3166">
        <v>2.8</v>
      </c>
      <c r="E3166">
        <v>20502.900000000001</v>
      </c>
      <c r="F3166">
        <v>13.7453</v>
      </c>
    </row>
    <row r="3167" spans="1:6" x14ac:dyDescent="0.25">
      <c r="A3167">
        <v>138.63</v>
      </c>
      <c r="B3167">
        <v>214.93</v>
      </c>
      <c r="C3167">
        <v>18800</v>
      </c>
      <c r="D3167">
        <v>3.1</v>
      </c>
      <c r="E3167">
        <v>20404.7</v>
      </c>
      <c r="F3167">
        <v>13.7502</v>
      </c>
    </row>
    <row r="3168" spans="1:6" x14ac:dyDescent="0.25">
      <c r="A3168">
        <v>138.63</v>
      </c>
      <c r="B3168">
        <v>214.93</v>
      </c>
      <c r="C3168">
        <v>18800</v>
      </c>
      <c r="D3168">
        <v>3.4</v>
      </c>
      <c r="E3168">
        <v>20215.599999999999</v>
      </c>
      <c r="F3168">
        <v>13.750999999999999</v>
      </c>
    </row>
    <row r="3169" spans="1:6" x14ac:dyDescent="0.25">
      <c r="A3169">
        <v>138.63</v>
      </c>
      <c r="B3169">
        <v>214.93</v>
      </c>
      <c r="C3169">
        <v>18800</v>
      </c>
      <c r="D3169">
        <v>3.7</v>
      </c>
      <c r="E3169">
        <v>20188.2</v>
      </c>
      <c r="F3169">
        <v>13.750999999999999</v>
      </c>
    </row>
    <row r="3170" spans="1:6" x14ac:dyDescent="0.25">
      <c r="A3170">
        <v>138.63</v>
      </c>
      <c r="B3170">
        <v>214.93</v>
      </c>
      <c r="C3170">
        <v>18800</v>
      </c>
      <c r="D3170">
        <v>4</v>
      </c>
      <c r="E3170">
        <v>20108.2</v>
      </c>
      <c r="F3170">
        <v>13.747299999999999</v>
      </c>
    </row>
    <row r="3171" spans="1:6" x14ac:dyDescent="0.25">
      <c r="A3171">
        <v>142.26</v>
      </c>
      <c r="B3171">
        <v>175</v>
      </c>
      <c r="C3171">
        <v>1800</v>
      </c>
      <c r="D3171">
        <v>1</v>
      </c>
      <c r="E3171">
        <v>5790.5</v>
      </c>
      <c r="F3171">
        <v>56.365299999999998</v>
      </c>
    </row>
    <row r="3172" spans="1:6" x14ac:dyDescent="0.25">
      <c r="A3172">
        <v>142.26</v>
      </c>
      <c r="B3172">
        <v>175</v>
      </c>
      <c r="C3172">
        <v>1800</v>
      </c>
      <c r="D3172">
        <v>1.3</v>
      </c>
      <c r="E3172">
        <v>5212.78</v>
      </c>
      <c r="F3172">
        <v>73.149900000000002</v>
      </c>
    </row>
    <row r="3173" spans="1:6" x14ac:dyDescent="0.25">
      <c r="A3173">
        <v>142.26</v>
      </c>
      <c r="B3173">
        <v>175</v>
      </c>
      <c r="C3173">
        <v>1800</v>
      </c>
      <c r="D3173">
        <v>1.6</v>
      </c>
      <c r="E3173">
        <v>4960.6000000000004</v>
      </c>
      <c r="F3173">
        <v>80.457400000000007</v>
      </c>
    </row>
    <row r="3174" spans="1:6" x14ac:dyDescent="0.25">
      <c r="A3174">
        <v>142.26</v>
      </c>
      <c r="B3174">
        <v>175</v>
      </c>
      <c r="C3174">
        <v>1800</v>
      </c>
      <c r="D3174">
        <v>1.9</v>
      </c>
      <c r="E3174">
        <v>4742.78</v>
      </c>
      <c r="F3174">
        <v>83.852099999999993</v>
      </c>
    </row>
    <row r="3175" spans="1:6" x14ac:dyDescent="0.25">
      <c r="A3175">
        <v>142.26</v>
      </c>
      <c r="B3175">
        <v>175</v>
      </c>
      <c r="C3175">
        <v>1800</v>
      </c>
      <c r="D3175">
        <v>2.2000000000000002</v>
      </c>
      <c r="E3175">
        <v>4604.29</v>
      </c>
      <c r="F3175">
        <v>87.622600000000006</v>
      </c>
    </row>
    <row r="3176" spans="1:6" x14ac:dyDescent="0.25">
      <c r="A3176">
        <v>142.26</v>
      </c>
      <c r="B3176">
        <v>175</v>
      </c>
      <c r="C3176">
        <v>1800</v>
      </c>
      <c r="D3176">
        <v>2.5</v>
      </c>
      <c r="E3176">
        <v>4518.6400000000003</v>
      </c>
      <c r="F3176">
        <v>91.191699999999997</v>
      </c>
    </row>
    <row r="3177" spans="1:6" x14ac:dyDescent="0.25">
      <c r="A3177">
        <v>142.26</v>
      </c>
      <c r="B3177">
        <v>175</v>
      </c>
      <c r="C3177">
        <v>1800</v>
      </c>
      <c r="D3177">
        <v>2.8</v>
      </c>
      <c r="E3177">
        <v>4479.9399999999996</v>
      </c>
      <c r="F3177">
        <v>90.772000000000006</v>
      </c>
    </row>
    <row r="3178" spans="1:6" x14ac:dyDescent="0.25">
      <c r="A3178">
        <v>142.26</v>
      </c>
      <c r="B3178">
        <v>175</v>
      </c>
      <c r="C3178">
        <v>1800</v>
      </c>
      <c r="D3178">
        <v>3.1</v>
      </c>
      <c r="E3178">
        <v>4286.47</v>
      </c>
      <c r="F3178">
        <v>90.8673</v>
      </c>
    </row>
    <row r="3179" spans="1:6" x14ac:dyDescent="0.25">
      <c r="A3179">
        <v>142.26</v>
      </c>
      <c r="B3179">
        <v>175</v>
      </c>
      <c r="C3179">
        <v>1800</v>
      </c>
      <c r="D3179">
        <v>3.4</v>
      </c>
      <c r="E3179">
        <v>4351.3</v>
      </c>
      <c r="F3179">
        <v>92.068600000000004</v>
      </c>
    </row>
    <row r="3180" spans="1:6" x14ac:dyDescent="0.25">
      <c r="A3180">
        <v>142.26</v>
      </c>
      <c r="B3180">
        <v>175</v>
      </c>
      <c r="C3180">
        <v>1800</v>
      </c>
      <c r="D3180">
        <v>3.7</v>
      </c>
      <c r="E3180">
        <v>4222.3999999999996</v>
      </c>
      <c r="F3180">
        <v>94.031999999999996</v>
      </c>
    </row>
    <row r="3181" spans="1:6" x14ac:dyDescent="0.25">
      <c r="A3181">
        <v>142.26</v>
      </c>
      <c r="B3181">
        <v>175</v>
      </c>
      <c r="C3181">
        <v>1800</v>
      </c>
      <c r="D3181">
        <v>4</v>
      </c>
      <c r="E3181">
        <v>4165.5200000000004</v>
      </c>
      <c r="F3181">
        <v>91.261899999999997</v>
      </c>
    </row>
    <row r="3182" spans="1:6" x14ac:dyDescent="0.25">
      <c r="A3182">
        <v>142.26</v>
      </c>
      <c r="B3182">
        <v>175</v>
      </c>
      <c r="C3182">
        <v>3345.45</v>
      </c>
      <c r="D3182">
        <v>1</v>
      </c>
      <c r="E3182">
        <v>6839.5</v>
      </c>
      <c r="F3182">
        <v>27.985399999999998</v>
      </c>
    </row>
    <row r="3183" spans="1:6" x14ac:dyDescent="0.25">
      <c r="A3183">
        <v>142.26</v>
      </c>
      <c r="B3183">
        <v>175</v>
      </c>
      <c r="C3183">
        <v>3345.45</v>
      </c>
      <c r="D3183">
        <v>1.3</v>
      </c>
      <c r="E3183">
        <v>6336.96</v>
      </c>
      <c r="F3183">
        <v>35.767000000000003</v>
      </c>
    </row>
    <row r="3184" spans="1:6" x14ac:dyDescent="0.25">
      <c r="A3184">
        <v>142.26</v>
      </c>
      <c r="B3184">
        <v>175</v>
      </c>
      <c r="C3184">
        <v>3345.45</v>
      </c>
      <c r="D3184">
        <v>1.6</v>
      </c>
      <c r="E3184">
        <v>6106.33</v>
      </c>
      <c r="F3184">
        <v>45.118000000000002</v>
      </c>
    </row>
    <row r="3185" spans="1:6" x14ac:dyDescent="0.25">
      <c r="A3185">
        <v>142.26</v>
      </c>
      <c r="B3185">
        <v>175</v>
      </c>
      <c r="C3185">
        <v>3345.45</v>
      </c>
      <c r="D3185">
        <v>1.9</v>
      </c>
      <c r="E3185">
        <v>5992.8</v>
      </c>
      <c r="F3185">
        <v>49.863300000000002</v>
      </c>
    </row>
    <row r="3186" spans="1:6" x14ac:dyDescent="0.25">
      <c r="A3186">
        <v>142.26</v>
      </c>
      <c r="B3186">
        <v>175</v>
      </c>
      <c r="C3186">
        <v>3345.45</v>
      </c>
      <c r="D3186">
        <v>2.2000000000000002</v>
      </c>
      <c r="E3186">
        <v>5747.29</v>
      </c>
      <c r="F3186">
        <v>56.056399999999996</v>
      </c>
    </row>
    <row r="3187" spans="1:6" x14ac:dyDescent="0.25">
      <c r="A3187">
        <v>142.26</v>
      </c>
      <c r="B3187">
        <v>175</v>
      </c>
      <c r="C3187">
        <v>3345.45</v>
      </c>
      <c r="D3187">
        <v>2.5</v>
      </c>
      <c r="E3187">
        <v>5716.52</v>
      </c>
      <c r="F3187">
        <v>62.0334</v>
      </c>
    </row>
    <row r="3188" spans="1:6" x14ac:dyDescent="0.25">
      <c r="A3188">
        <v>142.26</v>
      </c>
      <c r="B3188">
        <v>175</v>
      </c>
      <c r="C3188">
        <v>3345.45</v>
      </c>
      <c r="D3188">
        <v>2.8</v>
      </c>
      <c r="E3188">
        <v>5596.44</v>
      </c>
      <c r="F3188">
        <v>64.439300000000003</v>
      </c>
    </row>
    <row r="3189" spans="1:6" x14ac:dyDescent="0.25">
      <c r="A3189">
        <v>142.26</v>
      </c>
      <c r="B3189">
        <v>175</v>
      </c>
      <c r="C3189">
        <v>3345.45</v>
      </c>
      <c r="D3189">
        <v>3.1</v>
      </c>
      <c r="E3189">
        <v>5526.72</v>
      </c>
      <c r="F3189">
        <v>64.329499999999996</v>
      </c>
    </row>
    <row r="3190" spans="1:6" x14ac:dyDescent="0.25">
      <c r="A3190">
        <v>142.26</v>
      </c>
      <c r="B3190">
        <v>175</v>
      </c>
      <c r="C3190">
        <v>3345.45</v>
      </c>
      <c r="D3190">
        <v>3.4</v>
      </c>
      <c r="E3190">
        <v>5418.86</v>
      </c>
      <c r="F3190">
        <v>66.709800000000001</v>
      </c>
    </row>
    <row r="3191" spans="1:6" x14ac:dyDescent="0.25">
      <c r="A3191">
        <v>142.26</v>
      </c>
      <c r="B3191">
        <v>175</v>
      </c>
      <c r="C3191">
        <v>3345.45</v>
      </c>
      <c r="D3191">
        <v>3.7</v>
      </c>
      <c r="E3191">
        <v>5348.39</v>
      </c>
      <c r="F3191">
        <v>67.592500000000001</v>
      </c>
    </row>
    <row r="3192" spans="1:6" x14ac:dyDescent="0.25">
      <c r="A3192">
        <v>142.26</v>
      </c>
      <c r="B3192">
        <v>175</v>
      </c>
      <c r="C3192">
        <v>3345.45</v>
      </c>
      <c r="D3192">
        <v>4</v>
      </c>
      <c r="E3192">
        <v>5398.88</v>
      </c>
      <c r="F3192">
        <v>69.784800000000004</v>
      </c>
    </row>
    <row r="3193" spans="1:6" x14ac:dyDescent="0.25">
      <c r="A3193">
        <v>142.26</v>
      </c>
      <c r="B3193">
        <v>175</v>
      </c>
      <c r="C3193">
        <v>4890.8999999999996</v>
      </c>
      <c r="D3193">
        <v>1</v>
      </c>
      <c r="E3193">
        <v>8203.69</v>
      </c>
      <c r="F3193">
        <v>11.8453</v>
      </c>
    </row>
    <row r="3194" spans="1:6" x14ac:dyDescent="0.25">
      <c r="A3194">
        <v>142.26</v>
      </c>
      <c r="B3194">
        <v>175</v>
      </c>
      <c r="C3194">
        <v>4890.8999999999996</v>
      </c>
      <c r="D3194">
        <v>1.3</v>
      </c>
      <c r="E3194">
        <v>7906.16</v>
      </c>
      <c r="F3194">
        <v>14.283200000000001</v>
      </c>
    </row>
    <row r="3195" spans="1:6" x14ac:dyDescent="0.25">
      <c r="A3195">
        <v>142.26</v>
      </c>
      <c r="B3195">
        <v>175</v>
      </c>
      <c r="C3195">
        <v>4890.8999999999996</v>
      </c>
      <c r="D3195">
        <v>1.6</v>
      </c>
      <c r="E3195">
        <v>7347.79</v>
      </c>
      <c r="F3195">
        <v>14.4618</v>
      </c>
    </row>
    <row r="3196" spans="1:6" x14ac:dyDescent="0.25">
      <c r="A3196">
        <v>142.26</v>
      </c>
      <c r="B3196">
        <v>175</v>
      </c>
      <c r="C3196">
        <v>4890.8999999999996</v>
      </c>
      <c r="D3196">
        <v>1.9</v>
      </c>
      <c r="E3196">
        <v>7131.17</v>
      </c>
      <c r="F3196">
        <v>17.672799999999999</v>
      </c>
    </row>
    <row r="3197" spans="1:6" x14ac:dyDescent="0.25">
      <c r="A3197">
        <v>142.26</v>
      </c>
      <c r="B3197">
        <v>175</v>
      </c>
      <c r="C3197">
        <v>4890.8999999999996</v>
      </c>
      <c r="D3197">
        <v>2.2000000000000002</v>
      </c>
      <c r="E3197">
        <v>6952.36</v>
      </c>
      <c r="F3197">
        <v>19.5017</v>
      </c>
    </row>
    <row r="3198" spans="1:6" x14ac:dyDescent="0.25">
      <c r="A3198">
        <v>142.26</v>
      </c>
      <c r="B3198">
        <v>175</v>
      </c>
      <c r="C3198">
        <v>4890.8999999999996</v>
      </c>
      <c r="D3198">
        <v>2.5</v>
      </c>
      <c r="E3198">
        <v>6830.05</v>
      </c>
      <c r="F3198">
        <v>22.316099999999999</v>
      </c>
    </row>
    <row r="3199" spans="1:6" x14ac:dyDescent="0.25">
      <c r="A3199">
        <v>142.26</v>
      </c>
      <c r="B3199">
        <v>175</v>
      </c>
      <c r="C3199">
        <v>4890.8999999999996</v>
      </c>
      <c r="D3199">
        <v>2.8</v>
      </c>
      <c r="E3199">
        <v>6911.02</v>
      </c>
      <c r="F3199">
        <v>24.320399999999999</v>
      </c>
    </row>
    <row r="3200" spans="1:6" x14ac:dyDescent="0.25">
      <c r="A3200">
        <v>142.26</v>
      </c>
      <c r="B3200">
        <v>175</v>
      </c>
      <c r="C3200">
        <v>4890.8999999999996</v>
      </c>
      <c r="D3200">
        <v>3.1</v>
      </c>
      <c r="E3200">
        <v>6642.38</v>
      </c>
      <c r="F3200">
        <v>25.6996</v>
      </c>
    </row>
    <row r="3201" spans="1:6" x14ac:dyDescent="0.25">
      <c r="A3201">
        <v>142.26</v>
      </c>
      <c r="B3201">
        <v>175</v>
      </c>
      <c r="C3201">
        <v>4890.8999999999996</v>
      </c>
      <c r="D3201">
        <v>3.4</v>
      </c>
      <c r="E3201">
        <v>6675.21</v>
      </c>
      <c r="F3201">
        <v>27.572299999999998</v>
      </c>
    </row>
    <row r="3202" spans="1:6" x14ac:dyDescent="0.25">
      <c r="A3202">
        <v>142.26</v>
      </c>
      <c r="B3202">
        <v>175</v>
      </c>
      <c r="C3202">
        <v>4890.8999999999996</v>
      </c>
      <c r="D3202">
        <v>3.7</v>
      </c>
      <c r="E3202">
        <v>6665.95</v>
      </c>
      <c r="F3202">
        <v>28.323799999999999</v>
      </c>
    </row>
    <row r="3203" spans="1:6" x14ac:dyDescent="0.25">
      <c r="A3203">
        <v>142.26</v>
      </c>
      <c r="B3203">
        <v>175</v>
      </c>
      <c r="C3203">
        <v>4890.8999999999996</v>
      </c>
      <c r="D3203">
        <v>4</v>
      </c>
      <c r="E3203">
        <v>6588.15</v>
      </c>
      <c r="F3203">
        <v>30.082999999999998</v>
      </c>
    </row>
    <row r="3204" spans="1:6" x14ac:dyDescent="0.25">
      <c r="A3204">
        <v>142.26</v>
      </c>
      <c r="B3204">
        <v>175</v>
      </c>
      <c r="C3204">
        <v>6436.35</v>
      </c>
      <c r="D3204">
        <v>1</v>
      </c>
      <c r="E3204">
        <v>10637.9</v>
      </c>
      <c r="F3204">
        <v>15.405200000000001</v>
      </c>
    </row>
    <row r="3205" spans="1:6" x14ac:dyDescent="0.25">
      <c r="A3205">
        <v>142.26</v>
      </c>
      <c r="B3205">
        <v>175</v>
      </c>
      <c r="C3205">
        <v>6436.35</v>
      </c>
      <c r="D3205">
        <v>1.3</v>
      </c>
      <c r="E3205">
        <v>9722.92</v>
      </c>
      <c r="F3205">
        <v>14.7537</v>
      </c>
    </row>
    <row r="3206" spans="1:6" x14ac:dyDescent="0.25">
      <c r="A3206">
        <v>142.26</v>
      </c>
      <c r="B3206">
        <v>175</v>
      </c>
      <c r="C3206">
        <v>6436.35</v>
      </c>
      <c r="D3206">
        <v>1.6</v>
      </c>
      <c r="E3206">
        <v>9386.94</v>
      </c>
      <c r="F3206">
        <v>14.1135</v>
      </c>
    </row>
    <row r="3207" spans="1:6" x14ac:dyDescent="0.25">
      <c r="A3207">
        <v>142.26</v>
      </c>
      <c r="B3207">
        <v>175</v>
      </c>
      <c r="C3207">
        <v>6436.35</v>
      </c>
      <c r="D3207">
        <v>1.9</v>
      </c>
      <c r="E3207">
        <v>8862.7199999999993</v>
      </c>
      <c r="F3207">
        <v>14.279400000000001</v>
      </c>
    </row>
    <row r="3208" spans="1:6" x14ac:dyDescent="0.25">
      <c r="A3208">
        <v>142.26</v>
      </c>
      <c r="B3208">
        <v>175</v>
      </c>
      <c r="C3208">
        <v>6436.35</v>
      </c>
      <c r="D3208">
        <v>2.2000000000000002</v>
      </c>
      <c r="E3208">
        <v>8786.5499999999993</v>
      </c>
      <c r="F3208">
        <v>15.9641</v>
      </c>
    </row>
    <row r="3209" spans="1:6" x14ac:dyDescent="0.25">
      <c r="A3209">
        <v>142.26</v>
      </c>
      <c r="B3209">
        <v>175</v>
      </c>
      <c r="C3209">
        <v>6436.35</v>
      </c>
      <c r="D3209">
        <v>2.5</v>
      </c>
      <c r="E3209">
        <v>8674.18</v>
      </c>
      <c r="F3209">
        <v>16.028099999999998</v>
      </c>
    </row>
    <row r="3210" spans="1:6" x14ac:dyDescent="0.25">
      <c r="A3210">
        <v>142.26</v>
      </c>
      <c r="B3210">
        <v>175</v>
      </c>
      <c r="C3210">
        <v>6436.35</v>
      </c>
      <c r="D3210">
        <v>2.8</v>
      </c>
      <c r="E3210">
        <v>8230.57</v>
      </c>
      <c r="F3210">
        <v>16.055</v>
      </c>
    </row>
    <row r="3211" spans="1:6" x14ac:dyDescent="0.25">
      <c r="A3211">
        <v>142.26</v>
      </c>
      <c r="B3211">
        <v>175</v>
      </c>
      <c r="C3211">
        <v>6436.35</v>
      </c>
      <c r="D3211">
        <v>3.1</v>
      </c>
      <c r="E3211">
        <v>8333.27</v>
      </c>
      <c r="F3211">
        <v>16.066299999999998</v>
      </c>
    </row>
    <row r="3212" spans="1:6" x14ac:dyDescent="0.25">
      <c r="A3212">
        <v>142.26</v>
      </c>
      <c r="B3212">
        <v>175</v>
      </c>
      <c r="C3212">
        <v>6436.35</v>
      </c>
      <c r="D3212">
        <v>3.4</v>
      </c>
      <c r="E3212">
        <v>8183.59</v>
      </c>
      <c r="F3212">
        <v>15.8484</v>
      </c>
    </row>
    <row r="3213" spans="1:6" x14ac:dyDescent="0.25">
      <c r="A3213">
        <v>142.26</v>
      </c>
      <c r="B3213">
        <v>175</v>
      </c>
      <c r="C3213">
        <v>6436.35</v>
      </c>
      <c r="D3213">
        <v>3.7</v>
      </c>
      <c r="E3213">
        <v>8055.64</v>
      </c>
      <c r="F3213">
        <v>15.674799999999999</v>
      </c>
    </row>
    <row r="3214" spans="1:6" x14ac:dyDescent="0.25">
      <c r="A3214">
        <v>142.26</v>
      </c>
      <c r="B3214">
        <v>175</v>
      </c>
      <c r="C3214">
        <v>6436.35</v>
      </c>
      <c r="D3214">
        <v>4</v>
      </c>
      <c r="E3214">
        <v>7944.38</v>
      </c>
      <c r="F3214">
        <v>15.530900000000001</v>
      </c>
    </row>
    <row r="3215" spans="1:6" x14ac:dyDescent="0.25">
      <c r="A3215">
        <v>142.26</v>
      </c>
      <c r="B3215">
        <v>175</v>
      </c>
      <c r="C3215">
        <v>7981.8</v>
      </c>
      <c r="D3215">
        <v>1</v>
      </c>
      <c r="E3215">
        <v>12059.7</v>
      </c>
      <c r="F3215">
        <v>15.405200000000001</v>
      </c>
    </row>
    <row r="3216" spans="1:6" x14ac:dyDescent="0.25">
      <c r="A3216">
        <v>142.26</v>
      </c>
      <c r="B3216">
        <v>175</v>
      </c>
      <c r="C3216">
        <v>7981.8</v>
      </c>
      <c r="D3216">
        <v>1.3</v>
      </c>
      <c r="E3216">
        <v>11111.4</v>
      </c>
      <c r="F3216">
        <v>16.369299999999999</v>
      </c>
    </row>
    <row r="3217" spans="1:6" x14ac:dyDescent="0.25">
      <c r="A3217">
        <v>142.26</v>
      </c>
      <c r="B3217">
        <v>175</v>
      </c>
      <c r="C3217">
        <v>7981.8</v>
      </c>
      <c r="D3217">
        <v>1.6</v>
      </c>
      <c r="E3217">
        <v>10536.6</v>
      </c>
      <c r="F3217">
        <v>16.450199999999999</v>
      </c>
    </row>
    <row r="3218" spans="1:6" x14ac:dyDescent="0.25">
      <c r="A3218">
        <v>142.26</v>
      </c>
      <c r="B3218">
        <v>175</v>
      </c>
      <c r="C3218">
        <v>7981.8</v>
      </c>
      <c r="D3218">
        <v>1.9</v>
      </c>
      <c r="E3218">
        <v>10296.700000000001</v>
      </c>
      <c r="F3218">
        <v>16.490600000000001</v>
      </c>
    </row>
    <row r="3219" spans="1:6" x14ac:dyDescent="0.25">
      <c r="A3219">
        <v>142.26</v>
      </c>
      <c r="B3219">
        <v>175</v>
      </c>
      <c r="C3219">
        <v>7981.8</v>
      </c>
      <c r="D3219">
        <v>2.2000000000000002</v>
      </c>
      <c r="E3219">
        <v>10266.799999999999</v>
      </c>
      <c r="F3219">
        <v>15.9641</v>
      </c>
    </row>
    <row r="3220" spans="1:6" x14ac:dyDescent="0.25">
      <c r="A3220">
        <v>142.26</v>
      </c>
      <c r="B3220">
        <v>175</v>
      </c>
      <c r="C3220">
        <v>7981.8</v>
      </c>
      <c r="D3220">
        <v>2.5</v>
      </c>
      <c r="E3220">
        <v>10144.5</v>
      </c>
      <c r="F3220">
        <v>16.028099999999998</v>
      </c>
    </row>
    <row r="3221" spans="1:6" x14ac:dyDescent="0.25">
      <c r="A3221">
        <v>142.26</v>
      </c>
      <c r="B3221">
        <v>175</v>
      </c>
      <c r="C3221">
        <v>7981.8</v>
      </c>
      <c r="D3221">
        <v>2.8</v>
      </c>
      <c r="E3221">
        <v>9941.25</v>
      </c>
      <c r="F3221">
        <v>16.055</v>
      </c>
    </row>
    <row r="3222" spans="1:6" x14ac:dyDescent="0.25">
      <c r="A3222">
        <v>142.26</v>
      </c>
      <c r="B3222">
        <v>175</v>
      </c>
      <c r="C3222">
        <v>7981.8</v>
      </c>
      <c r="D3222">
        <v>3.1</v>
      </c>
      <c r="E3222">
        <v>9776.5300000000007</v>
      </c>
      <c r="F3222">
        <v>16.077300000000001</v>
      </c>
    </row>
    <row r="3223" spans="1:6" x14ac:dyDescent="0.25">
      <c r="A3223">
        <v>142.26</v>
      </c>
      <c r="B3223">
        <v>175</v>
      </c>
      <c r="C3223">
        <v>7981.8</v>
      </c>
      <c r="D3223">
        <v>3.4</v>
      </c>
      <c r="E3223">
        <v>9639.23</v>
      </c>
      <c r="F3223">
        <v>16.081800000000001</v>
      </c>
    </row>
    <row r="3224" spans="1:6" x14ac:dyDescent="0.25">
      <c r="A3224">
        <v>142.26</v>
      </c>
      <c r="B3224">
        <v>175</v>
      </c>
      <c r="C3224">
        <v>7981.8</v>
      </c>
      <c r="D3224">
        <v>3.7</v>
      </c>
      <c r="E3224">
        <v>9779.67</v>
      </c>
      <c r="F3224">
        <v>16.085699999999999</v>
      </c>
    </row>
    <row r="3225" spans="1:6" x14ac:dyDescent="0.25">
      <c r="A3225">
        <v>142.26</v>
      </c>
      <c r="B3225">
        <v>175</v>
      </c>
      <c r="C3225">
        <v>7981.8</v>
      </c>
      <c r="D3225">
        <v>4</v>
      </c>
      <c r="E3225">
        <v>9762.02</v>
      </c>
      <c r="F3225">
        <v>16.075900000000001</v>
      </c>
    </row>
    <row r="3226" spans="1:6" x14ac:dyDescent="0.25">
      <c r="A3226">
        <v>142.26</v>
      </c>
      <c r="B3226">
        <v>175</v>
      </c>
      <c r="C3226">
        <v>9527.25</v>
      </c>
      <c r="D3226">
        <v>1</v>
      </c>
      <c r="E3226">
        <v>13613.8</v>
      </c>
      <c r="F3226">
        <v>15.405200000000001</v>
      </c>
    </row>
    <row r="3227" spans="1:6" x14ac:dyDescent="0.25">
      <c r="A3227">
        <v>142.26</v>
      </c>
      <c r="B3227">
        <v>175</v>
      </c>
      <c r="C3227">
        <v>9527.25</v>
      </c>
      <c r="D3227">
        <v>1.3</v>
      </c>
      <c r="E3227">
        <v>12749.6</v>
      </c>
      <c r="F3227">
        <v>16.369299999999999</v>
      </c>
    </row>
    <row r="3228" spans="1:6" x14ac:dyDescent="0.25">
      <c r="A3228">
        <v>142.26</v>
      </c>
      <c r="B3228">
        <v>175</v>
      </c>
      <c r="C3228">
        <v>9527.25</v>
      </c>
      <c r="D3228">
        <v>1.6</v>
      </c>
      <c r="E3228">
        <v>12292.3</v>
      </c>
      <c r="F3228">
        <v>16.450199999999999</v>
      </c>
    </row>
    <row r="3229" spans="1:6" x14ac:dyDescent="0.25">
      <c r="A3229">
        <v>142.26</v>
      </c>
      <c r="B3229">
        <v>175</v>
      </c>
      <c r="C3229">
        <v>9527.25</v>
      </c>
      <c r="D3229">
        <v>1.9</v>
      </c>
      <c r="E3229">
        <v>11941.5</v>
      </c>
      <c r="F3229">
        <v>16.490600000000001</v>
      </c>
    </row>
    <row r="3230" spans="1:6" x14ac:dyDescent="0.25">
      <c r="A3230">
        <v>142.26</v>
      </c>
      <c r="B3230">
        <v>175</v>
      </c>
      <c r="C3230">
        <v>9527.25</v>
      </c>
      <c r="D3230">
        <v>2.2000000000000002</v>
      </c>
      <c r="E3230">
        <v>11882.8</v>
      </c>
      <c r="F3230">
        <v>15.9641</v>
      </c>
    </row>
    <row r="3231" spans="1:6" x14ac:dyDescent="0.25">
      <c r="A3231">
        <v>142.26</v>
      </c>
      <c r="B3231">
        <v>175</v>
      </c>
      <c r="C3231">
        <v>9527.25</v>
      </c>
      <c r="D3231">
        <v>2.5</v>
      </c>
      <c r="E3231">
        <v>11729.4</v>
      </c>
      <c r="F3231">
        <v>16.028099999999998</v>
      </c>
    </row>
    <row r="3232" spans="1:6" x14ac:dyDescent="0.25">
      <c r="A3232">
        <v>142.26</v>
      </c>
      <c r="B3232">
        <v>175</v>
      </c>
      <c r="C3232">
        <v>9527.25</v>
      </c>
      <c r="D3232">
        <v>2.8</v>
      </c>
      <c r="E3232">
        <v>11494</v>
      </c>
      <c r="F3232">
        <v>16.055</v>
      </c>
    </row>
    <row r="3233" spans="1:6" x14ac:dyDescent="0.25">
      <c r="A3233">
        <v>142.26</v>
      </c>
      <c r="B3233">
        <v>175</v>
      </c>
      <c r="C3233">
        <v>9527.25</v>
      </c>
      <c r="D3233">
        <v>3.1</v>
      </c>
      <c r="E3233">
        <v>11638.3</v>
      </c>
      <c r="F3233">
        <v>16.077300000000001</v>
      </c>
    </row>
    <row r="3234" spans="1:6" x14ac:dyDescent="0.25">
      <c r="A3234">
        <v>142.26</v>
      </c>
      <c r="B3234">
        <v>175</v>
      </c>
      <c r="C3234">
        <v>9527.25</v>
      </c>
      <c r="D3234">
        <v>3.4</v>
      </c>
      <c r="E3234">
        <v>11456.4</v>
      </c>
      <c r="F3234">
        <v>16.081800000000001</v>
      </c>
    </row>
    <row r="3235" spans="1:6" x14ac:dyDescent="0.25">
      <c r="A3235">
        <v>142.26</v>
      </c>
      <c r="B3235">
        <v>175</v>
      </c>
      <c r="C3235">
        <v>9527.25</v>
      </c>
      <c r="D3235">
        <v>3.7</v>
      </c>
      <c r="E3235">
        <v>11302.7</v>
      </c>
      <c r="F3235">
        <v>16.085699999999999</v>
      </c>
    </row>
    <row r="3236" spans="1:6" x14ac:dyDescent="0.25">
      <c r="A3236">
        <v>142.26</v>
      </c>
      <c r="B3236">
        <v>175</v>
      </c>
      <c r="C3236">
        <v>9527.25</v>
      </c>
      <c r="D3236">
        <v>4</v>
      </c>
      <c r="E3236">
        <v>11170.4</v>
      </c>
      <c r="F3236">
        <v>16.075900000000001</v>
      </c>
    </row>
    <row r="3237" spans="1:6" x14ac:dyDescent="0.25">
      <c r="A3237">
        <v>142.26</v>
      </c>
      <c r="B3237">
        <v>175</v>
      </c>
      <c r="C3237">
        <v>11072.7</v>
      </c>
      <c r="D3237">
        <v>1</v>
      </c>
      <c r="E3237">
        <v>15170</v>
      </c>
      <c r="F3237">
        <v>15.405200000000001</v>
      </c>
    </row>
    <row r="3238" spans="1:6" x14ac:dyDescent="0.25">
      <c r="A3238">
        <v>142.26</v>
      </c>
      <c r="B3238">
        <v>175</v>
      </c>
      <c r="C3238">
        <v>11072.7</v>
      </c>
      <c r="D3238">
        <v>1.3</v>
      </c>
      <c r="E3238">
        <v>14151.7</v>
      </c>
      <c r="F3238">
        <v>16.369299999999999</v>
      </c>
    </row>
    <row r="3239" spans="1:6" x14ac:dyDescent="0.25">
      <c r="A3239">
        <v>142.26</v>
      </c>
      <c r="B3239">
        <v>175</v>
      </c>
      <c r="C3239">
        <v>11072.7</v>
      </c>
      <c r="D3239">
        <v>1.6</v>
      </c>
      <c r="E3239">
        <v>13520.4</v>
      </c>
      <c r="F3239">
        <v>16.450199999999999</v>
      </c>
    </row>
    <row r="3240" spans="1:6" x14ac:dyDescent="0.25">
      <c r="A3240">
        <v>142.26</v>
      </c>
      <c r="B3240">
        <v>175</v>
      </c>
      <c r="C3240">
        <v>11072.7</v>
      </c>
      <c r="D3240">
        <v>1.9</v>
      </c>
      <c r="E3240">
        <v>13271</v>
      </c>
      <c r="F3240">
        <v>16.490600000000001</v>
      </c>
    </row>
    <row r="3241" spans="1:6" x14ac:dyDescent="0.25">
      <c r="A3241">
        <v>142.26</v>
      </c>
      <c r="B3241">
        <v>175</v>
      </c>
      <c r="C3241">
        <v>11072.7</v>
      </c>
      <c r="D3241">
        <v>2.2000000000000002</v>
      </c>
      <c r="E3241">
        <v>13626.6</v>
      </c>
      <c r="F3241">
        <v>15.9641</v>
      </c>
    </row>
    <row r="3242" spans="1:6" x14ac:dyDescent="0.25">
      <c r="A3242">
        <v>142.26</v>
      </c>
      <c r="B3242">
        <v>175</v>
      </c>
      <c r="C3242">
        <v>11072.7</v>
      </c>
      <c r="D3242">
        <v>2.5</v>
      </c>
      <c r="E3242">
        <v>13202.5</v>
      </c>
      <c r="F3242">
        <v>16.028099999999998</v>
      </c>
    </row>
    <row r="3243" spans="1:6" x14ac:dyDescent="0.25">
      <c r="A3243">
        <v>142.26</v>
      </c>
      <c r="B3243">
        <v>175</v>
      </c>
      <c r="C3243">
        <v>11072.7</v>
      </c>
      <c r="D3243">
        <v>2.8</v>
      </c>
      <c r="E3243">
        <v>13336</v>
      </c>
      <c r="F3243">
        <v>16.055</v>
      </c>
    </row>
    <row r="3244" spans="1:6" x14ac:dyDescent="0.25">
      <c r="A3244">
        <v>142.26</v>
      </c>
      <c r="B3244">
        <v>175</v>
      </c>
      <c r="C3244">
        <v>11072.7</v>
      </c>
      <c r="D3244">
        <v>3.1</v>
      </c>
      <c r="E3244">
        <v>13116.8</v>
      </c>
      <c r="F3244">
        <v>16.077300000000001</v>
      </c>
    </row>
    <row r="3245" spans="1:6" x14ac:dyDescent="0.25">
      <c r="A3245">
        <v>142.26</v>
      </c>
      <c r="B3245">
        <v>175</v>
      </c>
      <c r="C3245">
        <v>11072.7</v>
      </c>
      <c r="D3245">
        <v>3.4</v>
      </c>
      <c r="E3245">
        <v>12937.3</v>
      </c>
      <c r="F3245">
        <v>16.081800000000001</v>
      </c>
    </row>
    <row r="3246" spans="1:6" x14ac:dyDescent="0.25">
      <c r="A3246">
        <v>142.26</v>
      </c>
      <c r="B3246">
        <v>175</v>
      </c>
      <c r="C3246">
        <v>11072.7</v>
      </c>
      <c r="D3246">
        <v>3.7</v>
      </c>
      <c r="E3246">
        <v>12787.1</v>
      </c>
      <c r="F3246">
        <v>16.085699999999999</v>
      </c>
    </row>
    <row r="3247" spans="1:6" x14ac:dyDescent="0.25">
      <c r="A3247">
        <v>142.26</v>
      </c>
      <c r="B3247">
        <v>175</v>
      </c>
      <c r="C3247">
        <v>11072.7</v>
      </c>
      <c r="D3247">
        <v>4</v>
      </c>
      <c r="E3247">
        <v>12773.8</v>
      </c>
      <c r="F3247">
        <v>16.075900000000001</v>
      </c>
    </row>
    <row r="3248" spans="1:6" x14ac:dyDescent="0.25">
      <c r="A3248">
        <v>142.26</v>
      </c>
      <c r="B3248">
        <v>175</v>
      </c>
      <c r="C3248">
        <v>12618.2</v>
      </c>
      <c r="D3248">
        <v>1</v>
      </c>
      <c r="E3248">
        <v>16514.900000000001</v>
      </c>
      <c r="F3248">
        <v>15.405200000000001</v>
      </c>
    </row>
    <row r="3249" spans="1:6" x14ac:dyDescent="0.25">
      <c r="A3249">
        <v>142.26</v>
      </c>
      <c r="B3249">
        <v>175</v>
      </c>
      <c r="C3249">
        <v>12618.2</v>
      </c>
      <c r="D3249">
        <v>1.3</v>
      </c>
      <c r="E3249">
        <v>15774.7</v>
      </c>
      <c r="F3249">
        <v>16.369299999999999</v>
      </c>
    </row>
    <row r="3250" spans="1:6" x14ac:dyDescent="0.25">
      <c r="A3250">
        <v>142.26</v>
      </c>
      <c r="B3250">
        <v>175</v>
      </c>
      <c r="C3250">
        <v>12618.2</v>
      </c>
      <c r="D3250">
        <v>1.6</v>
      </c>
      <c r="E3250">
        <v>15167.9</v>
      </c>
      <c r="F3250">
        <v>16.450199999999999</v>
      </c>
    </row>
    <row r="3251" spans="1:6" x14ac:dyDescent="0.25">
      <c r="A3251">
        <v>142.26</v>
      </c>
      <c r="B3251">
        <v>175</v>
      </c>
      <c r="C3251">
        <v>12618.2</v>
      </c>
      <c r="D3251">
        <v>1.9</v>
      </c>
      <c r="E3251">
        <v>14948.4</v>
      </c>
      <c r="F3251">
        <v>16.490600000000001</v>
      </c>
    </row>
    <row r="3252" spans="1:6" x14ac:dyDescent="0.25">
      <c r="A3252">
        <v>142.26</v>
      </c>
      <c r="B3252">
        <v>175</v>
      </c>
      <c r="C3252">
        <v>12618.2</v>
      </c>
      <c r="D3252">
        <v>2.2000000000000002</v>
      </c>
      <c r="E3252">
        <v>15026</v>
      </c>
      <c r="F3252">
        <v>15.9641</v>
      </c>
    </row>
    <row r="3253" spans="1:6" x14ac:dyDescent="0.25">
      <c r="A3253">
        <v>142.26</v>
      </c>
      <c r="B3253">
        <v>175</v>
      </c>
      <c r="C3253">
        <v>12618.2</v>
      </c>
      <c r="D3253">
        <v>2.5</v>
      </c>
      <c r="E3253">
        <v>14872.6</v>
      </c>
      <c r="F3253">
        <v>16.028099999999998</v>
      </c>
    </row>
    <row r="3254" spans="1:6" x14ac:dyDescent="0.25">
      <c r="A3254">
        <v>142.26</v>
      </c>
      <c r="B3254">
        <v>175</v>
      </c>
      <c r="C3254">
        <v>12618.2</v>
      </c>
      <c r="D3254">
        <v>2.8</v>
      </c>
      <c r="E3254">
        <v>14641.6</v>
      </c>
      <c r="F3254">
        <v>16.055</v>
      </c>
    </row>
    <row r="3255" spans="1:6" x14ac:dyDescent="0.25">
      <c r="A3255">
        <v>142.26</v>
      </c>
      <c r="B3255">
        <v>175</v>
      </c>
      <c r="C3255">
        <v>12618.2</v>
      </c>
      <c r="D3255">
        <v>3.1</v>
      </c>
      <c r="E3255">
        <v>14459.6</v>
      </c>
      <c r="F3255">
        <v>16.077300000000001</v>
      </c>
    </row>
    <row r="3256" spans="1:6" x14ac:dyDescent="0.25">
      <c r="A3256">
        <v>142.26</v>
      </c>
      <c r="B3256">
        <v>175</v>
      </c>
      <c r="C3256">
        <v>12618.2</v>
      </c>
      <c r="D3256">
        <v>3.4</v>
      </c>
      <c r="E3256">
        <v>14459.2</v>
      </c>
      <c r="F3256">
        <v>16.081800000000001</v>
      </c>
    </row>
    <row r="3257" spans="1:6" x14ac:dyDescent="0.25">
      <c r="A3257">
        <v>142.26</v>
      </c>
      <c r="B3257">
        <v>175</v>
      </c>
      <c r="C3257">
        <v>12618.2</v>
      </c>
      <c r="D3257">
        <v>3.7</v>
      </c>
      <c r="E3257">
        <v>14463.5</v>
      </c>
      <c r="F3257">
        <v>16.085699999999999</v>
      </c>
    </row>
    <row r="3258" spans="1:6" x14ac:dyDescent="0.25">
      <c r="A3258">
        <v>142.26</v>
      </c>
      <c r="B3258">
        <v>175</v>
      </c>
      <c r="C3258">
        <v>12618.2</v>
      </c>
      <c r="D3258">
        <v>4</v>
      </c>
      <c r="E3258">
        <v>14308.2</v>
      </c>
      <c r="F3258">
        <v>16.075900000000001</v>
      </c>
    </row>
    <row r="3259" spans="1:6" x14ac:dyDescent="0.25">
      <c r="A3259">
        <v>142.26</v>
      </c>
      <c r="B3259">
        <v>175</v>
      </c>
      <c r="C3259">
        <v>14163.6</v>
      </c>
      <c r="D3259">
        <v>1</v>
      </c>
      <c r="E3259">
        <v>18205.099999999999</v>
      </c>
      <c r="F3259">
        <v>15.405200000000001</v>
      </c>
    </row>
    <row r="3260" spans="1:6" x14ac:dyDescent="0.25">
      <c r="A3260">
        <v>142.26</v>
      </c>
      <c r="B3260">
        <v>175</v>
      </c>
      <c r="C3260">
        <v>14163.6</v>
      </c>
      <c r="D3260">
        <v>1.3</v>
      </c>
      <c r="E3260">
        <v>17474.5</v>
      </c>
      <c r="F3260">
        <v>16.369299999999999</v>
      </c>
    </row>
    <row r="3261" spans="1:6" x14ac:dyDescent="0.25">
      <c r="A3261">
        <v>142.26</v>
      </c>
      <c r="B3261">
        <v>175</v>
      </c>
      <c r="C3261">
        <v>14163.6</v>
      </c>
      <c r="D3261">
        <v>1.6</v>
      </c>
      <c r="E3261">
        <v>16928.8</v>
      </c>
      <c r="F3261">
        <v>16.450199999999999</v>
      </c>
    </row>
    <row r="3262" spans="1:6" x14ac:dyDescent="0.25">
      <c r="A3262">
        <v>142.26</v>
      </c>
      <c r="B3262">
        <v>175</v>
      </c>
      <c r="C3262">
        <v>14163.6</v>
      </c>
      <c r="D3262">
        <v>1.9</v>
      </c>
      <c r="E3262">
        <v>16386.8</v>
      </c>
      <c r="F3262">
        <v>16.490600000000001</v>
      </c>
    </row>
    <row r="3263" spans="1:6" x14ac:dyDescent="0.25">
      <c r="A3263">
        <v>142.26</v>
      </c>
      <c r="B3263">
        <v>175</v>
      </c>
      <c r="C3263">
        <v>14163.6</v>
      </c>
      <c r="D3263">
        <v>2.2000000000000002</v>
      </c>
      <c r="E3263">
        <v>16592.599999999999</v>
      </c>
      <c r="F3263">
        <v>15.9641</v>
      </c>
    </row>
    <row r="3264" spans="1:6" x14ac:dyDescent="0.25">
      <c r="A3264">
        <v>142.26</v>
      </c>
      <c r="B3264">
        <v>175</v>
      </c>
      <c r="C3264">
        <v>14163.6</v>
      </c>
      <c r="D3264">
        <v>2.5</v>
      </c>
      <c r="E3264">
        <v>16409.8</v>
      </c>
      <c r="F3264">
        <v>16.028099999999998</v>
      </c>
    </row>
    <row r="3265" spans="1:6" x14ac:dyDescent="0.25">
      <c r="A3265">
        <v>142.26</v>
      </c>
      <c r="B3265">
        <v>175</v>
      </c>
      <c r="C3265">
        <v>14163.6</v>
      </c>
      <c r="D3265">
        <v>2.8</v>
      </c>
      <c r="E3265">
        <v>16197.9</v>
      </c>
      <c r="F3265">
        <v>16.055</v>
      </c>
    </row>
    <row r="3266" spans="1:6" x14ac:dyDescent="0.25">
      <c r="A3266">
        <v>142.26</v>
      </c>
      <c r="B3266">
        <v>175</v>
      </c>
      <c r="C3266">
        <v>14163.6</v>
      </c>
      <c r="D3266">
        <v>3.1</v>
      </c>
      <c r="E3266">
        <v>16026.1</v>
      </c>
      <c r="F3266">
        <v>16.077300000000001</v>
      </c>
    </row>
    <row r="3267" spans="1:6" x14ac:dyDescent="0.25">
      <c r="A3267">
        <v>142.26</v>
      </c>
      <c r="B3267">
        <v>175</v>
      </c>
      <c r="C3267">
        <v>14163.6</v>
      </c>
      <c r="D3267">
        <v>3.4</v>
      </c>
      <c r="E3267">
        <v>16113.1</v>
      </c>
      <c r="F3267">
        <v>16.081800000000001</v>
      </c>
    </row>
    <row r="3268" spans="1:6" x14ac:dyDescent="0.25">
      <c r="A3268">
        <v>142.26</v>
      </c>
      <c r="B3268">
        <v>175</v>
      </c>
      <c r="C3268">
        <v>14163.6</v>
      </c>
      <c r="D3268">
        <v>3.7</v>
      </c>
      <c r="E3268">
        <v>15980.7</v>
      </c>
      <c r="F3268">
        <v>16.085699999999999</v>
      </c>
    </row>
    <row r="3269" spans="1:6" x14ac:dyDescent="0.25">
      <c r="A3269">
        <v>142.26</v>
      </c>
      <c r="B3269">
        <v>175</v>
      </c>
      <c r="C3269">
        <v>14163.6</v>
      </c>
      <c r="D3269">
        <v>4</v>
      </c>
      <c r="E3269">
        <v>15848.4</v>
      </c>
      <c r="F3269">
        <v>16.075900000000001</v>
      </c>
    </row>
    <row r="3270" spans="1:6" x14ac:dyDescent="0.25">
      <c r="A3270">
        <v>142.26</v>
      </c>
      <c r="B3270">
        <v>175</v>
      </c>
      <c r="C3270">
        <v>15709.1</v>
      </c>
      <c r="D3270">
        <v>1</v>
      </c>
      <c r="E3270">
        <v>19648.8</v>
      </c>
      <c r="F3270">
        <v>15.405200000000001</v>
      </c>
    </row>
    <row r="3271" spans="1:6" x14ac:dyDescent="0.25">
      <c r="A3271">
        <v>142.26</v>
      </c>
      <c r="B3271">
        <v>175</v>
      </c>
      <c r="C3271">
        <v>15709.1</v>
      </c>
      <c r="D3271">
        <v>1.3</v>
      </c>
      <c r="E3271">
        <v>19004.8</v>
      </c>
      <c r="F3271">
        <v>16.369299999999999</v>
      </c>
    </row>
    <row r="3272" spans="1:6" x14ac:dyDescent="0.25">
      <c r="A3272">
        <v>142.26</v>
      </c>
      <c r="B3272">
        <v>175</v>
      </c>
      <c r="C3272">
        <v>15709.1</v>
      </c>
      <c r="D3272">
        <v>1.6</v>
      </c>
      <c r="E3272">
        <v>18306</v>
      </c>
      <c r="F3272">
        <v>16.450199999999999</v>
      </c>
    </row>
    <row r="3273" spans="1:6" x14ac:dyDescent="0.25">
      <c r="A3273">
        <v>142.26</v>
      </c>
      <c r="B3273">
        <v>175</v>
      </c>
      <c r="C3273">
        <v>15709.1</v>
      </c>
      <c r="D3273">
        <v>1.9</v>
      </c>
      <c r="E3273">
        <v>17972.8</v>
      </c>
      <c r="F3273">
        <v>16.490600000000001</v>
      </c>
    </row>
    <row r="3274" spans="1:6" x14ac:dyDescent="0.25">
      <c r="A3274">
        <v>142.26</v>
      </c>
      <c r="B3274">
        <v>175</v>
      </c>
      <c r="C3274">
        <v>15709.1</v>
      </c>
      <c r="D3274">
        <v>2.2000000000000002</v>
      </c>
      <c r="E3274">
        <v>18251</v>
      </c>
      <c r="F3274">
        <v>15.9641</v>
      </c>
    </row>
    <row r="3275" spans="1:6" x14ac:dyDescent="0.25">
      <c r="A3275">
        <v>142.26</v>
      </c>
      <c r="B3275">
        <v>175</v>
      </c>
      <c r="C3275">
        <v>15709.1</v>
      </c>
      <c r="D3275">
        <v>2.5</v>
      </c>
      <c r="E3275">
        <v>17896.900000000001</v>
      </c>
      <c r="F3275">
        <v>16.028099999999998</v>
      </c>
    </row>
    <row r="3276" spans="1:6" x14ac:dyDescent="0.25">
      <c r="A3276">
        <v>142.26</v>
      </c>
      <c r="B3276">
        <v>175</v>
      </c>
      <c r="C3276">
        <v>15709.1</v>
      </c>
      <c r="D3276">
        <v>2.8</v>
      </c>
      <c r="E3276">
        <v>17718.400000000001</v>
      </c>
      <c r="F3276">
        <v>16.055</v>
      </c>
    </row>
    <row r="3277" spans="1:6" x14ac:dyDescent="0.25">
      <c r="A3277">
        <v>142.26</v>
      </c>
      <c r="B3277">
        <v>175</v>
      </c>
      <c r="C3277">
        <v>15709.1</v>
      </c>
      <c r="D3277">
        <v>3.1</v>
      </c>
      <c r="E3277">
        <v>17534.7</v>
      </c>
      <c r="F3277">
        <v>16.077300000000001</v>
      </c>
    </row>
    <row r="3278" spans="1:6" x14ac:dyDescent="0.25">
      <c r="A3278">
        <v>142.26</v>
      </c>
      <c r="B3278">
        <v>175</v>
      </c>
      <c r="C3278">
        <v>15709.1</v>
      </c>
      <c r="D3278">
        <v>3.4</v>
      </c>
      <c r="E3278">
        <v>17589.599999999999</v>
      </c>
      <c r="F3278">
        <v>16.081800000000001</v>
      </c>
    </row>
    <row r="3279" spans="1:6" x14ac:dyDescent="0.25">
      <c r="A3279">
        <v>142.26</v>
      </c>
      <c r="B3279">
        <v>175</v>
      </c>
      <c r="C3279">
        <v>15709.1</v>
      </c>
      <c r="D3279">
        <v>3.7</v>
      </c>
      <c r="E3279">
        <v>17474.599999999999</v>
      </c>
      <c r="F3279">
        <v>16.085699999999999</v>
      </c>
    </row>
    <row r="3280" spans="1:6" x14ac:dyDescent="0.25">
      <c r="A3280">
        <v>142.26</v>
      </c>
      <c r="B3280">
        <v>175</v>
      </c>
      <c r="C3280">
        <v>15709.1</v>
      </c>
      <c r="D3280">
        <v>4</v>
      </c>
      <c r="E3280">
        <v>17387.2</v>
      </c>
      <c r="F3280">
        <v>16.075900000000001</v>
      </c>
    </row>
    <row r="3281" spans="1:6" x14ac:dyDescent="0.25">
      <c r="A3281">
        <v>142.26</v>
      </c>
      <c r="B3281">
        <v>175</v>
      </c>
      <c r="C3281">
        <v>17254.5</v>
      </c>
      <c r="D3281">
        <v>1</v>
      </c>
      <c r="E3281">
        <v>21074</v>
      </c>
      <c r="F3281">
        <v>15.405200000000001</v>
      </c>
    </row>
    <row r="3282" spans="1:6" x14ac:dyDescent="0.25">
      <c r="A3282">
        <v>142.26</v>
      </c>
      <c r="B3282">
        <v>175</v>
      </c>
      <c r="C3282">
        <v>17254.5</v>
      </c>
      <c r="D3282">
        <v>1.3</v>
      </c>
      <c r="E3282">
        <v>20651.2</v>
      </c>
      <c r="F3282">
        <v>16.369299999999999</v>
      </c>
    </row>
    <row r="3283" spans="1:6" x14ac:dyDescent="0.25">
      <c r="A3283">
        <v>142.26</v>
      </c>
      <c r="B3283">
        <v>175</v>
      </c>
      <c r="C3283">
        <v>17254.5</v>
      </c>
      <c r="D3283">
        <v>1.6</v>
      </c>
      <c r="E3283">
        <v>19870.2</v>
      </c>
      <c r="F3283">
        <v>16.450199999999999</v>
      </c>
    </row>
    <row r="3284" spans="1:6" x14ac:dyDescent="0.25">
      <c r="A3284">
        <v>142.26</v>
      </c>
      <c r="B3284">
        <v>175</v>
      </c>
      <c r="C3284">
        <v>17254.5</v>
      </c>
      <c r="D3284">
        <v>1.9</v>
      </c>
      <c r="E3284">
        <v>19512.599999999999</v>
      </c>
      <c r="F3284">
        <v>16.490600000000001</v>
      </c>
    </row>
    <row r="3285" spans="1:6" x14ac:dyDescent="0.25">
      <c r="A3285">
        <v>142.26</v>
      </c>
      <c r="B3285">
        <v>175</v>
      </c>
      <c r="C3285">
        <v>17254.5</v>
      </c>
      <c r="D3285">
        <v>2.2000000000000002</v>
      </c>
      <c r="E3285">
        <v>19632</v>
      </c>
      <c r="F3285">
        <v>15.9641</v>
      </c>
    </row>
    <row r="3286" spans="1:6" x14ac:dyDescent="0.25">
      <c r="A3286">
        <v>142.26</v>
      </c>
      <c r="B3286">
        <v>175</v>
      </c>
      <c r="C3286">
        <v>17254.5</v>
      </c>
      <c r="D3286">
        <v>2.5</v>
      </c>
      <c r="E3286">
        <v>19361.8</v>
      </c>
      <c r="F3286">
        <v>16.028099999999998</v>
      </c>
    </row>
    <row r="3287" spans="1:6" x14ac:dyDescent="0.25">
      <c r="A3287">
        <v>142.26</v>
      </c>
      <c r="B3287">
        <v>175</v>
      </c>
      <c r="C3287">
        <v>17254.5</v>
      </c>
      <c r="D3287">
        <v>2.8</v>
      </c>
      <c r="E3287">
        <v>19253.7</v>
      </c>
      <c r="F3287">
        <v>16.055</v>
      </c>
    </row>
    <row r="3288" spans="1:6" x14ac:dyDescent="0.25">
      <c r="A3288">
        <v>142.26</v>
      </c>
      <c r="B3288">
        <v>175</v>
      </c>
      <c r="C3288">
        <v>17254.5</v>
      </c>
      <c r="D3288">
        <v>3.1</v>
      </c>
      <c r="E3288">
        <v>19388.3</v>
      </c>
      <c r="F3288">
        <v>16.077300000000001</v>
      </c>
    </row>
    <row r="3289" spans="1:6" x14ac:dyDescent="0.25">
      <c r="A3289">
        <v>142.26</v>
      </c>
      <c r="B3289">
        <v>175</v>
      </c>
      <c r="C3289">
        <v>17254.5</v>
      </c>
      <c r="D3289">
        <v>3.4</v>
      </c>
      <c r="E3289">
        <v>18975</v>
      </c>
      <c r="F3289">
        <v>16.081800000000001</v>
      </c>
    </row>
    <row r="3290" spans="1:6" x14ac:dyDescent="0.25">
      <c r="A3290">
        <v>142.26</v>
      </c>
      <c r="B3290">
        <v>175</v>
      </c>
      <c r="C3290">
        <v>17254.5</v>
      </c>
      <c r="D3290">
        <v>3.7</v>
      </c>
      <c r="E3290">
        <v>19103</v>
      </c>
      <c r="F3290">
        <v>16.085699999999999</v>
      </c>
    </row>
    <row r="3291" spans="1:6" x14ac:dyDescent="0.25">
      <c r="A3291">
        <v>142.26</v>
      </c>
      <c r="B3291">
        <v>175</v>
      </c>
      <c r="C3291">
        <v>17254.5</v>
      </c>
      <c r="D3291">
        <v>4</v>
      </c>
      <c r="E3291">
        <v>18955.7</v>
      </c>
      <c r="F3291">
        <v>16.075900000000001</v>
      </c>
    </row>
    <row r="3292" spans="1:6" x14ac:dyDescent="0.25">
      <c r="A3292">
        <v>142.26</v>
      </c>
      <c r="B3292">
        <v>175</v>
      </c>
      <c r="C3292">
        <v>18800</v>
      </c>
      <c r="D3292">
        <v>1</v>
      </c>
      <c r="E3292">
        <v>23184.3</v>
      </c>
      <c r="F3292">
        <v>15.405200000000001</v>
      </c>
    </row>
    <row r="3293" spans="1:6" x14ac:dyDescent="0.25">
      <c r="A3293">
        <v>142.26</v>
      </c>
      <c r="B3293">
        <v>175</v>
      </c>
      <c r="C3293">
        <v>18800</v>
      </c>
      <c r="D3293">
        <v>1.3</v>
      </c>
      <c r="E3293">
        <v>22048.6</v>
      </c>
      <c r="F3293">
        <v>16.369299999999999</v>
      </c>
    </row>
    <row r="3294" spans="1:6" x14ac:dyDescent="0.25">
      <c r="A3294">
        <v>142.26</v>
      </c>
      <c r="B3294">
        <v>175</v>
      </c>
      <c r="C3294">
        <v>18800</v>
      </c>
      <c r="D3294">
        <v>1.6</v>
      </c>
      <c r="E3294">
        <v>21502.3</v>
      </c>
      <c r="F3294">
        <v>16.450199999999999</v>
      </c>
    </row>
    <row r="3295" spans="1:6" x14ac:dyDescent="0.25">
      <c r="A3295">
        <v>142.26</v>
      </c>
      <c r="B3295">
        <v>175</v>
      </c>
      <c r="C3295">
        <v>18800</v>
      </c>
      <c r="D3295">
        <v>1.9</v>
      </c>
      <c r="E3295">
        <v>21093.8</v>
      </c>
      <c r="F3295">
        <v>16.490600000000001</v>
      </c>
    </row>
    <row r="3296" spans="1:6" x14ac:dyDescent="0.25">
      <c r="A3296">
        <v>142.26</v>
      </c>
      <c r="B3296">
        <v>175</v>
      </c>
      <c r="C3296">
        <v>18800</v>
      </c>
      <c r="D3296">
        <v>2.2000000000000002</v>
      </c>
      <c r="E3296">
        <v>21321.7</v>
      </c>
      <c r="F3296">
        <v>15.9641</v>
      </c>
    </row>
    <row r="3297" spans="1:6" x14ac:dyDescent="0.25">
      <c r="A3297">
        <v>142.26</v>
      </c>
      <c r="B3297">
        <v>175</v>
      </c>
      <c r="C3297">
        <v>18800</v>
      </c>
      <c r="D3297">
        <v>2.5</v>
      </c>
      <c r="E3297">
        <v>20940.900000000001</v>
      </c>
      <c r="F3297">
        <v>16.028099999999998</v>
      </c>
    </row>
    <row r="3298" spans="1:6" x14ac:dyDescent="0.25">
      <c r="A3298">
        <v>142.26</v>
      </c>
      <c r="B3298">
        <v>175</v>
      </c>
      <c r="C3298">
        <v>18800</v>
      </c>
      <c r="D3298">
        <v>2.8</v>
      </c>
      <c r="E3298">
        <v>20807.2</v>
      </c>
      <c r="F3298">
        <v>16.055</v>
      </c>
    </row>
    <row r="3299" spans="1:6" x14ac:dyDescent="0.25">
      <c r="A3299">
        <v>142.26</v>
      </c>
      <c r="B3299">
        <v>175</v>
      </c>
      <c r="C3299">
        <v>18800</v>
      </c>
      <c r="D3299">
        <v>3.1</v>
      </c>
      <c r="E3299">
        <v>20736.3</v>
      </c>
      <c r="F3299">
        <v>16.077300000000001</v>
      </c>
    </row>
    <row r="3300" spans="1:6" x14ac:dyDescent="0.25">
      <c r="A3300">
        <v>142.26</v>
      </c>
      <c r="B3300">
        <v>175</v>
      </c>
      <c r="C3300">
        <v>18800</v>
      </c>
      <c r="D3300">
        <v>3.4</v>
      </c>
      <c r="E3300">
        <v>20729.099999999999</v>
      </c>
      <c r="F3300">
        <v>16.081800000000001</v>
      </c>
    </row>
    <row r="3301" spans="1:6" x14ac:dyDescent="0.25">
      <c r="A3301">
        <v>142.26</v>
      </c>
      <c r="B3301">
        <v>175</v>
      </c>
      <c r="C3301">
        <v>18800</v>
      </c>
      <c r="D3301">
        <v>3.7</v>
      </c>
      <c r="E3301">
        <v>20560.400000000001</v>
      </c>
      <c r="F3301">
        <v>16.085699999999999</v>
      </c>
    </row>
    <row r="3302" spans="1:6" x14ac:dyDescent="0.25">
      <c r="A3302">
        <v>142.26</v>
      </c>
      <c r="B3302">
        <v>175</v>
      </c>
      <c r="C3302">
        <v>18800</v>
      </c>
      <c r="D3302">
        <v>4</v>
      </c>
      <c r="E3302">
        <v>20765.2</v>
      </c>
      <c r="F3302">
        <v>16.075900000000001</v>
      </c>
    </row>
    <row r="3303" spans="1:6" x14ac:dyDescent="0.25">
      <c r="A3303">
        <v>142.26</v>
      </c>
      <c r="B3303">
        <v>178.63</v>
      </c>
      <c r="C3303">
        <v>1800</v>
      </c>
      <c r="D3303">
        <v>1</v>
      </c>
      <c r="E3303">
        <v>5615.34</v>
      </c>
      <c r="F3303">
        <v>55.694600000000001</v>
      </c>
    </row>
    <row r="3304" spans="1:6" x14ac:dyDescent="0.25">
      <c r="A3304">
        <v>142.26</v>
      </c>
      <c r="B3304">
        <v>178.63</v>
      </c>
      <c r="C3304">
        <v>1800</v>
      </c>
      <c r="D3304">
        <v>1.3</v>
      </c>
      <c r="E3304">
        <v>5107.88</v>
      </c>
      <c r="F3304">
        <v>71.157300000000006</v>
      </c>
    </row>
    <row r="3305" spans="1:6" x14ac:dyDescent="0.25">
      <c r="A3305">
        <v>142.26</v>
      </c>
      <c r="B3305">
        <v>178.63</v>
      </c>
      <c r="C3305">
        <v>1800</v>
      </c>
      <c r="D3305">
        <v>1.6</v>
      </c>
      <c r="E3305">
        <v>4817.3</v>
      </c>
      <c r="F3305">
        <v>81.197299999999998</v>
      </c>
    </row>
    <row r="3306" spans="1:6" x14ac:dyDescent="0.25">
      <c r="A3306">
        <v>142.26</v>
      </c>
      <c r="B3306">
        <v>178.63</v>
      </c>
      <c r="C3306">
        <v>1800</v>
      </c>
      <c r="D3306">
        <v>1.9</v>
      </c>
      <c r="E3306">
        <v>4546.18</v>
      </c>
      <c r="F3306">
        <v>89.366</v>
      </c>
    </row>
    <row r="3307" spans="1:6" x14ac:dyDescent="0.25">
      <c r="A3307">
        <v>142.26</v>
      </c>
      <c r="B3307">
        <v>178.63</v>
      </c>
      <c r="C3307">
        <v>1800</v>
      </c>
      <c r="D3307">
        <v>2.2000000000000002</v>
      </c>
      <c r="E3307">
        <v>4365.3599999999997</v>
      </c>
      <c r="F3307">
        <v>92.124499999999998</v>
      </c>
    </row>
    <row r="3308" spans="1:6" x14ac:dyDescent="0.25">
      <c r="A3308">
        <v>142.26</v>
      </c>
      <c r="B3308">
        <v>178.63</v>
      </c>
      <c r="C3308">
        <v>1800</v>
      </c>
      <c r="D3308">
        <v>2.5</v>
      </c>
      <c r="E3308">
        <v>4253.47</v>
      </c>
      <c r="F3308">
        <v>96.617199999999997</v>
      </c>
    </row>
    <row r="3309" spans="1:6" x14ac:dyDescent="0.25">
      <c r="A3309">
        <v>142.26</v>
      </c>
      <c r="B3309">
        <v>178.63</v>
      </c>
      <c r="C3309">
        <v>1800</v>
      </c>
      <c r="D3309">
        <v>2.8</v>
      </c>
      <c r="E3309">
        <v>4158.7</v>
      </c>
      <c r="F3309">
        <v>97.5227</v>
      </c>
    </row>
    <row r="3310" spans="1:6" x14ac:dyDescent="0.25">
      <c r="A3310">
        <v>142.26</v>
      </c>
      <c r="B3310">
        <v>178.63</v>
      </c>
      <c r="C3310">
        <v>1800</v>
      </c>
      <c r="D3310">
        <v>3.1</v>
      </c>
      <c r="E3310">
        <v>4076.8</v>
      </c>
      <c r="F3310">
        <v>98.737799999999993</v>
      </c>
    </row>
    <row r="3311" spans="1:6" x14ac:dyDescent="0.25">
      <c r="A3311">
        <v>142.26</v>
      </c>
      <c r="B3311">
        <v>178.63</v>
      </c>
      <c r="C3311">
        <v>1800</v>
      </c>
      <c r="D3311">
        <v>3.4</v>
      </c>
      <c r="E3311">
        <v>4062.52</v>
      </c>
      <c r="F3311">
        <v>100.47199999999999</v>
      </c>
    </row>
    <row r="3312" spans="1:6" x14ac:dyDescent="0.25">
      <c r="A3312">
        <v>142.26</v>
      </c>
      <c r="B3312">
        <v>178.63</v>
      </c>
      <c r="C3312">
        <v>1800</v>
      </c>
      <c r="D3312">
        <v>3.7</v>
      </c>
      <c r="E3312">
        <v>3996.88</v>
      </c>
      <c r="F3312">
        <v>101.27</v>
      </c>
    </row>
    <row r="3313" spans="1:6" x14ac:dyDescent="0.25">
      <c r="A3313">
        <v>142.26</v>
      </c>
      <c r="B3313">
        <v>178.63</v>
      </c>
      <c r="C3313">
        <v>1800</v>
      </c>
      <c r="D3313">
        <v>4</v>
      </c>
      <c r="E3313">
        <v>3950.3</v>
      </c>
      <c r="F3313">
        <v>101.691</v>
      </c>
    </row>
    <row r="3314" spans="1:6" x14ac:dyDescent="0.25">
      <c r="A3314">
        <v>142.26</v>
      </c>
      <c r="B3314">
        <v>178.63</v>
      </c>
      <c r="C3314">
        <v>3345.45</v>
      </c>
      <c r="D3314">
        <v>1</v>
      </c>
      <c r="E3314">
        <v>6839.5</v>
      </c>
      <c r="F3314">
        <v>27.985399999999998</v>
      </c>
    </row>
    <row r="3315" spans="1:6" x14ac:dyDescent="0.25">
      <c r="A3315">
        <v>142.26</v>
      </c>
      <c r="B3315">
        <v>178.63</v>
      </c>
      <c r="C3315">
        <v>3345.45</v>
      </c>
      <c r="D3315">
        <v>1.3</v>
      </c>
      <c r="E3315">
        <v>6336.96</v>
      </c>
      <c r="F3315">
        <v>33.320099999999996</v>
      </c>
    </row>
    <row r="3316" spans="1:6" x14ac:dyDescent="0.25">
      <c r="A3316">
        <v>142.26</v>
      </c>
      <c r="B3316">
        <v>178.63</v>
      </c>
      <c r="C3316">
        <v>3345.45</v>
      </c>
      <c r="D3316">
        <v>1.6</v>
      </c>
      <c r="E3316">
        <v>6024.89</v>
      </c>
      <c r="F3316">
        <v>43.089500000000001</v>
      </c>
    </row>
    <row r="3317" spans="1:6" x14ac:dyDescent="0.25">
      <c r="A3317">
        <v>142.26</v>
      </c>
      <c r="B3317">
        <v>178.63</v>
      </c>
      <c r="C3317">
        <v>3345.45</v>
      </c>
      <c r="D3317">
        <v>1.9</v>
      </c>
      <c r="E3317">
        <v>5744.2</v>
      </c>
      <c r="F3317">
        <v>48.783200000000001</v>
      </c>
    </row>
    <row r="3318" spans="1:6" x14ac:dyDescent="0.25">
      <c r="A3318">
        <v>142.26</v>
      </c>
      <c r="B3318">
        <v>178.63</v>
      </c>
      <c r="C3318">
        <v>3345.45</v>
      </c>
      <c r="D3318">
        <v>2.2000000000000002</v>
      </c>
      <c r="E3318">
        <v>5679.45</v>
      </c>
      <c r="F3318">
        <v>56.949300000000001</v>
      </c>
    </row>
    <row r="3319" spans="1:6" x14ac:dyDescent="0.25">
      <c r="A3319">
        <v>142.26</v>
      </c>
      <c r="B3319">
        <v>178.63</v>
      </c>
      <c r="C3319">
        <v>3345.45</v>
      </c>
      <c r="D3319">
        <v>2.5</v>
      </c>
      <c r="E3319">
        <v>5498.45</v>
      </c>
      <c r="F3319">
        <v>60.534100000000002</v>
      </c>
    </row>
    <row r="3320" spans="1:6" x14ac:dyDescent="0.25">
      <c r="A3320">
        <v>142.26</v>
      </c>
      <c r="B3320">
        <v>178.63</v>
      </c>
      <c r="C3320">
        <v>3345.45</v>
      </c>
      <c r="D3320">
        <v>2.8</v>
      </c>
      <c r="E3320">
        <v>5452.52</v>
      </c>
      <c r="F3320">
        <v>64.804000000000002</v>
      </c>
    </row>
    <row r="3321" spans="1:6" x14ac:dyDescent="0.25">
      <c r="A3321">
        <v>142.26</v>
      </c>
      <c r="B3321">
        <v>178.63</v>
      </c>
      <c r="C3321">
        <v>3345.45</v>
      </c>
      <c r="D3321">
        <v>3.1</v>
      </c>
      <c r="E3321">
        <v>5340.95</v>
      </c>
      <c r="F3321">
        <v>66.084100000000007</v>
      </c>
    </row>
    <row r="3322" spans="1:6" x14ac:dyDescent="0.25">
      <c r="A3322">
        <v>142.26</v>
      </c>
      <c r="B3322">
        <v>178.63</v>
      </c>
      <c r="C3322">
        <v>3345.45</v>
      </c>
      <c r="D3322">
        <v>3.4</v>
      </c>
      <c r="E3322">
        <v>5262.89</v>
      </c>
      <c r="F3322">
        <v>66.662499999999994</v>
      </c>
    </row>
    <row r="3323" spans="1:6" x14ac:dyDescent="0.25">
      <c r="A3323">
        <v>142.26</v>
      </c>
      <c r="B3323">
        <v>178.63</v>
      </c>
      <c r="C3323">
        <v>3345.45</v>
      </c>
      <c r="D3323">
        <v>3.7</v>
      </c>
      <c r="E3323">
        <v>5255.98</v>
      </c>
      <c r="F3323">
        <v>70.784400000000005</v>
      </c>
    </row>
    <row r="3324" spans="1:6" x14ac:dyDescent="0.25">
      <c r="A3324">
        <v>142.26</v>
      </c>
      <c r="B3324">
        <v>178.63</v>
      </c>
      <c r="C3324">
        <v>3345.45</v>
      </c>
      <c r="D3324">
        <v>4</v>
      </c>
      <c r="E3324">
        <v>5123.5200000000004</v>
      </c>
      <c r="F3324">
        <v>70.033299999999997</v>
      </c>
    </row>
    <row r="3325" spans="1:6" x14ac:dyDescent="0.25">
      <c r="A3325">
        <v>142.26</v>
      </c>
      <c r="B3325">
        <v>178.63</v>
      </c>
      <c r="C3325">
        <v>4890.8999999999996</v>
      </c>
      <c r="D3325">
        <v>1</v>
      </c>
      <c r="E3325">
        <v>8203.69</v>
      </c>
      <c r="F3325">
        <v>11.8453</v>
      </c>
    </row>
    <row r="3326" spans="1:6" x14ac:dyDescent="0.25">
      <c r="A3326">
        <v>142.26</v>
      </c>
      <c r="B3326">
        <v>178.63</v>
      </c>
      <c r="C3326">
        <v>4890.8999999999996</v>
      </c>
      <c r="D3326">
        <v>1.3</v>
      </c>
      <c r="E3326">
        <v>7906.16</v>
      </c>
      <c r="F3326">
        <v>14.283200000000001</v>
      </c>
    </row>
    <row r="3327" spans="1:6" x14ac:dyDescent="0.25">
      <c r="A3327">
        <v>142.26</v>
      </c>
      <c r="B3327">
        <v>178.63</v>
      </c>
      <c r="C3327">
        <v>4890.8999999999996</v>
      </c>
      <c r="D3327">
        <v>1.6</v>
      </c>
      <c r="E3327">
        <v>7347.79</v>
      </c>
      <c r="F3327">
        <v>14.173400000000001</v>
      </c>
    </row>
    <row r="3328" spans="1:6" x14ac:dyDescent="0.25">
      <c r="A3328">
        <v>142.26</v>
      </c>
      <c r="B3328">
        <v>178.63</v>
      </c>
      <c r="C3328">
        <v>4890.8999999999996</v>
      </c>
      <c r="D3328">
        <v>1.9</v>
      </c>
      <c r="E3328">
        <v>7131.17</v>
      </c>
      <c r="F3328">
        <v>16.439599999999999</v>
      </c>
    </row>
    <row r="3329" spans="1:6" x14ac:dyDescent="0.25">
      <c r="A3329">
        <v>142.26</v>
      </c>
      <c r="B3329">
        <v>178.63</v>
      </c>
      <c r="C3329">
        <v>4890.8999999999996</v>
      </c>
      <c r="D3329">
        <v>2.2000000000000002</v>
      </c>
      <c r="E3329">
        <v>6925.05</v>
      </c>
      <c r="F3329">
        <v>18.898199999999999</v>
      </c>
    </row>
    <row r="3330" spans="1:6" x14ac:dyDescent="0.25">
      <c r="A3330">
        <v>142.26</v>
      </c>
      <c r="B3330">
        <v>178.63</v>
      </c>
      <c r="C3330">
        <v>4890.8999999999996</v>
      </c>
      <c r="D3330">
        <v>2.5</v>
      </c>
      <c r="E3330">
        <v>6830.05</v>
      </c>
      <c r="F3330">
        <v>21.8612</v>
      </c>
    </row>
    <row r="3331" spans="1:6" x14ac:dyDescent="0.25">
      <c r="A3331">
        <v>142.26</v>
      </c>
      <c r="B3331">
        <v>178.63</v>
      </c>
      <c r="C3331">
        <v>4890.8999999999996</v>
      </c>
      <c r="D3331">
        <v>2.8</v>
      </c>
      <c r="E3331">
        <v>6808.89</v>
      </c>
      <c r="F3331">
        <v>23.756499999999999</v>
      </c>
    </row>
    <row r="3332" spans="1:6" x14ac:dyDescent="0.25">
      <c r="A3332">
        <v>142.26</v>
      </c>
      <c r="B3332">
        <v>178.63</v>
      </c>
      <c r="C3332">
        <v>4890.8999999999996</v>
      </c>
      <c r="D3332">
        <v>3.1</v>
      </c>
      <c r="E3332">
        <v>6569.94</v>
      </c>
      <c r="F3332">
        <v>26.012799999999999</v>
      </c>
    </row>
    <row r="3333" spans="1:6" x14ac:dyDescent="0.25">
      <c r="A3333">
        <v>142.26</v>
      </c>
      <c r="B3333">
        <v>178.63</v>
      </c>
      <c r="C3333">
        <v>4890.8999999999996</v>
      </c>
      <c r="D3333">
        <v>3.4</v>
      </c>
      <c r="E3333">
        <v>6636.25</v>
      </c>
      <c r="F3333">
        <v>27.0992</v>
      </c>
    </row>
    <row r="3334" spans="1:6" x14ac:dyDescent="0.25">
      <c r="A3334">
        <v>142.26</v>
      </c>
      <c r="B3334">
        <v>178.63</v>
      </c>
      <c r="C3334">
        <v>4890.8999999999996</v>
      </c>
      <c r="D3334">
        <v>3.7</v>
      </c>
      <c r="E3334">
        <v>6526.82</v>
      </c>
      <c r="F3334">
        <v>28.886099999999999</v>
      </c>
    </row>
    <row r="3335" spans="1:6" x14ac:dyDescent="0.25">
      <c r="A3335">
        <v>142.26</v>
      </c>
      <c r="B3335">
        <v>178.63</v>
      </c>
      <c r="C3335">
        <v>4890.8999999999996</v>
      </c>
      <c r="D3335">
        <v>4</v>
      </c>
      <c r="E3335">
        <v>6509.71</v>
      </c>
      <c r="F3335">
        <v>29.754899999999999</v>
      </c>
    </row>
    <row r="3336" spans="1:6" x14ac:dyDescent="0.25">
      <c r="A3336">
        <v>142.26</v>
      </c>
      <c r="B3336">
        <v>178.63</v>
      </c>
      <c r="C3336">
        <v>6436.35</v>
      </c>
      <c r="D3336">
        <v>1</v>
      </c>
      <c r="E3336">
        <v>10637.9</v>
      </c>
      <c r="F3336">
        <v>15.405200000000001</v>
      </c>
    </row>
    <row r="3337" spans="1:6" x14ac:dyDescent="0.25">
      <c r="A3337">
        <v>142.26</v>
      </c>
      <c r="B3337">
        <v>178.63</v>
      </c>
      <c r="C3337">
        <v>6436.35</v>
      </c>
      <c r="D3337">
        <v>1.3</v>
      </c>
      <c r="E3337">
        <v>9508.4599999999991</v>
      </c>
      <c r="F3337">
        <v>14.7537</v>
      </c>
    </row>
    <row r="3338" spans="1:6" x14ac:dyDescent="0.25">
      <c r="A3338">
        <v>142.26</v>
      </c>
      <c r="B3338">
        <v>178.63</v>
      </c>
      <c r="C3338">
        <v>6436.35</v>
      </c>
      <c r="D3338">
        <v>1.6</v>
      </c>
      <c r="E3338">
        <v>9386.94</v>
      </c>
      <c r="F3338">
        <v>14.1135</v>
      </c>
    </row>
    <row r="3339" spans="1:6" x14ac:dyDescent="0.25">
      <c r="A3339">
        <v>142.26</v>
      </c>
      <c r="B3339">
        <v>178.63</v>
      </c>
      <c r="C3339">
        <v>6436.35</v>
      </c>
      <c r="D3339">
        <v>1.9</v>
      </c>
      <c r="E3339">
        <v>8862.7199999999993</v>
      </c>
      <c r="F3339">
        <v>14.279400000000001</v>
      </c>
    </row>
    <row r="3340" spans="1:6" x14ac:dyDescent="0.25">
      <c r="A3340">
        <v>142.26</v>
      </c>
      <c r="B3340">
        <v>178.63</v>
      </c>
      <c r="C3340">
        <v>6436.35</v>
      </c>
      <c r="D3340">
        <v>2.2000000000000002</v>
      </c>
      <c r="E3340">
        <v>8651.44</v>
      </c>
      <c r="F3340">
        <v>15.9641</v>
      </c>
    </row>
    <row r="3341" spans="1:6" x14ac:dyDescent="0.25">
      <c r="A3341">
        <v>142.26</v>
      </c>
      <c r="B3341">
        <v>178.63</v>
      </c>
      <c r="C3341">
        <v>6436.35</v>
      </c>
      <c r="D3341">
        <v>2.5</v>
      </c>
      <c r="E3341">
        <v>8269.2000000000007</v>
      </c>
      <c r="F3341">
        <v>16.028099999999998</v>
      </c>
    </row>
    <row r="3342" spans="1:6" x14ac:dyDescent="0.25">
      <c r="A3342">
        <v>142.26</v>
      </c>
      <c r="B3342">
        <v>178.63</v>
      </c>
      <c r="C3342">
        <v>6436.35</v>
      </c>
      <c r="D3342">
        <v>2.8</v>
      </c>
      <c r="E3342">
        <v>8458.9699999999993</v>
      </c>
      <c r="F3342">
        <v>16.055</v>
      </c>
    </row>
    <row r="3343" spans="1:6" x14ac:dyDescent="0.25">
      <c r="A3343">
        <v>142.26</v>
      </c>
      <c r="B3343">
        <v>178.63</v>
      </c>
      <c r="C3343">
        <v>6436.35</v>
      </c>
      <c r="D3343">
        <v>3.1</v>
      </c>
      <c r="E3343">
        <v>8056.49</v>
      </c>
      <c r="F3343">
        <v>16.066299999999998</v>
      </c>
    </row>
    <row r="3344" spans="1:6" x14ac:dyDescent="0.25">
      <c r="A3344">
        <v>142.26</v>
      </c>
      <c r="B3344">
        <v>178.63</v>
      </c>
      <c r="C3344">
        <v>6436.35</v>
      </c>
      <c r="D3344">
        <v>3.4</v>
      </c>
      <c r="E3344">
        <v>7929.08</v>
      </c>
      <c r="F3344">
        <v>15.8484</v>
      </c>
    </row>
    <row r="3345" spans="1:6" x14ac:dyDescent="0.25">
      <c r="A3345">
        <v>142.26</v>
      </c>
      <c r="B3345">
        <v>178.63</v>
      </c>
      <c r="C3345">
        <v>6436.35</v>
      </c>
      <c r="D3345">
        <v>3.7</v>
      </c>
      <c r="E3345">
        <v>8058.15</v>
      </c>
      <c r="F3345">
        <v>15.674799999999999</v>
      </c>
    </row>
    <row r="3346" spans="1:6" x14ac:dyDescent="0.25">
      <c r="A3346">
        <v>142.26</v>
      </c>
      <c r="B3346">
        <v>178.63</v>
      </c>
      <c r="C3346">
        <v>6436.35</v>
      </c>
      <c r="D3346">
        <v>4</v>
      </c>
      <c r="E3346">
        <v>7946.56</v>
      </c>
      <c r="F3346">
        <v>15.530900000000001</v>
      </c>
    </row>
    <row r="3347" spans="1:6" x14ac:dyDescent="0.25">
      <c r="A3347">
        <v>142.26</v>
      </c>
      <c r="B3347">
        <v>178.63</v>
      </c>
      <c r="C3347">
        <v>7981.8</v>
      </c>
      <c r="D3347">
        <v>1</v>
      </c>
      <c r="E3347">
        <v>12059.7</v>
      </c>
      <c r="F3347">
        <v>15.405200000000001</v>
      </c>
    </row>
    <row r="3348" spans="1:6" x14ac:dyDescent="0.25">
      <c r="A3348">
        <v>142.26</v>
      </c>
      <c r="B3348">
        <v>178.63</v>
      </c>
      <c r="C3348">
        <v>7981.8</v>
      </c>
      <c r="D3348">
        <v>1.3</v>
      </c>
      <c r="E3348">
        <v>10832.1</v>
      </c>
      <c r="F3348">
        <v>16.369299999999999</v>
      </c>
    </row>
    <row r="3349" spans="1:6" x14ac:dyDescent="0.25">
      <c r="A3349">
        <v>142.26</v>
      </c>
      <c r="B3349">
        <v>178.63</v>
      </c>
      <c r="C3349">
        <v>7981.8</v>
      </c>
      <c r="D3349">
        <v>1.6</v>
      </c>
      <c r="E3349">
        <v>10536.6</v>
      </c>
      <c r="F3349">
        <v>16.450199999999999</v>
      </c>
    </row>
    <row r="3350" spans="1:6" x14ac:dyDescent="0.25">
      <c r="A3350">
        <v>142.26</v>
      </c>
      <c r="B3350">
        <v>178.63</v>
      </c>
      <c r="C3350">
        <v>7981.8</v>
      </c>
      <c r="D3350">
        <v>1.9</v>
      </c>
      <c r="E3350">
        <v>10296.700000000001</v>
      </c>
      <c r="F3350">
        <v>16.490600000000001</v>
      </c>
    </row>
    <row r="3351" spans="1:6" x14ac:dyDescent="0.25">
      <c r="A3351">
        <v>142.26</v>
      </c>
      <c r="B3351">
        <v>178.63</v>
      </c>
      <c r="C3351">
        <v>7981.8</v>
      </c>
      <c r="D3351">
        <v>2.2000000000000002</v>
      </c>
      <c r="E3351">
        <v>10240.700000000001</v>
      </c>
      <c r="F3351">
        <v>15.9641</v>
      </c>
    </row>
    <row r="3352" spans="1:6" x14ac:dyDescent="0.25">
      <c r="A3352">
        <v>142.26</v>
      </c>
      <c r="B3352">
        <v>178.63</v>
      </c>
      <c r="C3352">
        <v>7981.8</v>
      </c>
      <c r="D3352">
        <v>2.5</v>
      </c>
      <c r="E3352">
        <v>10017</v>
      </c>
      <c r="F3352">
        <v>16.028099999999998</v>
      </c>
    </row>
    <row r="3353" spans="1:6" x14ac:dyDescent="0.25">
      <c r="A3353">
        <v>142.26</v>
      </c>
      <c r="B3353">
        <v>178.63</v>
      </c>
      <c r="C3353">
        <v>7981.8</v>
      </c>
      <c r="D3353">
        <v>2.8</v>
      </c>
      <c r="E3353">
        <v>9928.25</v>
      </c>
      <c r="F3353">
        <v>16.055</v>
      </c>
    </row>
    <row r="3354" spans="1:6" x14ac:dyDescent="0.25">
      <c r="A3354">
        <v>142.26</v>
      </c>
      <c r="B3354">
        <v>178.63</v>
      </c>
      <c r="C3354">
        <v>7981.8</v>
      </c>
      <c r="D3354">
        <v>3.1</v>
      </c>
      <c r="E3354">
        <v>9759.41</v>
      </c>
      <c r="F3354">
        <v>16.077300000000001</v>
      </c>
    </row>
    <row r="3355" spans="1:6" x14ac:dyDescent="0.25">
      <c r="A3355">
        <v>142.26</v>
      </c>
      <c r="B3355">
        <v>178.63</v>
      </c>
      <c r="C3355">
        <v>7981.8</v>
      </c>
      <c r="D3355">
        <v>3.4</v>
      </c>
      <c r="E3355">
        <v>9619.2800000000007</v>
      </c>
      <c r="F3355">
        <v>16.081800000000001</v>
      </c>
    </row>
    <row r="3356" spans="1:6" x14ac:dyDescent="0.25">
      <c r="A3356">
        <v>142.26</v>
      </c>
      <c r="B3356">
        <v>178.63</v>
      </c>
      <c r="C3356">
        <v>7981.8</v>
      </c>
      <c r="D3356">
        <v>3.7</v>
      </c>
      <c r="E3356">
        <v>9500.24</v>
      </c>
      <c r="F3356">
        <v>16.085699999999999</v>
      </c>
    </row>
    <row r="3357" spans="1:6" x14ac:dyDescent="0.25">
      <c r="A3357">
        <v>142.26</v>
      </c>
      <c r="B3357">
        <v>178.63</v>
      </c>
      <c r="C3357">
        <v>7981.8</v>
      </c>
      <c r="D3357">
        <v>4</v>
      </c>
      <c r="E3357">
        <v>9397.17</v>
      </c>
      <c r="F3357">
        <v>16.075900000000001</v>
      </c>
    </row>
    <row r="3358" spans="1:6" x14ac:dyDescent="0.25">
      <c r="A3358">
        <v>142.26</v>
      </c>
      <c r="B3358">
        <v>178.63</v>
      </c>
      <c r="C3358">
        <v>9527.25</v>
      </c>
      <c r="D3358">
        <v>1</v>
      </c>
      <c r="E3358">
        <v>13518.9</v>
      </c>
      <c r="F3358">
        <v>15.405200000000001</v>
      </c>
    </row>
    <row r="3359" spans="1:6" x14ac:dyDescent="0.25">
      <c r="A3359">
        <v>142.26</v>
      </c>
      <c r="B3359">
        <v>178.63</v>
      </c>
      <c r="C3359">
        <v>9527.25</v>
      </c>
      <c r="D3359">
        <v>1.3</v>
      </c>
      <c r="E3359">
        <v>12706.3</v>
      </c>
      <c r="F3359">
        <v>16.369299999999999</v>
      </c>
    </row>
    <row r="3360" spans="1:6" x14ac:dyDescent="0.25">
      <c r="A3360">
        <v>142.26</v>
      </c>
      <c r="B3360">
        <v>178.63</v>
      </c>
      <c r="C3360">
        <v>9527.25</v>
      </c>
      <c r="D3360">
        <v>1.6</v>
      </c>
      <c r="E3360">
        <v>12292.3</v>
      </c>
      <c r="F3360">
        <v>16.450199999999999</v>
      </c>
    </row>
    <row r="3361" spans="1:6" x14ac:dyDescent="0.25">
      <c r="A3361">
        <v>142.26</v>
      </c>
      <c r="B3361">
        <v>178.63</v>
      </c>
      <c r="C3361">
        <v>9527.25</v>
      </c>
      <c r="D3361">
        <v>1.9</v>
      </c>
      <c r="E3361">
        <v>11615.5</v>
      </c>
      <c r="F3361">
        <v>16.490600000000001</v>
      </c>
    </row>
    <row r="3362" spans="1:6" x14ac:dyDescent="0.25">
      <c r="A3362">
        <v>142.26</v>
      </c>
      <c r="B3362">
        <v>178.63</v>
      </c>
      <c r="C3362">
        <v>9527.25</v>
      </c>
      <c r="D3362">
        <v>2.2000000000000002</v>
      </c>
      <c r="E3362">
        <v>11697.1</v>
      </c>
      <c r="F3362">
        <v>15.9641</v>
      </c>
    </row>
    <row r="3363" spans="1:6" x14ac:dyDescent="0.25">
      <c r="A3363">
        <v>142.26</v>
      </c>
      <c r="B3363">
        <v>178.63</v>
      </c>
      <c r="C3363">
        <v>9527.25</v>
      </c>
      <c r="D3363">
        <v>2.5</v>
      </c>
      <c r="E3363">
        <v>11729.4</v>
      </c>
      <c r="F3363">
        <v>16.028099999999998</v>
      </c>
    </row>
    <row r="3364" spans="1:6" x14ac:dyDescent="0.25">
      <c r="A3364">
        <v>142.26</v>
      </c>
      <c r="B3364">
        <v>178.63</v>
      </c>
      <c r="C3364">
        <v>9527.25</v>
      </c>
      <c r="D3364">
        <v>2.8</v>
      </c>
      <c r="E3364">
        <v>11494</v>
      </c>
      <c r="F3364">
        <v>16.055</v>
      </c>
    </row>
    <row r="3365" spans="1:6" x14ac:dyDescent="0.25">
      <c r="A3365">
        <v>142.26</v>
      </c>
      <c r="B3365">
        <v>178.63</v>
      </c>
      <c r="C3365">
        <v>9527.25</v>
      </c>
      <c r="D3365">
        <v>3.1</v>
      </c>
      <c r="E3365">
        <v>11306.3</v>
      </c>
      <c r="F3365">
        <v>16.077300000000001</v>
      </c>
    </row>
    <row r="3366" spans="1:6" x14ac:dyDescent="0.25">
      <c r="A3366">
        <v>142.26</v>
      </c>
      <c r="B3366">
        <v>178.63</v>
      </c>
      <c r="C3366">
        <v>9527.25</v>
      </c>
      <c r="D3366">
        <v>3.4</v>
      </c>
      <c r="E3366">
        <v>11151.2</v>
      </c>
      <c r="F3366">
        <v>16.081800000000001</v>
      </c>
    </row>
    <row r="3367" spans="1:6" x14ac:dyDescent="0.25">
      <c r="A3367">
        <v>142.26</v>
      </c>
      <c r="B3367">
        <v>178.63</v>
      </c>
      <c r="C3367">
        <v>9527.25</v>
      </c>
      <c r="D3367">
        <v>3.7</v>
      </c>
      <c r="E3367">
        <v>11302.7</v>
      </c>
      <c r="F3367">
        <v>16.085699999999999</v>
      </c>
    </row>
    <row r="3368" spans="1:6" x14ac:dyDescent="0.25">
      <c r="A3368">
        <v>142.26</v>
      </c>
      <c r="B3368">
        <v>178.63</v>
      </c>
      <c r="C3368">
        <v>9527.25</v>
      </c>
      <c r="D3368">
        <v>4</v>
      </c>
      <c r="E3368">
        <v>11170.4</v>
      </c>
      <c r="F3368">
        <v>16.075900000000001</v>
      </c>
    </row>
    <row r="3369" spans="1:6" x14ac:dyDescent="0.25">
      <c r="A3369">
        <v>142.26</v>
      </c>
      <c r="B3369">
        <v>178.63</v>
      </c>
      <c r="C3369">
        <v>11072.7</v>
      </c>
      <c r="D3369">
        <v>1</v>
      </c>
      <c r="E3369">
        <v>15127.2</v>
      </c>
      <c r="F3369">
        <v>15.405200000000001</v>
      </c>
    </row>
    <row r="3370" spans="1:6" x14ac:dyDescent="0.25">
      <c r="A3370">
        <v>142.26</v>
      </c>
      <c r="B3370">
        <v>178.63</v>
      </c>
      <c r="C3370">
        <v>11072.7</v>
      </c>
      <c r="D3370">
        <v>1.3</v>
      </c>
      <c r="E3370">
        <v>14126.8</v>
      </c>
      <c r="F3370">
        <v>16.369299999999999</v>
      </c>
    </row>
    <row r="3371" spans="1:6" x14ac:dyDescent="0.25">
      <c r="A3371">
        <v>142.26</v>
      </c>
      <c r="B3371">
        <v>178.63</v>
      </c>
      <c r="C3371">
        <v>11072.7</v>
      </c>
      <c r="D3371">
        <v>1.6</v>
      </c>
      <c r="E3371">
        <v>13520.4</v>
      </c>
      <c r="F3371">
        <v>16.450199999999999</v>
      </c>
    </row>
    <row r="3372" spans="1:6" x14ac:dyDescent="0.25">
      <c r="A3372">
        <v>142.26</v>
      </c>
      <c r="B3372">
        <v>178.63</v>
      </c>
      <c r="C3372">
        <v>11072.7</v>
      </c>
      <c r="D3372">
        <v>1.9</v>
      </c>
      <c r="E3372">
        <v>13141.1</v>
      </c>
      <c r="F3372">
        <v>16.490600000000001</v>
      </c>
    </row>
    <row r="3373" spans="1:6" x14ac:dyDescent="0.25">
      <c r="A3373">
        <v>142.26</v>
      </c>
      <c r="B3373">
        <v>178.63</v>
      </c>
      <c r="C3373">
        <v>11072.7</v>
      </c>
      <c r="D3373">
        <v>2.2000000000000002</v>
      </c>
      <c r="E3373">
        <v>13250.2</v>
      </c>
      <c r="F3373">
        <v>15.9641</v>
      </c>
    </row>
    <row r="3374" spans="1:6" x14ac:dyDescent="0.25">
      <c r="A3374">
        <v>142.26</v>
      </c>
      <c r="B3374">
        <v>178.63</v>
      </c>
      <c r="C3374">
        <v>11072.7</v>
      </c>
      <c r="D3374">
        <v>2.5</v>
      </c>
      <c r="E3374">
        <v>13202.5</v>
      </c>
      <c r="F3374">
        <v>16.028099999999998</v>
      </c>
    </row>
    <row r="3375" spans="1:6" x14ac:dyDescent="0.25">
      <c r="A3375">
        <v>142.26</v>
      </c>
      <c r="B3375">
        <v>178.63</v>
      </c>
      <c r="C3375">
        <v>11072.7</v>
      </c>
      <c r="D3375">
        <v>2.8</v>
      </c>
      <c r="E3375">
        <v>12961.6</v>
      </c>
      <c r="F3375">
        <v>16.055</v>
      </c>
    </row>
    <row r="3376" spans="1:6" x14ac:dyDescent="0.25">
      <c r="A3376">
        <v>142.26</v>
      </c>
      <c r="B3376">
        <v>178.63</v>
      </c>
      <c r="C3376">
        <v>11072.7</v>
      </c>
      <c r="D3376">
        <v>3.1</v>
      </c>
      <c r="E3376">
        <v>12742.1</v>
      </c>
      <c r="F3376">
        <v>16.077300000000001</v>
      </c>
    </row>
    <row r="3377" spans="1:6" x14ac:dyDescent="0.25">
      <c r="A3377">
        <v>142.26</v>
      </c>
      <c r="B3377">
        <v>178.63</v>
      </c>
      <c r="C3377">
        <v>11072.7</v>
      </c>
      <c r="D3377">
        <v>3.4</v>
      </c>
      <c r="E3377">
        <v>12745.3</v>
      </c>
      <c r="F3377">
        <v>16.081800000000001</v>
      </c>
    </row>
    <row r="3378" spans="1:6" x14ac:dyDescent="0.25">
      <c r="A3378">
        <v>142.26</v>
      </c>
      <c r="B3378">
        <v>178.63</v>
      </c>
      <c r="C3378">
        <v>11072.7</v>
      </c>
      <c r="D3378">
        <v>3.7</v>
      </c>
      <c r="E3378">
        <v>12763.4</v>
      </c>
      <c r="F3378">
        <v>16.085699999999999</v>
      </c>
    </row>
    <row r="3379" spans="1:6" x14ac:dyDescent="0.25">
      <c r="A3379">
        <v>142.26</v>
      </c>
      <c r="B3379">
        <v>178.63</v>
      </c>
      <c r="C3379">
        <v>11072.7</v>
      </c>
      <c r="D3379">
        <v>4</v>
      </c>
      <c r="E3379">
        <v>12766.2</v>
      </c>
      <c r="F3379">
        <v>16.075900000000001</v>
      </c>
    </row>
    <row r="3380" spans="1:6" x14ac:dyDescent="0.25">
      <c r="A3380">
        <v>142.26</v>
      </c>
      <c r="B3380">
        <v>178.63</v>
      </c>
      <c r="C3380">
        <v>12618.2</v>
      </c>
      <c r="D3380">
        <v>1</v>
      </c>
      <c r="E3380">
        <v>16514.900000000001</v>
      </c>
      <c r="F3380">
        <v>15.405200000000001</v>
      </c>
    </row>
    <row r="3381" spans="1:6" x14ac:dyDescent="0.25">
      <c r="A3381">
        <v>142.26</v>
      </c>
      <c r="B3381">
        <v>178.63</v>
      </c>
      <c r="C3381">
        <v>12618.2</v>
      </c>
      <c r="D3381">
        <v>1.3</v>
      </c>
      <c r="E3381">
        <v>15683.8</v>
      </c>
      <c r="F3381">
        <v>16.369299999999999</v>
      </c>
    </row>
    <row r="3382" spans="1:6" x14ac:dyDescent="0.25">
      <c r="A3382">
        <v>142.26</v>
      </c>
      <c r="B3382">
        <v>178.63</v>
      </c>
      <c r="C3382">
        <v>12618.2</v>
      </c>
      <c r="D3382">
        <v>1.6</v>
      </c>
      <c r="E3382">
        <v>15167.9</v>
      </c>
      <c r="F3382">
        <v>16.450199999999999</v>
      </c>
    </row>
    <row r="3383" spans="1:6" x14ac:dyDescent="0.25">
      <c r="A3383">
        <v>142.26</v>
      </c>
      <c r="B3383">
        <v>178.63</v>
      </c>
      <c r="C3383">
        <v>12618.2</v>
      </c>
      <c r="D3383">
        <v>1.9</v>
      </c>
      <c r="E3383">
        <v>14948.4</v>
      </c>
      <c r="F3383">
        <v>16.490600000000001</v>
      </c>
    </row>
    <row r="3384" spans="1:6" x14ac:dyDescent="0.25">
      <c r="A3384">
        <v>142.26</v>
      </c>
      <c r="B3384">
        <v>178.63</v>
      </c>
      <c r="C3384">
        <v>12618.2</v>
      </c>
      <c r="D3384">
        <v>2.2000000000000002</v>
      </c>
      <c r="E3384">
        <v>14792.1</v>
      </c>
      <c r="F3384">
        <v>15.9641</v>
      </c>
    </row>
    <row r="3385" spans="1:6" x14ac:dyDescent="0.25">
      <c r="A3385">
        <v>142.26</v>
      </c>
      <c r="B3385">
        <v>178.63</v>
      </c>
      <c r="C3385">
        <v>12618.2</v>
      </c>
      <c r="D3385">
        <v>2.5</v>
      </c>
      <c r="E3385">
        <v>14766.2</v>
      </c>
      <c r="F3385">
        <v>16.028099999999998</v>
      </c>
    </row>
    <row r="3386" spans="1:6" x14ac:dyDescent="0.25">
      <c r="A3386">
        <v>142.26</v>
      </c>
      <c r="B3386">
        <v>178.63</v>
      </c>
      <c r="C3386">
        <v>12618.2</v>
      </c>
      <c r="D3386">
        <v>2.8</v>
      </c>
      <c r="E3386">
        <v>14644.2</v>
      </c>
      <c r="F3386">
        <v>16.055</v>
      </c>
    </row>
    <row r="3387" spans="1:6" x14ac:dyDescent="0.25">
      <c r="A3387">
        <v>142.26</v>
      </c>
      <c r="B3387">
        <v>178.63</v>
      </c>
      <c r="C3387">
        <v>12618.2</v>
      </c>
      <c r="D3387">
        <v>3.1</v>
      </c>
      <c r="E3387">
        <v>14461.9</v>
      </c>
      <c r="F3387">
        <v>16.077300000000001</v>
      </c>
    </row>
    <row r="3388" spans="1:6" x14ac:dyDescent="0.25">
      <c r="A3388">
        <v>142.26</v>
      </c>
      <c r="B3388">
        <v>178.63</v>
      </c>
      <c r="C3388">
        <v>12618.2</v>
      </c>
      <c r="D3388">
        <v>3.4</v>
      </c>
      <c r="E3388">
        <v>14303.4</v>
      </c>
      <c r="F3388">
        <v>16.081800000000001</v>
      </c>
    </row>
    <row r="3389" spans="1:6" x14ac:dyDescent="0.25">
      <c r="A3389">
        <v>142.26</v>
      </c>
      <c r="B3389">
        <v>178.63</v>
      </c>
      <c r="C3389">
        <v>12618.2</v>
      </c>
      <c r="D3389">
        <v>3.7</v>
      </c>
      <c r="E3389">
        <v>14165.7</v>
      </c>
      <c r="F3389">
        <v>16.085699999999999</v>
      </c>
    </row>
    <row r="3390" spans="1:6" x14ac:dyDescent="0.25">
      <c r="A3390">
        <v>142.26</v>
      </c>
      <c r="B3390">
        <v>178.63</v>
      </c>
      <c r="C3390">
        <v>12618.2</v>
      </c>
      <c r="D3390">
        <v>4</v>
      </c>
      <c r="E3390">
        <v>14310.6</v>
      </c>
      <c r="F3390">
        <v>16.075900000000001</v>
      </c>
    </row>
    <row r="3391" spans="1:6" x14ac:dyDescent="0.25">
      <c r="A3391">
        <v>142.26</v>
      </c>
      <c r="B3391">
        <v>178.63</v>
      </c>
      <c r="C3391">
        <v>14163.6</v>
      </c>
      <c r="D3391">
        <v>1</v>
      </c>
      <c r="E3391">
        <v>18134.2</v>
      </c>
      <c r="F3391">
        <v>15.405200000000001</v>
      </c>
    </row>
    <row r="3392" spans="1:6" x14ac:dyDescent="0.25">
      <c r="A3392">
        <v>142.26</v>
      </c>
      <c r="B3392">
        <v>178.63</v>
      </c>
      <c r="C3392">
        <v>14163.6</v>
      </c>
      <c r="D3392">
        <v>1.3</v>
      </c>
      <c r="E3392">
        <v>17145</v>
      </c>
      <c r="F3392">
        <v>16.369299999999999</v>
      </c>
    </row>
    <row r="3393" spans="1:6" x14ac:dyDescent="0.25">
      <c r="A3393">
        <v>142.26</v>
      </c>
      <c r="B3393">
        <v>178.63</v>
      </c>
      <c r="C3393">
        <v>14163.6</v>
      </c>
      <c r="D3393">
        <v>1.6</v>
      </c>
      <c r="E3393">
        <v>16928.8</v>
      </c>
      <c r="F3393">
        <v>16.450199999999999</v>
      </c>
    </row>
    <row r="3394" spans="1:6" x14ac:dyDescent="0.25">
      <c r="A3394">
        <v>142.26</v>
      </c>
      <c r="B3394">
        <v>178.63</v>
      </c>
      <c r="C3394">
        <v>14163.6</v>
      </c>
      <c r="D3394">
        <v>1.9</v>
      </c>
      <c r="E3394">
        <v>16339.1</v>
      </c>
      <c r="F3394">
        <v>16.490600000000001</v>
      </c>
    </row>
    <row r="3395" spans="1:6" x14ac:dyDescent="0.25">
      <c r="A3395">
        <v>142.26</v>
      </c>
      <c r="B3395">
        <v>178.63</v>
      </c>
      <c r="C3395">
        <v>14163.6</v>
      </c>
      <c r="D3395">
        <v>2.2000000000000002</v>
      </c>
      <c r="E3395">
        <v>16556.400000000001</v>
      </c>
      <c r="F3395">
        <v>15.9641</v>
      </c>
    </row>
    <row r="3396" spans="1:6" x14ac:dyDescent="0.25">
      <c r="A3396">
        <v>142.26</v>
      </c>
      <c r="B3396">
        <v>178.63</v>
      </c>
      <c r="C3396">
        <v>14163.6</v>
      </c>
      <c r="D3396">
        <v>2.5</v>
      </c>
      <c r="E3396">
        <v>16093.4</v>
      </c>
      <c r="F3396">
        <v>16.028099999999998</v>
      </c>
    </row>
    <row r="3397" spans="1:6" x14ac:dyDescent="0.25">
      <c r="A3397">
        <v>142.26</v>
      </c>
      <c r="B3397">
        <v>178.63</v>
      </c>
      <c r="C3397">
        <v>14163.6</v>
      </c>
      <c r="D3397">
        <v>2.8</v>
      </c>
      <c r="E3397">
        <v>16183.6</v>
      </c>
      <c r="F3397">
        <v>16.055</v>
      </c>
    </row>
    <row r="3398" spans="1:6" x14ac:dyDescent="0.25">
      <c r="A3398">
        <v>142.26</v>
      </c>
      <c r="B3398">
        <v>178.63</v>
      </c>
      <c r="C3398">
        <v>14163.6</v>
      </c>
      <c r="D3398">
        <v>3.1</v>
      </c>
      <c r="E3398">
        <v>15993</v>
      </c>
      <c r="F3398">
        <v>16.077300000000001</v>
      </c>
    </row>
    <row r="3399" spans="1:6" x14ac:dyDescent="0.25">
      <c r="A3399">
        <v>142.26</v>
      </c>
      <c r="B3399">
        <v>178.63</v>
      </c>
      <c r="C3399">
        <v>14163.6</v>
      </c>
      <c r="D3399">
        <v>3.4</v>
      </c>
      <c r="E3399">
        <v>15837.5</v>
      </c>
      <c r="F3399">
        <v>16.081800000000001</v>
      </c>
    </row>
    <row r="3400" spans="1:6" x14ac:dyDescent="0.25">
      <c r="A3400">
        <v>142.26</v>
      </c>
      <c r="B3400">
        <v>178.63</v>
      </c>
      <c r="C3400">
        <v>14163.6</v>
      </c>
      <c r="D3400">
        <v>3.7</v>
      </c>
      <c r="E3400">
        <v>15706.9</v>
      </c>
      <c r="F3400">
        <v>16.085699999999999</v>
      </c>
    </row>
    <row r="3401" spans="1:6" x14ac:dyDescent="0.25">
      <c r="A3401">
        <v>142.26</v>
      </c>
      <c r="B3401">
        <v>178.63</v>
      </c>
      <c r="C3401">
        <v>14163.6</v>
      </c>
      <c r="D3401">
        <v>4</v>
      </c>
      <c r="E3401">
        <v>15853.7</v>
      </c>
      <c r="F3401">
        <v>16.075900000000001</v>
      </c>
    </row>
    <row r="3402" spans="1:6" x14ac:dyDescent="0.25">
      <c r="A3402">
        <v>142.26</v>
      </c>
      <c r="B3402">
        <v>178.63</v>
      </c>
      <c r="C3402">
        <v>15709.1</v>
      </c>
      <c r="D3402">
        <v>1</v>
      </c>
      <c r="E3402">
        <v>19641.2</v>
      </c>
      <c r="F3402">
        <v>15.405200000000001</v>
      </c>
    </row>
    <row r="3403" spans="1:6" x14ac:dyDescent="0.25">
      <c r="A3403">
        <v>142.26</v>
      </c>
      <c r="B3403">
        <v>178.63</v>
      </c>
      <c r="C3403">
        <v>15709.1</v>
      </c>
      <c r="D3403">
        <v>1.3</v>
      </c>
      <c r="E3403">
        <v>18675.900000000001</v>
      </c>
      <c r="F3403">
        <v>16.369299999999999</v>
      </c>
    </row>
    <row r="3404" spans="1:6" x14ac:dyDescent="0.25">
      <c r="A3404">
        <v>142.26</v>
      </c>
      <c r="B3404">
        <v>178.63</v>
      </c>
      <c r="C3404">
        <v>15709.1</v>
      </c>
      <c r="D3404">
        <v>1.6</v>
      </c>
      <c r="E3404">
        <v>18265.900000000001</v>
      </c>
      <c r="F3404">
        <v>16.450199999999999</v>
      </c>
    </row>
    <row r="3405" spans="1:6" x14ac:dyDescent="0.25">
      <c r="A3405">
        <v>142.26</v>
      </c>
      <c r="B3405">
        <v>178.63</v>
      </c>
      <c r="C3405">
        <v>15709.1</v>
      </c>
      <c r="D3405">
        <v>1.9</v>
      </c>
      <c r="E3405">
        <v>17877.3</v>
      </c>
      <c r="F3405">
        <v>16.490600000000001</v>
      </c>
    </row>
    <row r="3406" spans="1:6" x14ac:dyDescent="0.25">
      <c r="A3406">
        <v>142.26</v>
      </c>
      <c r="B3406">
        <v>178.63</v>
      </c>
      <c r="C3406">
        <v>15709.1</v>
      </c>
      <c r="D3406">
        <v>2.2000000000000002</v>
      </c>
      <c r="E3406">
        <v>18137</v>
      </c>
      <c r="F3406">
        <v>15.9641</v>
      </c>
    </row>
    <row r="3407" spans="1:6" x14ac:dyDescent="0.25">
      <c r="A3407">
        <v>142.26</v>
      </c>
      <c r="B3407">
        <v>178.63</v>
      </c>
      <c r="C3407">
        <v>15709.1</v>
      </c>
      <c r="D3407">
        <v>2.5</v>
      </c>
      <c r="E3407">
        <v>17624.400000000001</v>
      </c>
      <c r="F3407">
        <v>16.028099999999998</v>
      </c>
    </row>
    <row r="3408" spans="1:6" x14ac:dyDescent="0.25">
      <c r="A3408">
        <v>142.26</v>
      </c>
      <c r="B3408">
        <v>178.63</v>
      </c>
      <c r="C3408">
        <v>15709.1</v>
      </c>
      <c r="D3408">
        <v>2.8</v>
      </c>
      <c r="E3408">
        <v>17721.400000000001</v>
      </c>
      <c r="F3408">
        <v>16.055</v>
      </c>
    </row>
    <row r="3409" spans="1:6" x14ac:dyDescent="0.25">
      <c r="A3409">
        <v>142.26</v>
      </c>
      <c r="B3409">
        <v>178.63</v>
      </c>
      <c r="C3409">
        <v>15709.1</v>
      </c>
      <c r="D3409">
        <v>3.1</v>
      </c>
      <c r="E3409">
        <v>17532.3</v>
      </c>
      <c r="F3409">
        <v>16.077300000000001</v>
      </c>
    </row>
    <row r="3410" spans="1:6" x14ac:dyDescent="0.25">
      <c r="A3410">
        <v>142.26</v>
      </c>
      <c r="B3410">
        <v>178.63</v>
      </c>
      <c r="C3410">
        <v>15709.1</v>
      </c>
      <c r="D3410">
        <v>3.4</v>
      </c>
      <c r="E3410">
        <v>17375.8</v>
      </c>
      <c r="F3410">
        <v>16.081800000000001</v>
      </c>
    </row>
    <row r="3411" spans="1:6" x14ac:dyDescent="0.25">
      <c r="A3411">
        <v>142.26</v>
      </c>
      <c r="B3411">
        <v>178.63</v>
      </c>
      <c r="C3411">
        <v>15709.1</v>
      </c>
      <c r="D3411">
        <v>3.7</v>
      </c>
      <c r="E3411">
        <v>17243.400000000001</v>
      </c>
      <c r="F3411">
        <v>16.085699999999999</v>
      </c>
    </row>
    <row r="3412" spans="1:6" x14ac:dyDescent="0.25">
      <c r="A3412">
        <v>142.26</v>
      </c>
      <c r="B3412">
        <v>178.63</v>
      </c>
      <c r="C3412">
        <v>15709.1</v>
      </c>
      <c r="D3412">
        <v>4</v>
      </c>
      <c r="E3412">
        <v>17388.599999999999</v>
      </c>
      <c r="F3412">
        <v>16.075900000000001</v>
      </c>
    </row>
    <row r="3413" spans="1:6" x14ac:dyDescent="0.25">
      <c r="A3413">
        <v>142.26</v>
      </c>
      <c r="B3413">
        <v>178.63</v>
      </c>
      <c r="C3413">
        <v>17254.5</v>
      </c>
      <c r="D3413">
        <v>1</v>
      </c>
      <c r="E3413">
        <v>21062.5</v>
      </c>
      <c r="F3413">
        <v>15.405200000000001</v>
      </c>
    </row>
    <row r="3414" spans="1:6" x14ac:dyDescent="0.25">
      <c r="A3414">
        <v>142.26</v>
      </c>
      <c r="B3414">
        <v>178.63</v>
      </c>
      <c r="C3414">
        <v>17254.5</v>
      </c>
      <c r="D3414">
        <v>1.3</v>
      </c>
      <c r="E3414">
        <v>20586.2</v>
      </c>
      <c r="F3414">
        <v>16.369299999999999</v>
      </c>
    </row>
    <row r="3415" spans="1:6" x14ac:dyDescent="0.25">
      <c r="A3415">
        <v>142.26</v>
      </c>
      <c r="B3415">
        <v>178.63</v>
      </c>
      <c r="C3415">
        <v>17254.5</v>
      </c>
      <c r="D3415">
        <v>1.6</v>
      </c>
      <c r="E3415">
        <v>19756.8</v>
      </c>
      <c r="F3415">
        <v>16.450199999999999</v>
      </c>
    </row>
    <row r="3416" spans="1:6" x14ac:dyDescent="0.25">
      <c r="A3416">
        <v>142.26</v>
      </c>
      <c r="B3416">
        <v>178.63</v>
      </c>
      <c r="C3416">
        <v>17254.5</v>
      </c>
      <c r="D3416">
        <v>1.9</v>
      </c>
      <c r="E3416">
        <v>19437.400000000001</v>
      </c>
      <c r="F3416">
        <v>16.490600000000001</v>
      </c>
    </row>
    <row r="3417" spans="1:6" x14ac:dyDescent="0.25">
      <c r="A3417">
        <v>142.26</v>
      </c>
      <c r="B3417">
        <v>178.63</v>
      </c>
      <c r="C3417">
        <v>17254.5</v>
      </c>
      <c r="D3417">
        <v>2.2000000000000002</v>
      </c>
      <c r="E3417">
        <v>19685.099999999999</v>
      </c>
      <c r="F3417">
        <v>15.9641</v>
      </c>
    </row>
    <row r="3418" spans="1:6" x14ac:dyDescent="0.25">
      <c r="A3418">
        <v>142.26</v>
      </c>
      <c r="B3418">
        <v>178.63</v>
      </c>
      <c r="C3418">
        <v>17254.5</v>
      </c>
      <c r="D3418">
        <v>2.5</v>
      </c>
      <c r="E3418">
        <v>19364.099999999999</v>
      </c>
      <c r="F3418">
        <v>16.028099999999998</v>
      </c>
    </row>
    <row r="3419" spans="1:6" x14ac:dyDescent="0.25">
      <c r="A3419">
        <v>142.26</v>
      </c>
      <c r="B3419">
        <v>178.63</v>
      </c>
      <c r="C3419">
        <v>17254.5</v>
      </c>
      <c r="D3419">
        <v>2.8</v>
      </c>
      <c r="E3419">
        <v>19147.599999999999</v>
      </c>
      <c r="F3419">
        <v>16.055</v>
      </c>
    </row>
    <row r="3420" spans="1:6" x14ac:dyDescent="0.25">
      <c r="A3420">
        <v>142.26</v>
      </c>
      <c r="B3420">
        <v>178.63</v>
      </c>
      <c r="C3420">
        <v>17254.5</v>
      </c>
      <c r="D3420">
        <v>3.1</v>
      </c>
      <c r="E3420">
        <v>18937.8</v>
      </c>
      <c r="F3420">
        <v>16.077300000000001</v>
      </c>
    </row>
    <row r="3421" spans="1:6" x14ac:dyDescent="0.25">
      <c r="A3421">
        <v>142.26</v>
      </c>
      <c r="B3421">
        <v>178.63</v>
      </c>
      <c r="C3421">
        <v>17254.5</v>
      </c>
      <c r="D3421">
        <v>3.4</v>
      </c>
      <c r="E3421">
        <v>18981.400000000001</v>
      </c>
      <c r="F3421">
        <v>16.081800000000001</v>
      </c>
    </row>
    <row r="3422" spans="1:6" x14ac:dyDescent="0.25">
      <c r="A3422">
        <v>142.26</v>
      </c>
      <c r="B3422">
        <v>178.63</v>
      </c>
      <c r="C3422">
        <v>17254.5</v>
      </c>
      <c r="D3422">
        <v>3.7</v>
      </c>
      <c r="E3422">
        <v>18835.400000000001</v>
      </c>
      <c r="F3422">
        <v>16.085699999999999</v>
      </c>
    </row>
    <row r="3423" spans="1:6" x14ac:dyDescent="0.25">
      <c r="A3423">
        <v>142.26</v>
      </c>
      <c r="B3423">
        <v>178.63</v>
      </c>
      <c r="C3423">
        <v>17254.5</v>
      </c>
      <c r="D3423">
        <v>4</v>
      </c>
      <c r="E3423">
        <v>18965.8</v>
      </c>
      <c r="F3423">
        <v>16.075900000000001</v>
      </c>
    </row>
    <row r="3424" spans="1:6" x14ac:dyDescent="0.25">
      <c r="A3424">
        <v>142.26</v>
      </c>
      <c r="B3424">
        <v>178.63</v>
      </c>
      <c r="C3424">
        <v>18800</v>
      </c>
      <c r="D3424">
        <v>1</v>
      </c>
      <c r="E3424">
        <v>23201.7</v>
      </c>
      <c r="F3424">
        <v>15.405200000000001</v>
      </c>
    </row>
    <row r="3425" spans="1:6" x14ac:dyDescent="0.25">
      <c r="A3425">
        <v>142.26</v>
      </c>
      <c r="B3425">
        <v>178.63</v>
      </c>
      <c r="C3425">
        <v>18800</v>
      </c>
      <c r="D3425">
        <v>1.3</v>
      </c>
      <c r="E3425">
        <v>21638.2</v>
      </c>
      <c r="F3425">
        <v>16.369299999999999</v>
      </c>
    </row>
    <row r="3426" spans="1:6" x14ac:dyDescent="0.25">
      <c r="A3426">
        <v>142.26</v>
      </c>
      <c r="B3426">
        <v>178.63</v>
      </c>
      <c r="C3426">
        <v>18800</v>
      </c>
      <c r="D3426">
        <v>1.6</v>
      </c>
      <c r="E3426">
        <v>21550.6</v>
      </c>
      <c r="F3426">
        <v>16.450199999999999</v>
      </c>
    </row>
    <row r="3427" spans="1:6" x14ac:dyDescent="0.25">
      <c r="A3427">
        <v>142.26</v>
      </c>
      <c r="B3427">
        <v>178.63</v>
      </c>
      <c r="C3427">
        <v>18800</v>
      </c>
      <c r="D3427">
        <v>1.9</v>
      </c>
      <c r="E3427">
        <v>21093.8</v>
      </c>
      <c r="F3427">
        <v>16.490600000000001</v>
      </c>
    </row>
    <row r="3428" spans="1:6" x14ac:dyDescent="0.25">
      <c r="A3428">
        <v>142.26</v>
      </c>
      <c r="B3428">
        <v>178.63</v>
      </c>
      <c r="C3428">
        <v>18800</v>
      </c>
      <c r="D3428">
        <v>2.2000000000000002</v>
      </c>
      <c r="E3428">
        <v>21122.7</v>
      </c>
      <c r="F3428">
        <v>15.9641</v>
      </c>
    </row>
    <row r="3429" spans="1:6" x14ac:dyDescent="0.25">
      <c r="A3429">
        <v>142.26</v>
      </c>
      <c r="B3429">
        <v>178.63</v>
      </c>
      <c r="C3429">
        <v>18800</v>
      </c>
      <c r="D3429">
        <v>2.5</v>
      </c>
      <c r="E3429">
        <v>20940.900000000001</v>
      </c>
      <c r="F3429">
        <v>16.028099999999998</v>
      </c>
    </row>
    <row r="3430" spans="1:6" x14ac:dyDescent="0.25">
      <c r="A3430">
        <v>142.26</v>
      </c>
      <c r="B3430">
        <v>178.63</v>
      </c>
      <c r="C3430">
        <v>18800</v>
      </c>
      <c r="D3430">
        <v>2.8</v>
      </c>
      <c r="E3430">
        <v>20807.2</v>
      </c>
      <c r="F3430">
        <v>16.055</v>
      </c>
    </row>
    <row r="3431" spans="1:6" x14ac:dyDescent="0.25">
      <c r="A3431">
        <v>142.26</v>
      </c>
      <c r="B3431">
        <v>178.63</v>
      </c>
      <c r="C3431">
        <v>18800</v>
      </c>
      <c r="D3431">
        <v>3.1</v>
      </c>
      <c r="E3431">
        <v>20653.599999999999</v>
      </c>
      <c r="F3431">
        <v>16.077300000000001</v>
      </c>
    </row>
    <row r="3432" spans="1:6" x14ac:dyDescent="0.25">
      <c r="A3432">
        <v>142.26</v>
      </c>
      <c r="B3432">
        <v>178.63</v>
      </c>
      <c r="C3432">
        <v>18800</v>
      </c>
      <c r="D3432">
        <v>3.4</v>
      </c>
      <c r="E3432">
        <v>20517.8</v>
      </c>
      <c r="F3432">
        <v>16.081800000000001</v>
      </c>
    </row>
    <row r="3433" spans="1:6" x14ac:dyDescent="0.25">
      <c r="A3433">
        <v>142.26</v>
      </c>
      <c r="B3433">
        <v>178.63</v>
      </c>
      <c r="C3433">
        <v>18800</v>
      </c>
      <c r="D3433">
        <v>3.7</v>
      </c>
      <c r="E3433">
        <v>20337.400000000001</v>
      </c>
      <c r="F3433">
        <v>16.085699999999999</v>
      </c>
    </row>
    <row r="3434" spans="1:6" x14ac:dyDescent="0.25">
      <c r="A3434">
        <v>142.26</v>
      </c>
      <c r="B3434">
        <v>178.63</v>
      </c>
      <c r="C3434">
        <v>18800</v>
      </c>
      <c r="D3434">
        <v>4</v>
      </c>
      <c r="E3434">
        <v>20476.900000000001</v>
      </c>
      <c r="F3434">
        <v>16.075900000000001</v>
      </c>
    </row>
    <row r="3435" spans="1:6" x14ac:dyDescent="0.25">
      <c r="A3435">
        <v>142.26</v>
      </c>
      <c r="B3435">
        <v>182.26</v>
      </c>
      <c r="C3435">
        <v>1800</v>
      </c>
      <c r="D3435">
        <v>1</v>
      </c>
      <c r="E3435">
        <v>5630.01</v>
      </c>
      <c r="F3435">
        <v>55.694600000000001</v>
      </c>
    </row>
    <row r="3436" spans="1:6" x14ac:dyDescent="0.25">
      <c r="A3436">
        <v>142.26</v>
      </c>
      <c r="B3436">
        <v>182.26</v>
      </c>
      <c r="C3436">
        <v>1800</v>
      </c>
      <c r="D3436">
        <v>1.3</v>
      </c>
      <c r="E3436">
        <v>5027.87</v>
      </c>
      <c r="F3436">
        <v>68.851100000000002</v>
      </c>
    </row>
    <row r="3437" spans="1:6" x14ac:dyDescent="0.25">
      <c r="A3437">
        <v>142.26</v>
      </c>
      <c r="B3437">
        <v>182.26</v>
      </c>
      <c r="C3437">
        <v>1800</v>
      </c>
      <c r="D3437">
        <v>1.6</v>
      </c>
      <c r="E3437">
        <v>4705.95</v>
      </c>
      <c r="F3437">
        <v>79.904799999999994</v>
      </c>
    </row>
    <row r="3438" spans="1:6" x14ac:dyDescent="0.25">
      <c r="A3438">
        <v>142.26</v>
      </c>
      <c r="B3438">
        <v>182.26</v>
      </c>
      <c r="C3438">
        <v>1800</v>
      </c>
      <c r="D3438">
        <v>1.9</v>
      </c>
      <c r="E3438">
        <v>4401.91</v>
      </c>
      <c r="F3438">
        <v>89.945800000000006</v>
      </c>
    </row>
    <row r="3439" spans="1:6" x14ac:dyDescent="0.25">
      <c r="A3439">
        <v>142.26</v>
      </c>
      <c r="B3439">
        <v>182.26</v>
      </c>
      <c r="C3439">
        <v>1800</v>
      </c>
      <c r="D3439">
        <v>2.2000000000000002</v>
      </c>
      <c r="E3439">
        <v>4234.8</v>
      </c>
      <c r="F3439">
        <v>96.380399999999995</v>
      </c>
    </row>
    <row r="3440" spans="1:6" x14ac:dyDescent="0.25">
      <c r="A3440">
        <v>142.26</v>
      </c>
      <c r="B3440">
        <v>182.26</v>
      </c>
      <c r="C3440">
        <v>1800</v>
      </c>
      <c r="D3440">
        <v>2.5</v>
      </c>
      <c r="E3440">
        <v>4146.7700000000004</v>
      </c>
      <c r="F3440">
        <v>100.396</v>
      </c>
    </row>
    <row r="3441" spans="1:6" x14ac:dyDescent="0.25">
      <c r="A3441">
        <v>142.26</v>
      </c>
      <c r="B3441">
        <v>182.26</v>
      </c>
      <c r="C3441">
        <v>1800</v>
      </c>
      <c r="D3441">
        <v>2.8</v>
      </c>
      <c r="E3441">
        <v>4036.93</v>
      </c>
      <c r="F3441">
        <v>101.973</v>
      </c>
    </row>
    <row r="3442" spans="1:6" x14ac:dyDescent="0.25">
      <c r="A3442">
        <v>142.26</v>
      </c>
      <c r="B3442">
        <v>182.26</v>
      </c>
      <c r="C3442">
        <v>1800</v>
      </c>
      <c r="D3442">
        <v>3.1</v>
      </c>
      <c r="E3442">
        <v>3926.87</v>
      </c>
      <c r="F3442">
        <v>104.108</v>
      </c>
    </row>
    <row r="3443" spans="1:6" x14ac:dyDescent="0.25">
      <c r="A3443">
        <v>142.26</v>
      </c>
      <c r="B3443">
        <v>182.26</v>
      </c>
      <c r="C3443">
        <v>1800</v>
      </c>
      <c r="D3443">
        <v>3.4</v>
      </c>
      <c r="E3443">
        <v>3910.16</v>
      </c>
      <c r="F3443">
        <v>105.913</v>
      </c>
    </row>
    <row r="3444" spans="1:6" x14ac:dyDescent="0.25">
      <c r="A3444">
        <v>142.26</v>
      </c>
      <c r="B3444">
        <v>182.26</v>
      </c>
      <c r="C3444">
        <v>1800</v>
      </c>
      <c r="D3444">
        <v>3.7</v>
      </c>
      <c r="E3444">
        <v>3850.23</v>
      </c>
      <c r="F3444">
        <v>107.1</v>
      </c>
    </row>
    <row r="3445" spans="1:6" x14ac:dyDescent="0.25">
      <c r="A3445">
        <v>142.26</v>
      </c>
      <c r="B3445">
        <v>182.26</v>
      </c>
      <c r="C3445">
        <v>1800</v>
      </c>
      <c r="D3445">
        <v>4</v>
      </c>
      <c r="E3445">
        <v>3734.2</v>
      </c>
      <c r="F3445">
        <v>106.845</v>
      </c>
    </row>
    <row r="3446" spans="1:6" x14ac:dyDescent="0.25">
      <c r="A3446">
        <v>142.26</v>
      </c>
      <c r="B3446">
        <v>182.26</v>
      </c>
      <c r="C3446">
        <v>3345.45</v>
      </c>
      <c r="D3446">
        <v>1</v>
      </c>
      <c r="E3446">
        <v>6839.5</v>
      </c>
      <c r="F3446">
        <v>27.985399999999998</v>
      </c>
    </row>
    <row r="3447" spans="1:6" x14ac:dyDescent="0.25">
      <c r="A3447">
        <v>142.26</v>
      </c>
      <c r="B3447">
        <v>182.26</v>
      </c>
      <c r="C3447">
        <v>3345.45</v>
      </c>
      <c r="D3447">
        <v>1.3</v>
      </c>
      <c r="E3447">
        <v>6336.96</v>
      </c>
      <c r="F3447">
        <v>32.643500000000003</v>
      </c>
    </row>
    <row r="3448" spans="1:6" x14ac:dyDescent="0.25">
      <c r="A3448">
        <v>142.26</v>
      </c>
      <c r="B3448">
        <v>182.26</v>
      </c>
      <c r="C3448">
        <v>3345.45</v>
      </c>
      <c r="D3448">
        <v>1.6</v>
      </c>
      <c r="E3448">
        <v>6024.89</v>
      </c>
      <c r="F3448">
        <v>40.238300000000002</v>
      </c>
    </row>
    <row r="3449" spans="1:6" x14ac:dyDescent="0.25">
      <c r="A3449">
        <v>142.26</v>
      </c>
      <c r="B3449">
        <v>182.26</v>
      </c>
      <c r="C3449">
        <v>3345.45</v>
      </c>
      <c r="D3449">
        <v>1.9</v>
      </c>
      <c r="E3449">
        <v>5762.39</v>
      </c>
      <c r="F3449">
        <v>43.9497</v>
      </c>
    </row>
    <row r="3450" spans="1:6" x14ac:dyDescent="0.25">
      <c r="A3450">
        <v>142.26</v>
      </c>
      <c r="B3450">
        <v>182.26</v>
      </c>
      <c r="C3450">
        <v>3345.45</v>
      </c>
      <c r="D3450">
        <v>2.2000000000000002</v>
      </c>
      <c r="E3450">
        <v>5581.51</v>
      </c>
      <c r="F3450">
        <v>55.684100000000001</v>
      </c>
    </row>
    <row r="3451" spans="1:6" x14ac:dyDescent="0.25">
      <c r="A3451">
        <v>142.26</v>
      </c>
      <c r="B3451">
        <v>182.26</v>
      </c>
      <c r="C3451">
        <v>3345.45</v>
      </c>
      <c r="D3451">
        <v>2.5</v>
      </c>
      <c r="E3451">
        <v>5378.69</v>
      </c>
      <c r="F3451">
        <v>61.201599999999999</v>
      </c>
    </row>
    <row r="3452" spans="1:6" x14ac:dyDescent="0.25">
      <c r="A3452">
        <v>142.26</v>
      </c>
      <c r="B3452">
        <v>182.26</v>
      </c>
      <c r="C3452">
        <v>3345.45</v>
      </c>
      <c r="D3452">
        <v>2.8</v>
      </c>
      <c r="E3452">
        <v>5294.7</v>
      </c>
      <c r="F3452">
        <v>65.216200000000001</v>
      </c>
    </row>
    <row r="3453" spans="1:6" x14ac:dyDescent="0.25">
      <c r="A3453">
        <v>142.26</v>
      </c>
      <c r="B3453">
        <v>182.26</v>
      </c>
      <c r="C3453">
        <v>3345.45</v>
      </c>
      <c r="D3453">
        <v>3.1</v>
      </c>
      <c r="E3453">
        <v>5183.97</v>
      </c>
      <c r="F3453">
        <v>67.547499999999999</v>
      </c>
    </row>
    <row r="3454" spans="1:6" x14ac:dyDescent="0.25">
      <c r="A3454">
        <v>142.26</v>
      </c>
      <c r="B3454">
        <v>182.26</v>
      </c>
      <c r="C3454">
        <v>3345.45</v>
      </c>
      <c r="D3454">
        <v>3.4</v>
      </c>
      <c r="E3454">
        <v>5121.6400000000003</v>
      </c>
      <c r="F3454">
        <v>68.256399999999999</v>
      </c>
    </row>
    <row r="3455" spans="1:6" x14ac:dyDescent="0.25">
      <c r="A3455">
        <v>142.26</v>
      </c>
      <c r="B3455">
        <v>182.26</v>
      </c>
      <c r="C3455">
        <v>3345.45</v>
      </c>
      <c r="D3455">
        <v>3.7</v>
      </c>
      <c r="E3455">
        <v>5056.3599999999997</v>
      </c>
      <c r="F3455">
        <v>71.844800000000006</v>
      </c>
    </row>
    <row r="3456" spans="1:6" x14ac:dyDescent="0.25">
      <c r="A3456">
        <v>142.26</v>
      </c>
      <c r="B3456">
        <v>182.26</v>
      </c>
      <c r="C3456">
        <v>3345.45</v>
      </c>
      <c r="D3456">
        <v>4</v>
      </c>
      <c r="E3456">
        <v>5071.8</v>
      </c>
      <c r="F3456">
        <v>74.499200000000002</v>
      </c>
    </row>
    <row r="3457" spans="1:6" x14ac:dyDescent="0.25">
      <c r="A3457">
        <v>142.26</v>
      </c>
      <c r="B3457">
        <v>182.26</v>
      </c>
      <c r="C3457">
        <v>4890.8999999999996</v>
      </c>
      <c r="D3457">
        <v>1</v>
      </c>
      <c r="E3457">
        <v>8203.69</v>
      </c>
      <c r="F3457">
        <v>11.8453</v>
      </c>
    </row>
    <row r="3458" spans="1:6" x14ac:dyDescent="0.25">
      <c r="A3458">
        <v>142.26</v>
      </c>
      <c r="B3458">
        <v>182.26</v>
      </c>
      <c r="C3458">
        <v>4890.8999999999996</v>
      </c>
      <c r="D3458">
        <v>1.3</v>
      </c>
      <c r="E3458">
        <v>7906.16</v>
      </c>
      <c r="F3458">
        <v>14.283200000000001</v>
      </c>
    </row>
    <row r="3459" spans="1:6" x14ac:dyDescent="0.25">
      <c r="A3459">
        <v>142.26</v>
      </c>
      <c r="B3459">
        <v>182.26</v>
      </c>
      <c r="C3459">
        <v>4890.8999999999996</v>
      </c>
      <c r="D3459">
        <v>1.6</v>
      </c>
      <c r="E3459">
        <v>7347.79</v>
      </c>
      <c r="F3459">
        <v>14.173400000000001</v>
      </c>
    </row>
    <row r="3460" spans="1:6" x14ac:dyDescent="0.25">
      <c r="A3460">
        <v>142.26</v>
      </c>
      <c r="B3460">
        <v>182.26</v>
      </c>
      <c r="C3460">
        <v>4890.8999999999996</v>
      </c>
      <c r="D3460">
        <v>1.9</v>
      </c>
      <c r="E3460">
        <v>7131.17</v>
      </c>
      <c r="F3460">
        <v>14.9938</v>
      </c>
    </row>
    <row r="3461" spans="1:6" x14ac:dyDescent="0.25">
      <c r="A3461">
        <v>142.26</v>
      </c>
      <c r="B3461">
        <v>182.26</v>
      </c>
      <c r="C3461">
        <v>4890.8999999999996</v>
      </c>
      <c r="D3461">
        <v>2.2000000000000002</v>
      </c>
      <c r="E3461">
        <v>6925.05</v>
      </c>
      <c r="F3461">
        <v>17.491299999999999</v>
      </c>
    </row>
    <row r="3462" spans="1:6" x14ac:dyDescent="0.25">
      <c r="A3462">
        <v>142.26</v>
      </c>
      <c r="B3462">
        <v>182.26</v>
      </c>
      <c r="C3462">
        <v>4890.8999999999996</v>
      </c>
      <c r="D3462">
        <v>2.5</v>
      </c>
      <c r="E3462">
        <v>6780.3</v>
      </c>
      <c r="F3462">
        <v>19.808499999999999</v>
      </c>
    </row>
    <row r="3463" spans="1:6" x14ac:dyDescent="0.25">
      <c r="A3463">
        <v>142.26</v>
      </c>
      <c r="B3463">
        <v>182.26</v>
      </c>
      <c r="C3463">
        <v>4890.8999999999996</v>
      </c>
      <c r="D3463">
        <v>2.8</v>
      </c>
      <c r="E3463">
        <v>6769.89</v>
      </c>
      <c r="F3463">
        <v>22.4543</v>
      </c>
    </row>
    <row r="3464" spans="1:6" x14ac:dyDescent="0.25">
      <c r="A3464">
        <v>142.26</v>
      </c>
      <c r="B3464">
        <v>182.26</v>
      </c>
      <c r="C3464">
        <v>4890.8999999999996</v>
      </c>
      <c r="D3464">
        <v>3.1</v>
      </c>
      <c r="E3464">
        <v>6569.94</v>
      </c>
      <c r="F3464">
        <v>25.372599999999998</v>
      </c>
    </row>
    <row r="3465" spans="1:6" x14ac:dyDescent="0.25">
      <c r="A3465">
        <v>142.26</v>
      </c>
      <c r="B3465">
        <v>182.26</v>
      </c>
      <c r="C3465">
        <v>4890.8999999999996</v>
      </c>
      <c r="D3465">
        <v>3.4</v>
      </c>
      <c r="E3465">
        <v>6532.4</v>
      </c>
      <c r="F3465">
        <v>26.661999999999999</v>
      </c>
    </row>
    <row r="3466" spans="1:6" x14ac:dyDescent="0.25">
      <c r="A3466">
        <v>142.26</v>
      </c>
      <c r="B3466">
        <v>182.26</v>
      </c>
      <c r="C3466">
        <v>4890.8999999999996</v>
      </c>
      <c r="D3466">
        <v>3.7</v>
      </c>
      <c r="E3466">
        <v>6526.82</v>
      </c>
      <c r="F3466">
        <v>28.3749</v>
      </c>
    </row>
    <row r="3467" spans="1:6" x14ac:dyDescent="0.25">
      <c r="A3467">
        <v>142.26</v>
      </c>
      <c r="B3467">
        <v>182.26</v>
      </c>
      <c r="C3467">
        <v>4890.8999999999996</v>
      </c>
      <c r="D3467">
        <v>4</v>
      </c>
      <c r="E3467">
        <v>6448.62</v>
      </c>
      <c r="F3467">
        <v>30.1755</v>
      </c>
    </row>
    <row r="3468" spans="1:6" x14ac:dyDescent="0.25">
      <c r="A3468">
        <v>142.26</v>
      </c>
      <c r="B3468">
        <v>182.26</v>
      </c>
      <c r="C3468">
        <v>6436.35</v>
      </c>
      <c r="D3468">
        <v>1</v>
      </c>
      <c r="E3468">
        <v>10637.9</v>
      </c>
      <c r="F3468">
        <v>15.405200000000001</v>
      </c>
    </row>
    <row r="3469" spans="1:6" x14ac:dyDescent="0.25">
      <c r="A3469">
        <v>142.26</v>
      </c>
      <c r="B3469">
        <v>182.26</v>
      </c>
      <c r="C3469">
        <v>6436.35</v>
      </c>
      <c r="D3469">
        <v>1.3</v>
      </c>
      <c r="E3469">
        <v>9426.64</v>
      </c>
      <c r="F3469">
        <v>14.7537</v>
      </c>
    </row>
    <row r="3470" spans="1:6" x14ac:dyDescent="0.25">
      <c r="A3470">
        <v>142.26</v>
      </c>
      <c r="B3470">
        <v>182.26</v>
      </c>
      <c r="C3470">
        <v>6436.35</v>
      </c>
      <c r="D3470">
        <v>1.6</v>
      </c>
      <c r="E3470">
        <v>9386.94</v>
      </c>
      <c r="F3470">
        <v>14.1135</v>
      </c>
    </row>
    <row r="3471" spans="1:6" x14ac:dyDescent="0.25">
      <c r="A3471">
        <v>142.26</v>
      </c>
      <c r="B3471">
        <v>182.26</v>
      </c>
      <c r="C3471">
        <v>6436.35</v>
      </c>
      <c r="D3471">
        <v>1.9</v>
      </c>
      <c r="E3471">
        <v>8862.7199999999993</v>
      </c>
      <c r="F3471">
        <v>14.279400000000001</v>
      </c>
    </row>
    <row r="3472" spans="1:6" x14ac:dyDescent="0.25">
      <c r="A3472">
        <v>142.26</v>
      </c>
      <c r="B3472">
        <v>182.26</v>
      </c>
      <c r="C3472">
        <v>6436.35</v>
      </c>
      <c r="D3472">
        <v>2.2000000000000002</v>
      </c>
      <c r="E3472">
        <v>8619.33</v>
      </c>
      <c r="F3472">
        <v>15.9641</v>
      </c>
    </row>
    <row r="3473" spans="1:6" x14ac:dyDescent="0.25">
      <c r="A3473">
        <v>142.26</v>
      </c>
      <c r="B3473">
        <v>182.26</v>
      </c>
      <c r="C3473">
        <v>6436.35</v>
      </c>
      <c r="D3473">
        <v>2.5</v>
      </c>
      <c r="E3473">
        <v>8430.85</v>
      </c>
      <c r="F3473">
        <v>16.028099999999998</v>
      </c>
    </row>
    <row r="3474" spans="1:6" x14ac:dyDescent="0.25">
      <c r="A3474">
        <v>142.26</v>
      </c>
      <c r="B3474">
        <v>182.26</v>
      </c>
      <c r="C3474">
        <v>6436.35</v>
      </c>
      <c r="D3474">
        <v>2.8</v>
      </c>
      <c r="E3474">
        <v>8103.65</v>
      </c>
      <c r="F3474">
        <v>16.055</v>
      </c>
    </row>
    <row r="3475" spans="1:6" x14ac:dyDescent="0.25">
      <c r="A3475">
        <v>142.26</v>
      </c>
      <c r="B3475">
        <v>182.26</v>
      </c>
      <c r="C3475">
        <v>6436.35</v>
      </c>
      <c r="D3475">
        <v>3.1</v>
      </c>
      <c r="E3475">
        <v>8060.56</v>
      </c>
      <c r="F3475">
        <v>16.066299999999998</v>
      </c>
    </row>
    <row r="3476" spans="1:6" x14ac:dyDescent="0.25">
      <c r="A3476">
        <v>142.26</v>
      </c>
      <c r="B3476">
        <v>182.26</v>
      </c>
      <c r="C3476">
        <v>6436.35</v>
      </c>
      <c r="D3476">
        <v>3.4</v>
      </c>
      <c r="E3476">
        <v>7932.46</v>
      </c>
      <c r="F3476">
        <v>15.8484</v>
      </c>
    </row>
    <row r="3477" spans="1:6" x14ac:dyDescent="0.25">
      <c r="A3477">
        <v>142.26</v>
      </c>
      <c r="B3477">
        <v>182.26</v>
      </c>
      <c r="C3477">
        <v>6436.35</v>
      </c>
      <c r="D3477">
        <v>3.7</v>
      </c>
      <c r="E3477">
        <v>7822.95</v>
      </c>
      <c r="F3477">
        <v>15.674799999999999</v>
      </c>
    </row>
    <row r="3478" spans="1:6" x14ac:dyDescent="0.25">
      <c r="A3478">
        <v>142.26</v>
      </c>
      <c r="B3478">
        <v>182.26</v>
      </c>
      <c r="C3478">
        <v>6436.35</v>
      </c>
      <c r="D3478">
        <v>4</v>
      </c>
      <c r="E3478">
        <v>7727.62</v>
      </c>
      <c r="F3478">
        <v>15.530900000000001</v>
      </c>
    </row>
    <row r="3479" spans="1:6" x14ac:dyDescent="0.25">
      <c r="A3479">
        <v>142.26</v>
      </c>
      <c r="B3479">
        <v>182.26</v>
      </c>
      <c r="C3479">
        <v>7981.8</v>
      </c>
      <c r="D3479">
        <v>1</v>
      </c>
      <c r="E3479">
        <v>12059.7</v>
      </c>
      <c r="F3479">
        <v>15.405200000000001</v>
      </c>
    </row>
    <row r="3480" spans="1:6" x14ac:dyDescent="0.25">
      <c r="A3480">
        <v>142.26</v>
      </c>
      <c r="B3480">
        <v>182.26</v>
      </c>
      <c r="C3480">
        <v>7981.8</v>
      </c>
      <c r="D3480">
        <v>1.3</v>
      </c>
      <c r="E3480">
        <v>11133.6</v>
      </c>
      <c r="F3480">
        <v>16.369299999999999</v>
      </c>
    </row>
    <row r="3481" spans="1:6" x14ac:dyDescent="0.25">
      <c r="A3481">
        <v>142.26</v>
      </c>
      <c r="B3481">
        <v>182.26</v>
      </c>
      <c r="C3481">
        <v>7981.8</v>
      </c>
      <c r="D3481">
        <v>1.6</v>
      </c>
      <c r="E3481">
        <v>10536.6</v>
      </c>
      <c r="F3481">
        <v>16.450199999999999</v>
      </c>
    </row>
    <row r="3482" spans="1:6" x14ac:dyDescent="0.25">
      <c r="A3482">
        <v>142.26</v>
      </c>
      <c r="B3482">
        <v>182.26</v>
      </c>
      <c r="C3482">
        <v>7981.8</v>
      </c>
      <c r="D3482">
        <v>1.9</v>
      </c>
      <c r="E3482">
        <v>10263</v>
      </c>
      <c r="F3482">
        <v>16.490600000000001</v>
      </c>
    </row>
    <row r="3483" spans="1:6" x14ac:dyDescent="0.25">
      <c r="A3483">
        <v>142.26</v>
      </c>
      <c r="B3483">
        <v>182.26</v>
      </c>
      <c r="C3483">
        <v>7981.8</v>
      </c>
      <c r="D3483">
        <v>2.2000000000000002</v>
      </c>
      <c r="E3483">
        <v>10221.6</v>
      </c>
      <c r="F3483">
        <v>15.9641</v>
      </c>
    </row>
    <row r="3484" spans="1:6" x14ac:dyDescent="0.25">
      <c r="A3484">
        <v>142.26</v>
      </c>
      <c r="B3484">
        <v>182.26</v>
      </c>
      <c r="C3484">
        <v>7981.8</v>
      </c>
      <c r="D3484">
        <v>2.5</v>
      </c>
      <c r="E3484">
        <v>9995.9699999999993</v>
      </c>
      <c r="F3484">
        <v>16.028099999999998</v>
      </c>
    </row>
    <row r="3485" spans="1:6" x14ac:dyDescent="0.25">
      <c r="A3485">
        <v>142.26</v>
      </c>
      <c r="B3485">
        <v>182.26</v>
      </c>
      <c r="C3485">
        <v>7981.8</v>
      </c>
      <c r="D3485">
        <v>2.8</v>
      </c>
      <c r="E3485">
        <v>9814.85</v>
      </c>
      <c r="F3485">
        <v>16.055</v>
      </c>
    </row>
    <row r="3486" spans="1:6" x14ac:dyDescent="0.25">
      <c r="A3486">
        <v>142.26</v>
      </c>
      <c r="B3486">
        <v>182.26</v>
      </c>
      <c r="C3486">
        <v>7981.8</v>
      </c>
      <c r="D3486">
        <v>3.1</v>
      </c>
      <c r="E3486">
        <v>9626.6</v>
      </c>
      <c r="F3486">
        <v>16.077300000000001</v>
      </c>
    </row>
    <row r="3487" spans="1:6" x14ac:dyDescent="0.25">
      <c r="A3487">
        <v>142.26</v>
      </c>
      <c r="B3487">
        <v>182.26</v>
      </c>
      <c r="C3487">
        <v>7981.8</v>
      </c>
      <c r="D3487">
        <v>3.4</v>
      </c>
      <c r="E3487">
        <v>9551.41</v>
      </c>
      <c r="F3487">
        <v>16.081800000000001</v>
      </c>
    </row>
    <row r="3488" spans="1:6" x14ac:dyDescent="0.25">
      <c r="A3488">
        <v>142.26</v>
      </c>
      <c r="B3488">
        <v>182.26</v>
      </c>
      <c r="C3488">
        <v>7981.8</v>
      </c>
      <c r="D3488">
        <v>3.7</v>
      </c>
      <c r="E3488">
        <v>9485.86</v>
      </c>
      <c r="F3488">
        <v>16.085699999999999</v>
      </c>
    </row>
    <row r="3489" spans="1:6" x14ac:dyDescent="0.25">
      <c r="A3489">
        <v>142.26</v>
      </c>
      <c r="B3489">
        <v>182.26</v>
      </c>
      <c r="C3489">
        <v>7981.8</v>
      </c>
      <c r="D3489">
        <v>4</v>
      </c>
      <c r="E3489">
        <v>9381.2999999999993</v>
      </c>
      <c r="F3489">
        <v>16.075900000000001</v>
      </c>
    </row>
    <row r="3490" spans="1:6" x14ac:dyDescent="0.25">
      <c r="A3490">
        <v>142.26</v>
      </c>
      <c r="B3490">
        <v>182.26</v>
      </c>
      <c r="C3490">
        <v>9527.25</v>
      </c>
      <c r="D3490">
        <v>1</v>
      </c>
      <c r="E3490">
        <v>13518.9</v>
      </c>
      <c r="F3490">
        <v>15.405200000000001</v>
      </c>
    </row>
    <row r="3491" spans="1:6" x14ac:dyDescent="0.25">
      <c r="A3491">
        <v>142.26</v>
      </c>
      <c r="B3491">
        <v>182.26</v>
      </c>
      <c r="C3491">
        <v>9527.25</v>
      </c>
      <c r="D3491">
        <v>1.3</v>
      </c>
      <c r="E3491">
        <v>12706.3</v>
      </c>
      <c r="F3491">
        <v>16.369299999999999</v>
      </c>
    </row>
    <row r="3492" spans="1:6" x14ac:dyDescent="0.25">
      <c r="A3492">
        <v>142.26</v>
      </c>
      <c r="B3492">
        <v>182.26</v>
      </c>
      <c r="C3492">
        <v>9527.25</v>
      </c>
      <c r="D3492">
        <v>1.6</v>
      </c>
      <c r="E3492">
        <v>11977.3</v>
      </c>
      <c r="F3492">
        <v>16.450199999999999</v>
      </c>
    </row>
    <row r="3493" spans="1:6" x14ac:dyDescent="0.25">
      <c r="A3493">
        <v>142.26</v>
      </c>
      <c r="B3493">
        <v>182.26</v>
      </c>
      <c r="C3493">
        <v>9527.25</v>
      </c>
      <c r="D3493">
        <v>1.9</v>
      </c>
      <c r="E3493">
        <v>11615.5</v>
      </c>
      <c r="F3493">
        <v>16.490600000000001</v>
      </c>
    </row>
    <row r="3494" spans="1:6" x14ac:dyDescent="0.25">
      <c r="A3494">
        <v>142.26</v>
      </c>
      <c r="B3494">
        <v>182.26</v>
      </c>
      <c r="C3494">
        <v>9527.25</v>
      </c>
      <c r="D3494">
        <v>2.2000000000000002</v>
      </c>
      <c r="E3494">
        <v>11673.4</v>
      </c>
      <c r="F3494">
        <v>15.9641</v>
      </c>
    </row>
    <row r="3495" spans="1:6" x14ac:dyDescent="0.25">
      <c r="A3495">
        <v>142.26</v>
      </c>
      <c r="B3495">
        <v>182.26</v>
      </c>
      <c r="C3495">
        <v>9527.25</v>
      </c>
      <c r="D3495">
        <v>2.5</v>
      </c>
      <c r="E3495">
        <v>11392.6</v>
      </c>
      <c r="F3495">
        <v>16.028099999999998</v>
      </c>
    </row>
    <row r="3496" spans="1:6" x14ac:dyDescent="0.25">
      <c r="A3496">
        <v>142.26</v>
      </c>
      <c r="B3496">
        <v>182.26</v>
      </c>
      <c r="C3496">
        <v>9527.25</v>
      </c>
      <c r="D3496">
        <v>2.8</v>
      </c>
      <c r="E3496">
        <v>11494</v>
      </c>
      <c r="F3496">
        <v>16.055</v>
      </c>
    </row>
    <row r="3497" spans="1:6" x14ac:dyDescent="0.25">
      <c r="A3497">
        <v>142.26</v>
      </c>
      <c r="B3497">
        <v>182.26</v>
      </c>
      <c r="C3497">
        <v>9527.25</v>
      </c>
      <c r="D3497">
        <v>3.1</v>
      </c>
      <c r="E3497">
        <v>11306.3</v>
      </c>
      <c r="F3497">
        <v>16.077300000000001</v>
      </c>
    </row>
    <row r="3498" spans="1:6" x14ac:dyDescent="0.25">
      <c r="A3498">
        <v>142.26</v>
      </c>
      <c r="B3498">
        <v>182.26</v>
      </c>
      <c r="C3498">
        <v>9527.25</v>
      </c>
      <c r="D3498">
        <v>3.4</v>
      </c>
      <c r="E3498">
        <v>11151.2</v>
      </c>
      <c r="F3498">
        <v>16.081800000000001</v>
      </c>
    </row>
    <row r="3499" spans="1:6" x14ac:dyDescent="0.25">
      <c r="A3499">
        <v>142.26</v>
      </c>
      <c r="B3499">
        <v>182.26</v>
      </c>
      <c r="C3499">
        <v>9527.25</v>
      </c>
      <c r="D3499">
        <v>3.7</v>
      </c>
      <c r="E3499">
        <v>11019.9</v>
      </c>
      <c r="F3499">
        <v>16.085699999999999</v>
      </c>
    </row>
    <row r="3500" spans="1:6" x14ac:dyDescent="0.25">
      <c r="A3500">
        <v>142.26</v>
      </c>
      <c r="B3500">
        <v>182.26</v>
      </c>
      <c r="C3500">
        <v>9527.25</v>
      </c>
      <c r="D3500">
        <v>4</v>
      </c>
      <c r="E3500">
        <v>11170.4</v>
      </c>
      <c r="F3500">
        <v>16.075900000000001</v>
      </c>
    </row>
    <row r="3501" spans="1:6" x14ac:dyDescent="0.25">
      <c r="A3501">
        <v>142.26</v>
      </c>
      <c r="B3501">
        <v>182.26</v>
      </c>
      <c r="C3501">
        <v>11072.7</v>
      </c>
      <c r="D3501">
        <v>1</v>
      </c>
      <c r="E3501">
        <v>15127.2</v>
      </c>
      <c r="F3501">
        <v>15.405200000000001</v>
      </c>
    </row>
    <row r="3502" spans="1:6" x14ac:dyDescent="0.25">
      <c r="A3502">
        <v>142.26</v>
      </c>
      <c r="B3502">
        <v>182.26</v>
      </c>
      <c r="C3502">
        <v>11072.7</v>
      </c>
      <c r="D3502">
        <v>1.3</v>
      </c>
      <c r="E3502">
        <v>14126.8</v>
      </c>
      <c r="F3502">
        <v>16.369299999999999</v>
      </c>
    </row>
    <row r="3503" spans="1:6" x14ac:dyDescent="0.25">
      <c r="A3503">
        <v>142.26</v>
      </c>
      <c r="B3503">
        <v>182.26</v>
      </c>
      <c r="C3503">
        <v>11072.7</v>
      </c>
      <c r="D3503">
        <v>1.6</v>
      </c>
      <c r="E3503">
        <v>13520.4</v>
      </c>
      <c r="F3503">
        <v>16.450199999999999</v>
      </c>
    </row>
    <row r="3504" spans="1:6" x14ac:dyDescent="0.25">
      <c r="A3504">
        <v>142.26</v>
      </c>
      <c r="B3504">
        <v>182.26</v>
      </c>
      <c r="C3504">
        <v>11072.7</v>
      </c>
      <c r="D3504">
        <v>1.9</v>
      </c>
      <c r="E3504">
        <v>13336.9</v>
      </c>
      <c r="F3504">
        <v>16.490600000000001</v>
      </c>
    </row>
    <row r="3505" spans="1:6" x14ac:dyDescent="0.25">
      <c r="A3505">
        <v>142.26</v>
      </c>
      <c r="B3505">
        <v>182.26</v>
      </c>
      <c r="C3505">
        <v>11072.7</v>
      </c>
      <c r="D3505">
        <v>2.2000000000000002</v>
      </c>
      <c r="E3505">
        <v>13250.2</v>
      </c>
      <c r="F3505">
        <v>15.9641</v>
      </c>
    </row>
    <row r="3506" spans="1:6" x14ac:dyDescent="0.25">
      <c r="A3506">
        <v>142.26</v>
      </c>
      <c r="B3506">
        <v>182.26</v>
      </c>
      <c r="C3506">
        <v>11072.7</v>
      </c>
      <c r="D3506">
        <v>2.5</v>
      </c>
      <c r="E3506">
        <v>13077.3</v>
      </c>
      <c r="F3506">
        <v>16.028099999999998</v>
      </c>
    </row>
    <row r="3507" spans="1:6" x14ac:dyDescent="0.25">
      <c r="A3507">
        <v>142.26</v>
      </c>
      <c r="B3507">
        <v>182.26</v>
      </c>
      <c r="C3507">
        <v>11072.7</v>
      </c>
      <c r="D3507">
        <v>2.8</v>
      </c>
      <c r="E3507">
        <v>12820.1</v>
      </c>
      <c r="F3507">
        <v>16.055</v>
      </c>
    </row>
    <row r="3508" spans="1:6" x14ac:dyDescent="0.25">
      <c r="A3508">
        <v>142.26</v>
      </c>
      <c r="B3508">
        <v>182.26</v>
      </c>
      <c r="C3508">
        <v>11072.7</v>
      </c>
      <c r="D3508">
        <v>3.1</v>
      </c>
      <c r="E3508">
        <v>12852.5</v>
      </c>
      <c r="F3508">
        <v>16.077300000000001</v>
      </c>
    </row>
    <row r="3509" spans="1:6" x14ac:dyDescent="0.25">
      <c r="A3509">
        <v>142.26</v>
      </c>
      <c r="B3509">
        <v>182.26</v>
      </c>
      <c r="C3509">
        <v>11072.7</v>
      </c>
      <c r="D3509">
        <v>3.4</v>
      </c>
      <c r="E3509">
        <v>12681</v>
      </c>
      <c r="F3509">
        <v>16.081800000000001</v>
      </c>
    </row>
    <row r="3510" spans="1:6" x14ac:dyDescent="0.25">
      <c r="A3510">
        <v>142.26</v>
      </c>
      <c r="B3510">
        <v>182.26</v>
      </c>
      <c r="C3510">
        <v>11072.7</v>
      </c>
      <c r="D3510">
        <v>3.7</v>
      </c>
      <c r="E3510">
        <v>12536.3</v>
      </c>
      <c r="F3510">
        <v>16.085699999999999</v>
      </c>
    </row>
    <row r="3511" spans="1:6" x14ac:dyDescent="0.25">
      <c r="A3511">
        <v>142.26</v>
      </c>
      <c r="B3511">
        <v>182.26</v>
      </c>
      <c r="C3511">
        <v>11072.7</v>
      </c>
      <c r="D3511">
        <v>4</v>
      </c>
      <c r="E3511">
        <v>12508.9</v>
      </c>
      <c r="F3511">
        <v>16.075900000000001</v>
      </c>
    </row>
    <row r="3512" spans="1:6" x14ac:dyDescent="0.25">
      <c r="A3512">
        <v>142.26</v>
      </c>
      <c r="B3512">
        <v>182.26</v>
      </c>
      <c r="C3512">
        <v>12618.2</v>
      </c>
      <c r="D3512">
        <v>1</v>
      </c>
      <c r="E3512">
        <v>16514.900000000001</v>
      </c>
      <c r="F3512">
        <v>15.405200000000001</v>
      </c>
    </row>
    <row r="3513" spans="1:6" x14ac:dyDescent="0.25">
      <c r="A3513">
        <v>142.26</v>
      </c>
      <c r="B3513">
        <v>182.26</v>
      </c>
      <c r="C3513">
        <v>12618.2</v>
      </c>
      <c r="D3513">
        <v>1.3</v>
      </c>
      <c r="E3513">
        <v>15683.8</v>
      </c>
      <c r="F3513">
        <v>16.369299999999999</v>
      </c>
    </row>
    <row r="3514" spans="1:6" x14ac:dyDescent="0.25">
      <c r="A3514">
        <v>142.26</v>
      </c>
      <c r="B3514">
        <v>182.26</v>
      </c>
      <c r="C3514">
        <v>12618.2</v>
      </c>
      <c r="D3514">
        <v>1.6</v>
      </c>
      <c r="E3514">
        <v>15167.9</v>
      </c>
      <c r="F3514">
        <v>16.450199999999999</v>
      </c>
    </row>
    <row r="3515" spans="1:6" x14ac:dyDescent="0.25">
      <c r="A3515">
        <v>142.26</v>
      </c>
      <c r="B3515">
        <v>182.26</v>
      </c>
      <c r="C3515">
        <v>12618.2</v>
      </c>
      <c r="D3515">
        <v>1.9</v>
      </c>
      <c r="E3515">
        <v>14678.4</v>
      </c>
      <c r="F3515">
        <v>16.490600000000001</v>
      </c>
    </row>
    <row r="3516" spans="1:6" x14ac:dyDescent="0.25">
      <c r="A3516">
        <v>142.26</v>
      </c>
      <c r="B3516">
        <v>182.26</v>
      </c>
      <c r="C3516">
        <v>12618.2</v>
      </c>
      <c r="D3516">
        <v>2.2000000000000002</v>
      </c>
      <c r="E3516">
        <v>14756.6</v>
      </c>
      <c r="F3516">
        <v>15.9641</v>
      </c>
    </row>
    <row r="3517" spans="1:6" x14ac:dyDescent="0.25">
      <c r="A3517">
        <v>142.26</v>
      </c>
      <c r="B3517">
        <v>182.26</v>
      </c>
      <c r="C3517">
        <v>12618.2</v>
      </c>
      <c r="D3517">
        <v>2.5</v>
      </c>
      <c r="E3517">
        <v>14577.3</v>
      </c>
      <c r="F3517">
        <v>16.028099999999998</v>
      </c>
    </row>
    <row r="3518" spans="1:6" x14ac:dyDescent="0.25">
      <c r="A3518">
        <v>142.26</v>
      </c>
      <c r="B3518">
        <v>182.26</v>
      </c>
      <c r="C3518">
        <v>12618.2</v>
      </c>
      <c r="D3518">
        <v>2.8</v>
      </c>
      <c r="E3518">
        <v>14559.4</v>
      </c>
      <c r="F3518">
        <v>16.055</v>
      </c>
    </row>
    <row r="3519" spans="1:6" x14ac:dyDescent="0.25">
      <c r="A3519">
        <v>142.26</v>
      </c>
      <c r="B3519">
        <v>182.26</v>
      </c>
      <c r="C3519">
        <v>12618.2</v>
      </c>
      <c r="D3519">
        <v>3.1</v>
      </c>
      <c r="E3519">
        <v>14464.2</v>
      </c>
      <c r="F3519">
        <v>16.077300000000001</v>
      </c>
    </row>
    <row r="3520" spans="1:6" x14ac:dyDescent="0.25">
      <c r="A3520">
        <v>142.26</v>
      </c>
      <c r="B3520">
        <v>182.26</v>
      </c>
      <c r="C3520">
        <v>12618.2</v>
      </c>
      <c r="D3520">
        <v>3.4</v>
      </c>
      <c r="E3520">
        <v>14305.4</v>
      </c>
      <c r="F3520">
        <v>16.081800000000001</v>
      </c>
    </row>
    <row r="3521" spans="1:6" x14ac:dyDescent="0.25">
      <c r="A3521">
        <v>142.26</v>
      </c>
      <c r="B3521">
        <v>182.26</v>
      </c>
      <c r="C3521">
        <v>12618.2</v>
      </c>
      <c r="D3521">
        <v>3.7</v>
      </c>
      <c r="E3521">
        <v>14167.5</v>
      </c>
      <c r="F3521">
        <v>16.085699999999999</v>
      </c>
    </row>
    <row r="3522" spans="1:6" x14ac:dyDescent="0.25">
      <c r="A3522">
        <v>142.26</v>
      </c>
      <c r="B3522">
        <v>182.26</v>
      </c>
      <c r="C3522">
        <v>12618.2</v>
      </c>
      <c r="D3522">
        <v>4</v>
      </c>
      <c r="E3522">
        <v>14055.8</v>
      </c>
      <c r="F3522">
        <v>16.075900000000001</v>
      </c>
    </row>
    <row r="3523" spans="1:6" x14ac:dyDescent="0.25">
      <c r="A3523">
        <v>142.26</v>
      </c>
      <c r="B3523">
        <v>182.26</v>
      </c>
      <c r="C3523">
        <v>14163.6</v>
      </c>
      <c r="D3523">
        <v>1</v>
      </c>
      <c r="E3523">
        <v>18134.2</v>
      </c>
      <c r="F3523">
        <v>15.405200000000001</v>
      </c>
    </row>
    <row r="3524" spans="1:6" x14ac:dyDescent="0.25">
      <c r="A3524">
        <v>142.26</v>
      </c>
      <c r="B3524">
        <v>182.26</v>
      </c>
      <c r="C3524">
        <v>14163.6</v>
      </c>
      <c r="D3524">
        <v>1.3</v>
      </c>
      <c r="E3524">
        <v>17073</v>
      </c>
      <c r="F3524">
        <v>16.369299999999999</v>
      </c>
    </row>
    <row r="3525" spans="1:6" x14ac:dyDescent="0.25">
      <c r="A3525">
        <v>142.26</v>
      </c>
      <c r="B3525">
        <v>182.26</v>
      </c>
      <c r="C3525">
        <v>14163.6</v>
      </c>
      <c r="D3525">
        <v>1.6</v>
      </c>
      <c r="E3525">
        <v>16614.7</v>
      </c>
      <c r="F3525">
        <v>16.450199999999999</v>
      </c>
    </row>
    <row r="3526" spans="1:6" x14ac:dyDescent="0.25">
      <c r="A3526">
        <v>142.26</v>
      </c>
      <c r="B3526">
        <v>182.26</v>
      </c>
      <c r="C3526">
        <v>14163.6</v>
      </c>
      <c r="D3526">
        <v>1.9</v>
      </c>
      <c r="E3526">
        <v>16339.1</v>
      </c>
      <c r="F3526">
        <v>16.490600000000001</v>
      </c>
    </row>
    <row r="3527" spans="1:6" x14ac:dyDescent="0.25">
      <c r="A3527">
        <v>142.26</v>
      </c>
      <c r="B3527">
        <v>182.26</v>
      </c>
      <c r="C3527">
        <v>14163.6</v>
      </c>
      <c r="D3527">
        <v>2.2000000000000002</v>
      </c>
      <c r="E3527">
        <v>16351.1</v>
      </c>
      <c r="F3527">
        <v>15.9641</v>
      </c>
    </row>
    <row r="3528" spans="1:6" x14ac:dyDescent="0.25">
      <c r="A3528">
        <v>142.26</v>
      </c>
      <c r="B3528">
        <v>182.26</v>
      </c>
      <c r="C3528">
        <v>14163.6</v>
      </c>
      <c r="D3528">
        <v>2.5</v>
      </c>
      <c r="E3528">
        <v>16137.8</v>
      </c>
      <c r="F3528">
        <v>16.028099999999998</v>
      </c>
    </row>
    <row r="3529" spans="1:6" x14ac:dyDescent="0.25">
      <c r="A3529">
        <v>142.26</v>
      </c>
      <c r="B3529">
        <v>182.26</v>
      </c>
      <c r="C3529">
        <v>14163.6</v>
      </c>
      <c r="D3529">
        <v>2.8</v>
      </c>
      <c r="E3529">
        <v>16045.1</v>
      </c>
      <c r="F3529">
        <v>16.055</v>
      </c>
    </row>
    <row r="3530" spans="1:6" x14ac:dyDescent="0.25">
      <c r="A3530">
        <v>142.26</v>
      </c>
      <c r="B3530">
        <v>182.26</v>
      </c>
      <c r="C3530">
        <v>14163.6</v>
      </c>
      <c r="D3530">
        <v>3.1</v>
      </c>
      <c r="E3530">
        <v>16006.8</v>
      </c>
      <c r="F3530">
        <v>16.077300000000001</v>
      </c>
    </row>
    <row r="3531" spans="1:6" x14ac:dyDescent="0.25">
      <c r="A3531">
        <v>142.26</v>
      </c>
      <c r="B3531">
        <v>182.26</v>
      </c>
      <c r="C3531">
        <v>14163.6</v>
      </c>
      <c r="D3531">
        <v>3.4</v>
      </c>
      <c r="E3531">
        <v>15851.1</v>
      </c>
      <c r="F3531">
        <v>16.081800000000001</v>
      </c>
    </row>
    <row r="3532" spans="1:6" x14ac:dyDescent="0.25">
      <c r="A3532">
        <v>142.26</v>
      </c>
      <c r="B3532">
        <v>182.26</v>
      </c>
      <c r="C3532">
        <v>14163.6</v>
      </c>
      <c r="D3532">
        <v>3.7</v>
      </c>
      <c r="E3532">
        <v>15692.9</v>
      </c>
      <c r="F3532">
        <v>16.085699999999999</v>
      </c>
    </row>
    <row r="3533" spans="1:6" x14ac:dyDescent="0.25">
      <c r="A3533">
        <v>142.26</v>
      </c>
      <c r="B3533">
        <v>182.26</v>
      </c>
      <c r="C3533">
        <v>14163.6</v>
      </c>
      <c r="D3533">
        <v>4</v>
      </c>
      <c r="E3533">
        <v>15572</v>
      </c>
      <c r="F3533">
        <v>16.075900000000001</v>
      </c>
    </row>
    <row r="3534" spans="1:6" x14ac:dyDescent="0.25">
      <c r="A3534">
        <v>142.26</v>
      </c>
      <c r="B3534">
        <v>182.26</v>
      </c>
      <c r="C3534">
        <v>15709.1</v>
      </c>
      <c r="D3534">
        <v>1</v>
      </c>
      <c r="E3534">
        <v>19641.2</v>
      </c>
      <c r="F3534">
        <v>15.405200000000001</v>
      </c>
    </row>
    <row r="3535" spans="1:6" x14ac:dyDescent="0.25">
      <c r="A3535">
        <v>142.26</v>
      </c>
      <c r="B3535">
        <v>182.26</v>
      </c>
      <c r="C3535">
        <v>15709.1</v>
      </c>
      <c r="D3535">
        <v>1.3</v>
      </c>
      <c r="E3535">
        <v>18612.2</v>
      </c>
      <c r="F3535">
        <v>16.369299999999999</v>
      </c>
    </row>
    <row r="3536" spans="1:6" x14ac:dyDescent="0.25">
      <c r="A3536">
        <v>142.26</v>
      </c>
      <c r="B3536">
        <v>182.26</v>
      </c>
      <c r="C3536">
        <v>15709.1</v>
      </c>
      <c r="D3536">
        <v>1.6</v>
      </c>
      <c r="E3536">
        <v>18265.900000000001</v>
      </c>
      <c r="F3536">
        <v>16.450199999999999</v>
      </c>
    </row>
    <row r="3537" spans="1:6" x14ac:dyDescent="0.25">
      <c r="A3537">
        <v>142.26</v>
      </c>
      <c r="B3537">
        <v>182.26</v>
      </c>
      <c r="C3537">
        <v>15709.1</v>
      </c>
      <c r="D3537">
        <v>1.9</v>
      </c>
      <c r="E3537">
        <v>17832.400000000001</v>
      </c>
      <c r="F3537">
        <v>16.490600000000001</v>
      </c>
    </row>
    <row r="3538" spans="1:6" x14ac:dyDescent="0.25">
      <c r="A3538">
        <v>142.26</v>
      </c>
      <c r="B3538">
        <v>182.26</v>
      </c>
      <c r="C3538">
        <v>15709.1</v>
      </c>
      <c r="D3538">
        <v>2.2000000000000002</v>
      </c>
      <c r="E3538">
        <v>17932.8</v>
      </c>
      <c r="F3538">
        <v>15.9641</v>
      </c>
    </row>
    <row r="3539" spans="1:6" x14ac:dyDescent="0.25">
      <c r="A3539">
        <v>142.26</v>
      </c>
      <c r="B3539">
        <v>182.26</v>
      </c>
      <c r="C3539">
        <v>15709.1</v>
      </c>
      <c r="D3539">
        <v>2.5</v>
      </c>
      <c r="E3539">
        <v>17648</v>
      </c>
      <c r="F3539">
        <v>16.028099999999998</v>
      </c>
    </row>
    <row r="3540" spans="1:6" x14ac:dyDescent="0.25">
      <c r="A3540">
        <v>142.26</v>
      </c>
      <c r="B3540">
        <v>182.26</v>
      </c>
      <c r="C3540">
        <v>15709.1</v>
      </c>
      <c r="D3540">
        <v>2.8</v>
      </c>
      <c r="E3540">
        <v>17434.900000000001</v>
      </c>
      <c r="F3540">
        <v>16.055</v>
      </c>
    </row>
    <row r="3541" spans="1:6" x14ac:dyDescent="0.25">
      <c r="A3541">
        <v>142.26</v>
      </c>
      <c r="B3541">
        <v>182.26</v>
      </c>
      <c r="C3541">
        <v>15709.1</v>
      </c>
      <c r="D3541">
        <v>3.1</v>
      </c>
      <c r="E3541">
        <v>17541.400000000001</v>
      </c>
      <c r="F3541">
        <v>16.077300000000001</v>
      </c>
    </row>
    <row r="3542" spans="1:6" x14ac:dyDescent="0.25">
      <c r="A3542">
        <v>142.26</v>
      </c>
      <c r="B3542">
        <v>182.26</v>
      </c>
      <c r="C3542">
        <v>15709.1</v>
      </c>
      <c r="D3542">
        <v>3.4</v>
      </c>
      <c r="E3542">
        <v>17385.599999999999</v>
      </c>
      <c r="F3542">
        <v>16.081800000000001</v>
      </c>
    </row>
    <row r="3543" spans="1:6" x14ac:dyDescent="0.25">
      <c r="A3543">
        <v>142.26</v>
      </c>
      <c r="B3543">
        <v>182.26</v>
      </c>
      <c r="C3543">
        <v>15709.1</v>
      </c>
      <c r="D3543">
        <v>3.7</v>
      </c>
      <c r="E3543">
        <v>17220</v>
      </c>
      <c r="F3543">
        <v>16.085699999999999</v>
      </c>
    </row>
    <row r="3544" spans="1:6" x14ac:dyDescent="0.25">
      <c r="A3544">
        <v>142.26</v>
      </c>
      <c r="B3544">
        <v>182.26</v>
      </c>
      <c r="C3544">
        <v>15709.1</v>
      </c>
      <c r="D3544">
        <v>4</v>
      </c>
      <c r="E3544">
        <v>17103.2</v>
      </c>
      <c r="F3544">
        <v>16.075900000000001</v>
      </c>
    </row>
    <row r="3545" spans="1:6" x14ac:dyDescent="0.25">
      <c r="A3545">
        <v>142.26</v>
      </c>
      <c r="B3545">
        <v>182.26</v>
      </c>
      <c r="C3545">
        <v>17254.5</v>
      </c>
      <c r="D3545">
        <v>1</v>
      </c>
      <c r="E3545">
        <v>21294.2</v>
      </c>
      <c r="F3545">
        <v>15.405200000000001</v>
      </c>
    </row>
    <row r="3546" spans="1:6" x14ac:dyDescent="0.25">
      <c r="A3546">
        <v>142.26</v>
      </c>
      <c r="B3546">
        <v>182.26</v>
      </c>
      <c r="C3546">
        <v>17254.5</v>
      </c>
      <c r="D3546">
        <v>1.3</v>
      </c>
      <c r="E3546">
        <v>20178.7</v>
      </c>
      <c r="F3546">
        <v>16.369299999999999</v>
      </c>
    </row>
    <row r="3547" spans="1:6" x14ac:dyDescent="0.25">
      <c r="A3547">
        <v>142.26</v>
      </c>
      <c r="B3547">
        <v>182.26</v>
      </c>
      <c r="C3547">
        <v>17254.5</v>
      </c>
      <c r="D3547">
        <v>1.6</v>
      </c>
      <c r="E3547">
        <v>19746.7</v>
      </c>
      <c r="F3547">
        <v>16.450199999999999</v>
      </c>
    </row>
    <row r="3548" spans="1:6" x14ac:dyDescent="0.25">
      <c r="A3548">
        <v>142.26</v>
      </c>
      <c r="B3548">
        <v>182.26</v>
      </c>
      <c r="C3548">
        <v>17254.5</v>
      </c>
      <c r="D3548">
        <v>1.9</v>
      </c>
      <c r="E3548">
        <v>19411</v>
      </c>
      <c r="F3548">
        <v>16.490600000000001</v>
      </c>
    </row>
    <row r="3549" spans="1:6" x14ac:dyDescent="0.25">
      <c r="A3549">
        <v>142.26</v>
      </c>
      <c r="B3549">
        <v>182.26</v>
      </c>
      <c r="C3549">
        <v>17254.5</v>
      </c>
      <c r="D3549">
        <v>2.2000000000000002</v>
      </c>
      <c r="E3549">
        <v>19239</v>
      </c>
      <c r="F3549">
        <v>15.9641</v>
      </c>
    </row>
    <row r="3550" spans="1:6" x14ac:dyDescent="0.25">
      <c r="A3550">
        <v>142.26</v>
      </c>
      <c r="B3550">
        <v>182.26</v>
      </c>
      <c r="C3550">
        <v>17254.5</v>
      </c>
      <c r="D3550">
        <v>2.5</v>
      </c>
      <c r="E3550">
        <v>19198</v>
      </c>
      <c r="F3550">
        <v>16.028099999999998</v>
      </c>
    </row>
    <row r="3551" spans="1:6" x14ac:dyDescent="0.25">
      <c r="A3551">
        <v>142.26</v>
      </c>
      <c r="B3551">
        <v>182.26</v>
      </c>
      <c r="C3551">
        <v>17254.5</v>
      </c>
      <c r="D3551">
        <v>2.8</v>
      </c>
      <c r="E3551">
        <v>18989.7</v>
      </c>
      <c r="F3551">
        <v>16.055</v>
      </c>
    </row>
    <row r="3552" spans="1:6" x14ac:dyDescent="0.25">
      <c r="A3552">
        <v>142.26</v>
      </c>
      <c r="B3552">
        <v>182.26</v>
      </c>
      <c r="C3552">
        <v>17254.5</v>
      </c>
      <c r="D3552">
        <v>3.1</v>
      </c>
      <c r="E3552">
        <v>19039.8</v>
      </c>
      <c r="F3552">
        <v>16.077300000000001</v>
      </c>
    </row>
    <row r="3553" spans="1:6" x14ac:dyDescent="0.25">
      <c r="A3553">
        <v>142.26</v>
      </c>
      <c r="B3553">
        <v>182.26</v>
      </c>
      <c r="C3553">
        <v>17254.5</v>
      </c>
      <c r="D3553">
        <v>3.4</v>
      </c>
      <c r="E3553">
        <v>18878.8</v>
      </c>
      <c r="F3553">
        <v>16.081800000000001</v>
      </c>
    </row>
    <row r="3554" spans="1:6" x14ac:dyDescent="0.25">
      <c r="A3554">
        <v>142.26</v>
      </c>
      <c r="B3554">
        <v>182.26</v>
      </c>
      <c r="C3554">
        <v>17254.5</v>
      </c>
      <c r="D3554">
        <v>3.7</v>
      </c>
      <c r="E3554">
        <v>18742.099999999999</v>
      </c>
      <c r="F3554">
        <v>16.085699999999999</v>
      </c>
    </row>
    <row r="3555" spans="1:6" x14ac:dyDescent="0.25">
      <c r="A3555">
        <v>142.26</v>
      </c>
      <c r="B3555">
        <v>182.26</v>
      </c>
      <c r="C3555">
        <v>17254.5</v>
      </c>
      <c r="D3555">
        <v>4</v>
      </c>
      <c r="E3555">
        <v>18625.400000000001</v>
      </c>
      <c r="F3555">
        <v>16.075900000000001</v>
      </c>
    </row>
    <row r="3556" spans="1:6" x14ac:dyDescent="0.25">
      <c r="A3556">
        <v>142.26</v>
      </c>
      <c r="B3556">
        <v>182.26</v>
      </c>
      <c r="C3556">
        <v>18800</v>
      </c>
      <c r="D3556">
        <v>1</v>
      </c>
      <c r="E3556">
        <v>22937.3</v>
      </c>
      <c r="F3556">
        <v>15.405200000000001</v>
      </c>
    </row>
    <row r="3557" spans="1:6" x14ac:dyDescent="0.25">
      <c r="A3557">
        <v>142.26</v>
      </c>
      <c r="B3557">
        <v>182.26</v>
      </c>
      <c r="C3557">
        <v>18800</v>
      </c>
      <c r="D3557">
        <v>1.3</v>
      </c>
      <c r="E3557">
        <v>21643.8</v>
      </c>
      <c r="F3557">
        <v>16.369299999999999</v>
      </c>
    </row>
    <row r="3558" spans="1:6" x14ac:dyDescent="0.25">
      <c r="A3558">
        <v>142.26</v>
      </c>
      <c r="B3558">
        <v>182.26</v>
      </c>
      <c r="C3558">
        <v>18800</v>
      </c>
      <c r="D3558">
        <v>1.6</v>
      </c>
      <c r="E3558">
        <v>21191.8</v>
      </c>
      <c r="F3558">
        <v>16.450199999999999</v>
      </c>
    </row>
    <row r="3559" spans="1:6" x14ac:dyDescent="0.25">
      <c r="A3559">
        <v>142.26</v>
      </c>
      <c r="B3559">
        <v>182.26</v>
      </c>
      <c r="C3559">
        <v>18800</v>
      </c>
      <c r="D3559">
        <v>1.9</v>
      </c>
      <c r="E3559">
        <v>21062.7</v>
      </c>
      <c r="F3559">
        <v>16.490600000000001</v>
      </c>
    </row>
    <row r="3560" spans="1:6" x14ac:dyDescent="0.25">
      <c r="A3560">
        <v>142.26</v>
      </c>
      <c r="B3560">
        <v>182.26</v>
      </c>
      <c r="C3560">
        <v>18800</v>
      </c>
      <c r="D3560">
        <v>2.2000000000000002</v>
      </c>
      <c r="E3560">
        <v>20813.900000000001</v>
      </c>
      <c r="F3560">
        <v>15.9641</v>
      </c>
    </row>
    <row r="3561" spans="1:6" x14ac:dyDescent="0.25">
      <c r="A3561">
        <v>142.26</v>
      </c>
      <c r="B3561">
        <v>182.26</v>
      </c>
      <c r="C3561">
        <v>18800</v>
      </c>
      <c r="D3561">
        <v>2.5</v>
      </c>
      <c r="E3561">
        <v>20618</v>
      </c>
      <c r="F3561">
        <v>16.028099999999998</v>
      </c>
    </row>
    <row r="3562" spans="1:6" x14ac:dyDescent="0.25">
      <c r="A3562">
        <v>142.26</v>
      </c>
      <c r="B3562">
        <v>182.26</v>
      </c>
      <c r="C3562">
        <v>18800</v>
      </c>
      <c r="D3562">
        <v>2.8</v>
      </c>
      <c r="E3562">
        <v>20807.2</v>
      </c>
      <c r="F3562">
        <v>16.055</v>
      </c>
    </row>
    <row r="3563" spans="1:6" x14ac:dyDescent="0.25">
      <c r="A3563">
        <v>142.26</v>
      </c>
      <c r="B3563">
        <v>182.26</v>
      </c>
      <c r="C3563">
        <v>18800</v>
      </c>
      <c r="D3563">
        <v>3.1</v>
      </c>
      <c r="E3563">
        <v>20490.7</v>
      </c>
      <c r="F3563">
        <v>16.077300000000001</v>
      </c>
    </row>
    <row r="3564" spans="1:6" x14ac:dyDescent="0.25">
      <c r="A3564">
        <v>142.26</v>
      </c>
      <c r="B3564">
        <v>182.26</v>
      </c>
      <c r="C3564">
        <v>18800</v>
      </c>
      <c r="D3564">
        <v>3.4</v>
      </c>
      <c r="E3564">
        <v>20496.400000000001</v>
      </c>
      <c r="F3564">
        <v>16.081800000000001</v>
      </c>
    </row>
    <row r="3565" spans="1:6" x14ac:dyDescent="0.25">
      <c r="A3565">
        <v>142.26</v>
      </c>
      <c r="B3565">
        <v>182.26</v>
      </c>
      <c r="C3565">
        <v>18800</v>
      </c>
      <c r="D3565">
        <v>3.7</v>
      </c>
      <c r="E3565">
        <v>20319.400000000001</v>
      </c>
      <c r="F3565">
        <v>16.085699999999999</v>
      </c>
    </row>
    <row r="3566" spans="1:6" x14ac:dyDescent="0.25">
      <c r="A3566">
        <v>142.26</v>
      </c>
      <c r="B3566">
        <v>182.26</v>
      </c>
      <c r="C3566">
        <v>18800</v>
      </c>
      <c r="D3566">
        <v>4</v>
      </c>
      <c r="E3566">
        <v>20461.599999999999</v>
      </c>
      <c r="F3566">
        <v>16.075900000000001</v>
      </c>
    </row>
    <row r="3567" spans="1:6" x14ac:dyDescent="0.25">
      <c r="A3567">
        <v>142.26</v>
      </c>
      <c r="B3567">
        <v>185.89</v>
      </c>
      <c r="C3567">
        <v>1800</v>
      </c>
      <c r="D3567">
        <v>1</v>
      </c>
      <c r="E3567">
        <v>5630.42</v>
      </c>
      <c r="F3567">
        <v>55.694600000000001</v>
      </c>
    </row>
    <row r="3568" spans="1:6" x14ac:dyDescent="0.25">
      <c r="A3568">
        <v>142.26</v>
      </c>
      <c r="B3568">
        <v>185.89</v>
      </c>
      <c r="C3568">
        <v>1800</v>
      </c>
      <c r="D3568">
        <v>1.3</v>
      </c>
      <c r="E3568">
        <v>5038.91</v>
      </c>
      <c r="F3568">
        <v>68.851100000000002</v>
      </c>
    </row>
    <row r="3569" spans="1:6" x14ac:dyDescent="0.25">
      <c r="A3569">
        <v>142.26</v>
      </c>
      <c r="B3569">
        <v>185.89</v>
      </c>
      <c r="C3569">
        <v>1800</v>
      </c>
      <c r="D3569">
        <v>1.6</v>
      </c>
      <c r="E3569">
        <v>4630.91</v>
      </c>
      <c r="F3569">
        <v>76.731999999999999</v>
      </c>
    </row>
    <row r="3570" spans="1:6" x14ac:dyDescent="0.25">
      <c r="A3570">
        <v>142.26</v>
      </c>
      <c r="B3570">
        <v>185.89</v>
      </c>
      <c r="C3570">
        <v>1800</v>
      </c>
      <c r="D3570">
        <v>1.9</v>
      </c>
      <c r="E3570">
        <v>4396.55</v>
      </c>
      <c r="F3570">
        <v>88.139200000000002</v>
      </c>
    </row>
    <row r="3571" spans="1:6" x14ac:dyDescent="0.25">
      <c r="A3571">
        <v>142.26</v>
      </c>
      <c r="B3571">
        <v>185.89</v>
      </c>
      <c r="C3571">
        <v>1800</v>
      </c>
      <c r="D3571">
        <v>2.2000000000000002</v>
      </c>
      <c r="E3571">
        <v>4147.9399999999996</v>
      </c>
      <c r="F3571">
        <v>93.734999999999999</v>
      </c>
    </row>
    <row r="3572" spans="1:6" x14ac:dyDescent="0.25">
      <c r="A3572">
        <v>142.26</v>
      </c>
      <c r="B3572">
        <v>185.89</v>
      </c>
      <c r="C3572">
        <v>1800</v>
      </c>
      <c r="D3572">
        <v>2.5</v>
      </c>
      <c r="E3572">
        <v>4028.99</v>
      </c>
      <c r="F3572">
        <v>99.701400000000007</v>
      </c>
    </row>
    <row r="3573" spans="1:6" x14ac:dyDescent="0.25">
      <c r="A3573">
        <v>142.26</v>
      </c>
      <c r="B3573">
        <v>185.89</v>
      </c>
      <c r="C3573">
        <v>1800</v>
      </c>
      <c r="D3573">
        <v>2.8</v>
      </c>
      <c r="E3573">
        <v>3907.66</v>
      </c>
      <c r="F3573">
        <v>102.203</v>
      </c>
    </row>
    <row r="3574" spans="1:6" x14ac:dyDescent="0.25">
      <c r="A3574">
        <v>142.26</v>
      </c>
      <c r="B3574">
        <v>185.89</v>
      </c>
      <c r="C3574">
        <v>1800</v>
      </c>
      <c r="D3574">
        <v>3.1</v>
      </c>
      <c r="E3574">
        <v>3799.62</v>
      </c>
      <c r="F3574">
        <v>106.804</v>
      </c>
    </row>
    <row r="3575" spans="1:6" x14ac:dyDescent="0.25">
      <c r="A3575">
        <v>142.26</v>
      </c>
      <c r="B3575">
        <v>185.89</v>
      </c>
      <c r="C3575">
        <v>1800</v>
      </c>
      <c r="D3575">
        <v>3.4</v>
      </c>
      <c r="E3575">
        <v>3756.89</v>
      </c>
      <c r="F3575">
        <v>108.848</v>
      </c>
    </row>
    <row r="3576" spans="1:6" x14ac:dyDescent="0.25">
      <c r="A3576">
        <v>142.26</v>
      </c>
      <c r="B3576">
        <v>185.89</v>
      </c>
      <c r="C3576">
        <v>1800</v>
      </c>
      <c r="D3576">
        <v>3.7</v>
      </c>
      <c r="E3576">
        <v>3691</v>
      </c>
      <c r="F3576">
        <v>106.732</v>
      </c>
    </row>
    <row r="3577" spans="1:6" x14ac:dyDescent="0.25">
      <c r="A3577">
        <v>142.26</v>
      </c>
      <c r="B3577">
        <v>185.89</v>
      </c>
      <c r="C3577">
        <v>1800</v>
      </c>
      <c r="D3577">
        <v>4</v>
      </c>
      <c r="E3577">
        <v>3658.5</v>
      </c>
      <c r="F3577">
        <v>108.955</v>
      </c>
    </row>
    <row r="3578" spans="1:6" x14ac:dyDescent="0.25">
      <c r="A3578">
        <v>142.26</v>
      </c>
      <c r="B3578">
        <v>185.89</v>
      </c>
      <c r="C3578">
        <v>3345.45</v>
      </c>
      <c r="D3578">
        <v>1</v>
      </c>
      <c r="E3578">
        <v>6839.5</v>
      </c>
      <c r="F3578">
        <v>27.985399999999998</v>
      </c>
    </row>
    <row r="3579" spans="1:6" x14ac:dyDescent="0.25">
      <c r="A3579">
        <v>142.26</v>
      </c>
      <c r="B3579">
        <v>185.89</v>
      </c>
      <c r="C3579">
        <v>3345.45</v>
      </c>
      <c r="D3579">
        <v>1.3</v>
      </c>
      <c r="E3579">
        <v>6336.96</v>
      </c>
      <c r="F3579">
        <v>32.643500000000003</v>
      </c>
    </row>
    <row r="3580" spans="1:6" x14ac:dyDescent="0.25">
      <c r="A3580">
        <v>142.26</v>
      </c>
      <c r="B3580">
        <v>185.89</v>
      </c>
      <c r="C3580">
        <v>3345.45</v>
      </c>
      <c r="D3580">
        <v>1.6</v>
      </c>
      <c r="E3580">
        <v>6024.89</v>
      </c>
      <c r="F3580">
        <v>39.701999999999998</v>
      </c>
    </row>
    <row r="3581" spans="1:6" x14ac:dyDescent="0.25">
      <c r="A3581">
        <v>142.26</v>
      </c>
      <c r="B3581">
        <v>185.89</v>
      </c>
      <c r="C3581">
        <v>3345.45</v>
      </c>
      <c r="D3581">
        <v>1.9</v>
      </c>
      <c r="E3581">
        <v>5762.39</v>
      </c>
      <c r="F3581">
        <v>41.216799999999999</v>
      </c>
    </row>
    <row r="3582" spans="1:6" x14ac:dyDescent="0.25">
      <c r="A3582">
        <v>142.26</v>
      </c>
      <c r="B3582">
        <v>185.89</v>
      </c>
      <c r="C3582">
        <v>3345.45</v>
      </c>
      <c r="D3582">
        <v>2.2000000000000002</v>
      </c>
      <c r="E3582">
        <v>5513.2</v>
      </c>
      <c r="F3582">
        <v>53.403599999999997</v>
      </c>
    </row>
    <row r="3583" spans="1:6" x14ac:dyDescent="0.25">
      <c r="A3583">
        <v>142.26</v>
      </c>
      <c r="B3583">
        <v>185.89</v>
      </c>
      <c r="C3583">
        <v>3345.45</v>
      </c>
      <c r="D3583">
        <v>2.5</v>
      </c>
      <c r="E3583">
        <v>5337.86</v>
      </c>
      <c r="F3583">
        <v>57.376800000000003</v>
      </c>
    </row>
    <row r="3584" spans="1:6" x14ac:dyDescent="0.25">
      <c r="A3584">
        <v>142.26</v>
      </c>
      <c r="B3584">
        <v>185.89</v>
      </c>
      <c r="C3584">
        <v>3345.45</v>
      </c>
      <c r="D3584">
        <v>2.8</v>
      </c>
      <c r="E3584">
        <v>5203.66</v>
      </c>
      <c r="F3584">
        <v>64.157300000000006</v>
      </c>
    </row>
    <row r="3585" spans="1:6" x14ac:dyDescent="0.25">
      <c r="A3585">
        <v>142.26</v>
      </c>
      <c r="B3585">
        <v>185.89</v>
      </c>
      <c r="C3585">
        <v>3345.45</v>
      </c>
      <c r="D3585">
        <v>3.1</v>
      </c>
      <c r="E3585">
        <v>5155.21</v>
      </c>
      <c r="F3585">
        <v>66.852699999999999</v>
      </c>
    </row>
    <row r="3586" spans="1:6" x14ac:dyDescent="0.25">
      <c r="A3586">
        <v>142.26</v>
      </c>
      <c r="B3586">
        <v>185.89</v>
      </c>
      <c r="C3586">
        <v>3345.45</v>
      </c>
      <c r="D3586">
        <v>3.4</v>
      </c>
      <c r="E3586">
        <v>5059.08</v>
      </c>
      <c r="F3586">
        <v>69.337500000000006</v>
      </c>
    </row>
    <row r="3587" spans="1:6" x14ac:dyDescent="0.25">
      <c r="A3587">
        <v>142.26</v>
      </c>
      <c r="B3587">
        <v>185.89</v>
      </c>
      <c r="C3587">
        <v>3345.45</v>
      </c>
      <c r="D3587">
        <v>3.7</v>
      </c>
      <c r="E3587">
        <v>5000.2</v>
      </c>
      <c r="F3587">
        <v>68.748500000000007</v>
      </c>
    </row>
    <row r="3588" spans="1:6" x14ac:dyDescent="0.25">
      <c r="A3588">
        <v>142.26</v>
      </c>
      <c r="B3588">
        <v>185.89</v>
      </c>
      <c r="C3588">
        <v>3345.45</v>
      </c>
      <c r="D3588">
        <v>4</v>
      </c>
      <c r="E3588">
        <v>4975.72</v>
      </c>
      <c r="F3588">
        <v>73.825800000000001</v>
      </c>
    </row>
    <row r="3589" spans="1:6" x14ac:dyDescent="0.25">
      <c r="A3589">
        <v>142.26</v>
      </c>
      <c r="B3589">
        <v>185.89</v>
      </c>
      <c r="C3589">
        <v>4890.8999999999996</v>
      </c>
      <c r="D3589">
        <v>1</v>
      </c>
      <c r="E3589">
        <v>8203.69</v>
      </c>
      <c r="F3589">
        <v>11.8453</v>
      </c>
    </row>
    <row r="3590" spans="1:6" x14ac:dyDescent="0.25">
      <c r="A3590">
        <v>142.26</v>
      </c>
      <c r="B3590">
        <v>185.89</v>
      </c>
      <c r="C3590">
        <v>4890.8999999999996</v>
      </c>
      <c r="D3590">
        <v>1.3</v>
      </c>
      <c r="E3590">
        <v>7906.16</v>
      </c>
      <c r="F3590">
        <v>14.283200000000001</v>
      </c>
    </row>
    <row r="3591" spans="1:6" x14ac:dyDescent="0.25">
      <c r="A3591">
        <v>142.26</v>
      </c>
      <c r="B3591">
        <v>185.89</v>
      </c>
      <c r="C3591">
        <v>4890.8999999999996</v>
      </c>
      <c r="D3591">
        <v>1.6</v>
      </c>
      <c r="E3591">
        <v>7255.39</v>
      </c>
      <c r="F3591">
        <v>14.173400000000001</v>
      </c>
    </row>
    <row r="3592" spans="1:6" x14ac:dyDescent="0.25">
      <c r="A3592">
        <v>142.26</v>
      </c>
      <c r="B3592">
        <v>185.89</v>
      </c>
      <c r="C3592">
        <v>4890.8999999999996</v>
      </c>
      <c r="D3592">
        <v>1.9</v>
      </c>
      <c r="E3592">
        <v>7131.17</v>
      </c>
      <c r="F3592">
        <v>13.783799999999999</v>
      </c>
    </row>
    <row r="3593" spans="1:6" x14ac:dyDescent="0.25">
      <c r="A3593">
        <v>142.26</v>
      </c>
      <c r="B3593">
        <v>185.89</v>
      </c>
      <c r="C3593">
        <v>4890.8999999999996</v>
      </c>
      <c r="D3593">
        <v>2.2000000000000002</v>
      </c>
      <c r="E3593">
        <v>6925.05</v>
      </c>
      <c r="F3593">
        <v>15.846500000000001</v>
      </c>
    </row>
    <row r="3594" spans="1:6" x14ac:dyDescent="0.25">
      <c r="A3594">
        <v>142.26</v>
      </c>
      <c r="B3594">
        <v>185.89</v>
      </c>
      <c r="C3594">
        <v>4890.8999999999996</v>
      </c>
      <c r="D3594">
        <v>2.5</v>
      </c>
      <c r="E3594">
        <v>6780.3</v>
      </c>
      <c r="F3594">
        <v>18.389199999999999</v>
      </c>
    </row>
    <row r="3595" spans="1:6" x14ac:dyDescent="0.25">
      <c r="A3595">
        <v>142.26</v>
      </c>
      <c r="B3595">
        <v>185.89</v>
      </c>
      <c r="C3595">
        <v>4890.8999999999996</v>
      </c>
      <c r="D3595">
        <v>2.8</v>
      </c>
      <c r="E3595">
        <v>6553.17</v>
      </c>
      <c r="F3595">
        <v>21.618099999999998</v>
      </c>
    </row>
    <row r="3596" spans="1:6" x14ac:dyDescent="0.25">
      <c r="A3596">
        <v>142.26</v>
      </c>
      <c r="B3596">
        <v>185.89</v>
      </c>
      <c r="C3596">
        <v>4890.8999999999996</v>
      </c>
      <c r="D3596">
        <v>3.1</v>
      </c>
      <c r="E3596">
        <v>6515.25</v>
      </c>
      <c r="F3596">
        <v>23.58</v>
      </c>
    </row>
    <row r="3597" spans="1:6" x14ac:dyDescent="0.25">
      <c r="A3597">
        <v>142.26</v>
      </c>
      <c r="B3597">
        <v>185.89</v>
      </c>
      <c r="C3597">
        <v>4890.8999999999996</v>
      </c>
      <c r="D3597">
        <v>3.4</v>
      </c>
      <c r="E3597">
        <v>6489.58</v>
      </c>
      <c r="F3597">
        <v>26.3355</v>
      </c>
    </row>
    <row r="3598" spans="1:6" x14ac:dyDescent="0.25">
      <c r="A3598">
        <v>142.26</v>
      </c>
      <c r="B3598">
        <v>185.89</v>
      </c>
      <c r="C3598">
        <v>4890.8999999999996</v>
      </c>
      <c r="D3598">
        <v>3.7</v>
      </c>
      <c r="E3598">
        <v>6442.03</v>
      </c>
      <c r="F3598">
        <v>27.526499999999999</v>
      </c>
    </row>
    <row r="3599" spans="1:6" x14ac:dyDescent="0.25">
      <c r="A3599">
        <v>142.26</v>
      </c>
      <c r="B3599">
        <v>185.89</v>
      </c>
      <c r="C3599">
        <v>4890.8999999999996</v>
      </c>
      <c r="D3599">
        <v>4</v>
      </c>
      <c r="E3599">
        <v>6261.13</v>
      </c>
      <c r="F3599">
        <v>29.335999999999999</v>
      </c>
    </row>
    <row r="3600" spans="1:6" x14ac:dyDescent="0.25">
      <c r="A3600">
        <v>142.26</v>
      </c>
      <c r="B3600">
        <v>185.89</v>
      </c>
      <c r="C3600">
        <v>6436.35</v>
      </c>
      <c r="D3600">
        <v>1</v>
      </c>
      <c r="E3600">
        <v>10637.9</v>
      </c>
      <c r="F3600">
        <v>15.405200000000001</v>
      </c>
    </row>
    <row r="3601" spans="1:6" x14ac:dyDescent="0.25">
      <c r="A3601">
        <v>142.26</v>
      </c>
      <c r="B3601">
        <v>185.89</v>
      </c>
      <c r="C3601">
        <v>6436.35</v>
      </c>
      <c r="D3601">
        <v>1.3</v>
      </c>
      <c r="E3601">
        <v>9396.5</v>
      </c>
      <c r="F3601">
        <v>14.7537</v>
      </c>
    </row>
    <row r="3602" spans="1:6" x14ac:dyDescent="0.25">
      <c r="A3602">
        <v>142.26</v>
      </c>
      <c r="B3602">
        <v>185.89</v>
      </c>
      <c r="C3602">
        <v>6436.35</v>
      </c>
      <c r="D3602">
        <v>1.6</v>
      </c>
      <c r="E3602">
        <v>9068.3799999999992</v>
      </c>
      <c r="F3602">
        <v>14.1135</v>
      </c>
    </row>
    <row r="3603" spans="1:6" x14ac:dyDescent="0.25">
      <c r="A3603">
        <v>142.26</v>
      </c>
      <c r="B3603">
        <v>185.89</v>
      </c>
      <c r="C3603">
        <v>6436.35</v>
      </c>
      <c r="D3603">
        <v>1.9</v>
      </c>
      <c r="E3603">
        <v>8559.5300000000007</v>
      </c>
      <c r="F3603">
        <v>14.279400000000001</v>
      </c>
    </row>
    <row r="3604" spans="1:6" x14ac:dyDescent="0.25">
      <c r="A3604">
        <v>142.26</v>
      </c>
      <c r="B3604">
        <v>185.89</v>
      </c>
      <c r="C3604">
        <v>6436.35</v>
      </c>
      <c r="D3604">
        <v>2.2000000000000002</v>
      </c>
      <c r="E3604">
        <v>8363.1200000000008</v>
      </c>
      <c r="F3604">
        <v>15.9641</v>
      </c>
    </row>
    <row r="3605" spans="1:6" x14ac:dyDescent="0.25">
      <c r="A3605">
        <v>142.26</v>
      </c>
      <c r="B3605">
        <v>185.89</v>
      </c>
      <c r="C3605">
        <v>6436.35</v>
      </c>
      <c r="D3605">
        <v>2.5</v>
      </c>
      <c r="E3605">
        <v>8402.94</v>
      </c>
      <c r="F3605">
        <v>16.028099999999998</v>
      </c>
    </row>
    <row r="3606" spans="1:6" x14ac:dyDescent="0.25">
      <c r="A3606">
        <v>142.26</v>
      </c>
      <c r="B3606">
        <v>185.89</v>
      </c>
      <c r="C3606">
        <v>6436.35</v>
      </c>
      <c r="D3606">
        <v>2.8</v>
      </c>
      <c r="E3606">
        <v>8089.52</v>
      </c>
      <c r="F3606">
        <v>16.055</v>
      </c>
    </row>
    <row r="3607" spans="1:6" x14ac:dyDescent="0.25">
      <c r="A3607">
        <v>142.26</v>
      </c>
      <c r="B3607">
        <v>185.89</v>
      </c>
      <c r="C3607">
        <v>6436.35</v>
      </c>
      <c r="D3607">
        <v>3.1</v>
      </c>
      <c r="E3607">
        <v>7985.76</v>
      </c>
      <c r="F3607">
        <v>16.066299999999998</v>
      </c>
    </row>
    <row r="3608" spans="1:6" x14ac:dyDescent="0.25">
      <c r="A3608">
        <v>142.26</v>
      </c>
      <c r="B3608">
        <v>185.89</v>
      </c>
      <c r="C3608">
        <v>6436.35</v>
      </c>
      <c r="D3608">
        <v>3.4</v>
      </c>
      <c r="E3608">
        <v>7935.74</v>
      </c>
      <c r="F3608">
        <v>15.8484</v>
      </c>
    </row>
    <row r="3609" spans="1:6" x14ac:dyDescent="0.25">
      <c r="A3609">
        <v>142.26</v>
      </c>
      <c r="B3609">
        <v>185.89</v>
      </c>
      <c r="C3609">
        <v>6436.35</v>
      </c>
      <c r="D3609">
        <v>3.7</v>
      </c>
      <c r="E3609">
        <v>7825.74</v>
      </c>
      <c r="F3609">
        <v>15.674799999999999</v>
      </c>
    </row>
    <row r="3610" spans="1:6" x14ac:dyDescent="0.25">
      <c r="A3610">
        <v>142.26</v>
      </c>
      <c r="B3610">
        <v>185.89</v>
      </c>
      <c r="C3610">
        <v>6436.35</v>
      </c>
      <c r="D3610">
        <v>4</v>
      </c>
      <c r="E3610">
        <v>7730.05</v>
      </c>
      <c r="F3610">
        <v>15.530900000000001</v>
      </c>
    </row>
    <row r="3611" spans="1:6" x14ac:dyDescent="0.25">
      <c r="A3611">
        <v>142.26</v>
      </c>
      <c r="B3611">
        <v>185.89</v>
      </c>
      <c r="C3611">
        <v>7981.8</v>
      </c>
      <c r="D3611">
        <v>1</v>
      </c>
      <c r="E3611">
        <v>11793</v>
      </c>
      <c r="F3611">
        <v>15.405200000000001</v>
      </c>
    </row>
    <row r="3612" spans="1:6" x14ac:dyDescent="0.25">
      <c r="A3612">
        <v>142.26</v>
      </c>
      <c r="B3612">
        <v>185.89</v>
      </c>
      <c r="C3612">
        <v>7981.8</v>
      </c>
      <c r="D3612">
        <v>1.3</v>
      </c>
      <c r="E3612">
        <v>11055.6</v>
      </c>
      <c r="F3612">
        <v>16.369299999999999</v>
      </c>
    </row>
    <row r="3613" spans="1:6" x14ac:dyDescent="0.25">
      <c r="A3613">
        <v>142.26</v>
      </c>
      <c r="B3613">
        <v>185.89</v>
      </c>
      <c r="C3613">
        <v>7981.8</v>
      </c>
      <c r="D3613">
        <v>1.6</v>
      </c>
      <c r="E3613">
        <v>10536.6</v>
      </c>
      <c r="F3613">
        <v>16.450199999999999</v>
      </c>
    </row>
    <row r="3614" spans="1:6" x14ac:dyDescent="0.25">
      <c r="A3614">
        <v>142.26</v>
      </c>
      <c r="B3614">
        <v>185.89</v>
      </c>
      <c r="C3614">
        <v>7981.8</v>
      </c>
      <c r="D3614">
        <v>1.9</v>
      </c>
      <c r="E3614">
        <v>10263</v>
      </c>
      <c r="F3614">
        <v>16.490600000000001</v>
      </c>
    </row>
    <row r="3615" spans="1:6" x14ac:dyDescent="0.25">
      <c r="A3615">
        <v>142.26</v>
      </c>
      <c r="B3615">
        <v>185.89</v>
      </c>
      <c r="C3615">
        <v>7981.8</v>
      </c>
      <c r="D3615">
        <v>2.2000000000000002</v>
      </c>
      <c r="E3615">
        <v>10031.700000000001</v>
      </c>
      <c r="F3615">
        <v>15.9641</v>
      </c>
    </row>
    <row r="3616" spans="1:6" x14ac:dyDescent="0.25">
      <c r="A3616">
        <v>142.26</v>
      </c>
      <c r="B3616">
        <v>185.89</v>
      </c>
      <c r="C3616">
        <v>7981.8</v>
      </c>
      <c r="D3616">
        <v>2.5</v>
      </c>
      <c r="E3616">
        <v>9979.9599999999991</v>
      </c>
      <c r="F3616">
        <v>16.028099999999998</v>
      </c>
    </row>
    <row r="3617" spans="1:6" x14ac:dyDescent="0.25">
      <c r="A3617">
        <v>142.26</v>
      </c>
      <c r="B3617">
        <v>185.89</v>
      </c>
      <c r="C3617">
        <v>7981.8</v>
      </c>
      <c r="D3617">
        <v>2.8</v>
      </c>
      <c r="E3617">
        <v>9797.6200000000008</v>
      </c>
      <c r="F3617">
        <v>16.055</v>
      </c>
    </row>
    <row r="3618" spans="1:6" x14ac:dyDescent="0.25">
      <c r="A3618">
        <v>142.26</v>
      </c>
      <c r="B3618">
        <v>185.89</v>
      </c>
      <c r="C3618">
        <v>7981.8</v>
      </c>
      <c r="D3618">
        <v>3.1</v>
      </c>
      <c r="E3618">
        <v>9647.01</v>
      </c>
      <c r="F3618">
        <v>16.077300000000001</v>
      </c>
    </row>
    <row r="3619" spans="1:6" x14ac:dyDescent="0.25">
      <c r="A3619">
        <v>142.26</v>
      </c>
      <c r="B3619">
        <v>185.89</v>
      </c>
      <c r="C3619">
        <v>7981.8</v>
      </c>
      <c r="D3619">
        <v>3.4</v>
      </c>
      <c r="E3619">
        <v>9448.7000000000007</v>
      </c>
      <c r="F3619">
        <v>16.081800000000001</v>
      </c>
    </row>
    <row r="3620" spans="1:6" x14ac:dyDescent="0.25">
      <c r="A3620">
        <v>142.26</v>
      </c>
      <c r="B3620">
        <v>185.89</v>
      </c>
      <c r="C3620">
        <v>7981.8</v>
      </c>
      <c r="D3620">
        <v>3.7</v>
      </c>
      <c r="E3620">
        <v>9342.9599999999991</v>
      </c>
      <c r="F3620">
        <v>16.085699999999999</v>
      </c>
    </row>
    <row r="3621" spans="1:6" x14ac:dyDescent="0.25">
      <c r="A3621">
        <v>142.26</v>
      </c>
      <c r="B3621">
        <v>185.89</v>
      </c>
      <c r="C3621">
        <v>7981.8</v>
      </c>
      <c r="D3621">
        <v>4</v>
      </c>
      <c r="E3621">
        <v>9424.35</v>
      </c>
      <c r="F3621">
        <v>16.075900000000001</v>
      </c>
    </row>
    <row r="3622" spans="1:6" x14ac:dyDescent="0.25">
      <c r="A3622">
        <v>142.26</v>
      </c>
      <c r="B3622">
        <v>185.89</v>
      </c>
      <c r="C3622">
        <v>9527.25</v>
      </c>
      <c r="D3622">
        <v>1</v>
      </c>
      <c r="E3622">
        <v>13518.9</v>
      </c>
      <c r="F3622">
        <v>15.405200000000001</v>
      </c>
    </row>
    <row r="3623" spans="1:6" x14ac:dyDescent="0.25">
      <c r="A3623">
        <v>142.26</v>
      </c>
      <c r="B3623">
        <v>185.89</v>
      </c>
      <c r="C3623">
        <v>9527.25</v>
      </c>
      <c r="D3623">
        <v>1.3</v>
      </c>
      <c r="E3623">
        <v>12706.3</v>
      </c>
      <c r="F3623">
        <v>16.369299999999999</v>
      </c>
    </row>
    <row r="3624" spans="1:6" x14ac:dyDescent="0.25">
      <c r="A3624">
        <v>142.26</v>
      </c>
      <c r="B3624">
        <v>185.89</v>
      </c>
      <c r="C3624">
        <v>9527.25</v>
      </c>
      <c r="D3624">
        <v>1.6</v>
      </c>
      <c r="E3624">
        <v>11977.3</v>
      </c>
      <c r="F3624">
        <v>16.450199999999999</v>
      </c>
    </row>
    <row r="3625" spans="1:6" x14ac:dyDescent="0.25">
      <c r="A3625">
        <v>142.26</v>
      </c>
      <c r="B3625">
        <v>185.89</v>
      </c>
      <c r="C3625">
        <v>9527.25</v>
      </c>
      <c r="D3625">
        <v>1.9</v>
      </c>
      <c r="E3625">
        <v>11615.5</v>
      </c>
      <c r="F3625">
        <v>16.490600000000001</v>
      </c>
    </row>
    <row r="3626" spans="1:6" x14ac:dyDescent="0.25">
      <c r="A3626">
        <v>142.26</v>
      </c>
      <c r="B3626">
        <v>185.89</v>
      </c>
      <c r="C3626">
        <v>9527.25</v>
      </c>
      <c r="D3626">
        <v>2.2000000000000002</v>
      </c>
      <c r="E3626">
        <v>11673.4</v>
      </c>
      <c r="F3626">
        <v>15.9641</v>
      </c>
    </row>
    <row r="3627" spans="1:6" x14ac:dyDescent="0.25">
      <c r="A3627">
        <v>142.26</v>
      </c>
      <c r="B3627">
        <v>185.89</v>
      </c>
      <c r="C3627">
        <v>9527.25</v>
      </c>
      <c r="D3627">
        <v>2.5</v>
      </c>
      <c r="E3627">
        <v>11375.7</v>
      </c>
      <c r="F3627">
        <v>16.028099999999998</v>
      </c>
    </row>
    <row r="3628" spans="1:6" x14ac:dyDescent="0.25">
      <c r="A3628">
        <v>142.26</v>
      </c>
      <c r="B3628">
        <v>185.89</v>
      </c>
      <c r="C3628">
        <v>9527.25</v>
      </c>
      <c r="D3628">
        <v>2.8</v>
      </c>
      <c r="E3628">
        <v>11167.6</v>
      </c>
      <c r="F3628">
        <v>16.055</v>
      </c>
    </row>
    <row r="3629" spans="1:6" x14ac:dyDescent="0.25">
      <c r="A3629">
        <v>142.26</v>
      </c>
      <c r="B3629">
        <v>185.89</v>
      </c>
      <c r="C3629">
        <v>9527.25</v>
      </c>
      <c r="D3629">
        <v>3.1</v>
      </c>
      <c r="E3629">
        <v>11187.5</v>
      </c>
      <c r="F3629">
        <v>16.077300000000001</v>
      </c>
    </row>
    <row r="3630" spans="1:6" x14ac:dyDescent="0.25">
      <c r="A3630">
        <v>142.26</v>
      </c>
      <c r="B3630">
        <v>185.89</v>
      </c>
      <c r="C3630">
        <v>9527.25</v>
      </c>
      <c r="D3630">
        <v>3.4</v>
      </c>
      <c r="E3630">
        <v>11040.1</v>
      </c>
      <c r="F3630">
        <v>16.081800000000001</v>
      </c>
    </row>
    <row r="3631" spans="1:6" x14ac:dyDescent="0.25">
      <c r="A3631">
        <v>142.26</v>
      </c>
      <c r="B3631">
        <v>185.89</v>
      </c>
      <c r="C3631">
        <v>9527.25</v>
      </c>
      <c r="D3631">
        <v>3.7</v>
      </c>
      <c r="E3631">
        <v>10915.4</v>
      </c>
      <c r="F3631">
        <v>16.085699999999999</v>
      </c>
    </row>
    <row r="3632" spans="1:6" x14ac:dyDescent="0.25">
      <c r="A3632">
        <v>142.26</v>
      </c>
      <c r="B3632">
        <v>185.89</v>
      </c>
      <c r="C3632">
        <v>9527.25</v>
      </c>
      <c r="D3632">
        <v>4</v>
      </c>
      <c r="E3632">
        <v>10977.9</v>
      </c>
      <c r="F3632">
        <v>16.075900000000001</v>
      </c>
    </row>
    <row r="3633" spans="1:6" x14ac:dyDescent="0.25">
      <c r="A3633">
        <v>142.26</v>
      </c>
      <c r="B3633">
        <v>185.89</v>
      </c>
      <c r="C3633">
        <v>11072.7</v>
      </c>
      <c r="D3633">
        <v>1</v>
      </c>
      <c r="E3633">
        <v>15127.2</v>
      </c>
      <c r="F3633">
        <v>15.405200000000001</v>
      </c>
    </row>
    <row r="3634" spans="1:6" x14ac:dyDescent="0.25">
      <c r="A3634">
        <v>142.26</v>
      </c>
      <c r="B3634">
        <v>185.89</v>
      </c>
      <c r="C3634">
        <v>11072.7</v>
      </c>
      <c r="D3634">
        <v>1.3</v>
      </c>
      <c r="E3634">
        <v>14126.8</v>
      </c>
      <c r="F3634">
        <v>16.369299999999999</v>
      </c>
    </row>
    <row r="3635" spans="1:6" x14ac:dyDescent="0.25">
      <c r="A3635">
        <v>142.26</v>
      </c>
      <c r="B3635">
        <v>185.89</v>
      </c>
      <c r="C3635">
        <v>11072.7</v>
      </c>
      <c r="D3635">
        <v>1.6</v>
      </c>
      <c r="E3635">
        <v>13520.4</v>
      </c>
      <c r="F3635">
        <v>16.450199999999999</v>
      </c>
    </row>
    <row r="3636" spans="1:6" x14ac:dyDescent="0.25">
      <c r="A3636">
        <v>142.26</v>
      </c>
      <c r="B3636">
        <v>185.89</v>
      </c>
      <c r="C3636">
        <v>11072.7</v>
      </c>
      <c r="D3636">
        <v>1.9</v>
      </c>
      <c r="E3636">
        <v>13326.2</v>
      </c>
      <c r="F3636">
        <v>16.490600000000001</v>
      </c>
    </row>
    <row r="3637" spans="1:6" x14ac:dyDescent="0.25">
      <c r="A3637">
        <v>142.26</v>
      </c>
      <c r="B3637">
        <v>185.89</v>
      </c>
      <c r="C3637">
        <v>11072.7</v>
      </c>
      <c r="D3637">
        <v>2.2000000000000002</v>
      </c>
      <c r="E3637">
        <v>13071.1</v>
      </c>
      <c r="F3637">
        <v>15.9641</v>
      </c>
    </row>
    <row r="3638" spans="1:6" x14ac:dyDescent="0.25">
      <c r="A3638">
        <v>142.26</v>
      </c>
      <c r="B3638">
        <v>185.89</v>
      </c>
      <c r="C3638">
        <v>11072.7</v>
      </c>
      <c r="D3638">
        <v>2.5</v>
      </c>
      <c r="E3638">
        <v>13056.4</v>
      </c>
      <c r="F3638">
        <v>16.028099999999998</v>
      </c>
    </row>
    <row r="3639" spans="1:6" x14ac:dyDescent="0.25">
      <c r="A3639">
        <v>142.26</v>
      </c>
      <c r="B3639">
        <v>185.89</v>
      </c>
      <c r="C3639">
        <v>11072.7</v>
      </c>
      <c r="D3639">
        <v>2.8</v>
      </c>
      <c r="E3639">
        <v>12820.1</v>
      </c>
      <c r="F3639">
        <v>16.055</v>
      </c>
    </row>
    <row r="3640" spans="1:6" x14ac:dyDescent="0.25">
      <c r="A3640">
        <v>142.26</v>
      </c>
      <c r="B3640">
        <v>185.89</v>
      </c>
      <c r="C3640">
        <v>11072.7</v>
      </c>
      <c r="D3640">
        <v>3.1</v>
      </c>
      <c r="E3640">
        <v>12633.2</v>
      </c>
      <c r="F3640">
        <v>16.077300000000001</v>
      </c>
    </row>
    <row r="3641" spans="1:6" x14ac:dyDescent="0.25">
      <c r="A3641">
        <v>142.26</v>
      </c>
      <c r="B3641">
        <v>185.89</v>
      </c>
      <c r="C3641">
        <v>11072.7</v>
      </c>
      <c r="D3641">
        <v>3.4</v>
      </c>
      <c r="E3641">
        <v>12681</v>
      </c>
      <c r="F3641">
        <v>16.081800000000001</v>
      </c>
    </row>
    <row r="3642" spans="1:6" x14ac:dyDescent="0.25">
      <c r="A3642">
        <v>142.26</v>
      </c>
      <c r="B3642">
        <v>185.89</v>
      </c>
      <c r="C3642">
        <v>11072.7</v>
      </c>
      <c r="D3642">
        <v>3.7</v>
      </c>
      <c r="E3642">
        <v>12536.3</v>
      </c>
      <c r="F3642">
        <v>16.085699999999999</v>
      </c>
    </row>
    <row r="3643" spans="1:6" x14ac:dyDescent="0.25">
      <c r="A3643">
        <v>142.26</v>
      </c>
      <c r="B3643">
        <v>185.89</v>
      </c>
      <c r="C3643">
        <v>11072.7</v>
      </c>
      <c r="D3643">
        <v>4</v>
      </c>
      <c r="E3643">
        <v>12508.9</v>
      </c>
      <c r="F3643">
        <v>16.075900000000001</v>
      </c>
    </row>
    <row r="3644" spans="1:6" x14ac:dyDescent="0.25">
      <c r="A3644">
        <v>142.26</v>
      </c>
      <c r="B3644">
        <v>185.89</v>
      </c>
      <c r="C3644">
        <v>12618.2</v>
      </c>
      <c r="D3644">
        <v>1</v>
      </c>
      <c r="E3644">
        <v>16677.900000000001</v>
      </c>
      <c r="F3644">
        <v>15.405200000000001</v>
      </c>
    </row>
    <row r="3645" spans="1:6" x14ac:dyDescent="0.25">
      <c r="A3645">
        <v>142.26</v>
      </c>
      <c r="B3645">
        <v>185.89</v>
      </c>
      <c r="C3645">
        <v>12618.2</v>
      </c>
      <c r="D3645">
        <v>1.3</v>
      </c>
      <c r="E3645">
        <v>15683.8</v>
      </c>
      <c r="F3645">
        <v>16.369299999999999</v>
      </c>
    </row>
    <row r="3646" spans="1:6" x14ac:dyDescent="0.25">
      <c r="A3646">
        <v>142.26</v>
      </c>
      <c r="B3646">
        <v>185.89</v>
      </c>
      <c r="C3646">
        <v>12618.2</v>
      </c>
      <c r="D3646">
        <v>1.6</v>
      </c>
      <c r="E3646">
        <v>15167.9</v>
      </c>
      <c r="F3646">
        <v>16.450199999999999</v>
      </c>
    </row>
    <row r="3647" spans="1:6" x14ac:dyDescent="0.25">
      <c r="A3647">
        <v>142.26</v>
      </c>
      <c r="B3647">
        <v>185.89</v>
      </c>
      <c r="C3647">
        <v>12618.2</v>
      </c>
      <c r="D3647">
        <v>1.9</v>
      </c>
      <c r="E3647">
        <v>14678.4</v>
      </c>
      <c r="F3647">
        <v>16.490600000000001</v>
      </c>
    </row>
    <row r="3648" spans="1:6" x14ac:dyDescent="0.25">
      <c r="A3648">
        <v>142.26</v>
      </c>
      <c r="B3648">
        <v>185.89</v>
      </c>
      <c r="C3648">
        <v>12618.2</v>
      </c>
      <c r="D3648">
        <v>2.2000000000000002</v>
      </c>
      <c r="E3648">
        <v>14619.5</v>
      </c>
      <c r="F3648">
        <v>15.9641</v>
      </c>
    </row>
    <row r="3649" spans="1:6" x14ac:dyDescent="0.25">
      <c r="A3649">
        <v>142.26</v>
      </c>
      <c r="B3649">
        <v>185.89</v>
      </c>
      <c r="C3649">
        <v>12618.2</v>
      </c>
      <c r="D3649">
        <v>2.5</v>
      </c>
      <c r="E3649">
        <v>14547.2</v>
      </c>
      <c r="F3649">
        <v>16.028099999999998</v>
      </c>
    </row>
    <row r="3650" spans="1:6" x14ac:dyDescent="0.25">
      <c r="A3650">
        <v>142.26</v>
      </c>
      <c r="B3650">
        <v>185.89</v>
      </c>
      <c r="C3650">
        <v>12618.2</v>
      </c>
      <c r="D3650">
        <v>2.8</v>
      </c>
      <c r="E3650">
        <v>14398.2</v>
      </c>
      <c r="F3650">
        <v>16.055</v>
      </c>
    </row>
    <row r="3651" spans="1:6" x14ac:dyDescent="0.25">
      <c r="A3651">
        <v>142.26</v>
      </c>
      <c r="B3651">
        <v>185.89</v>
      </c>
      <c r="C3651">
        <v>12618.2</v>
      </c>
      <c r="D3651">
        <v>3.1</v>
      </c>
      <c r="E3651">
        <v>14267.8</v>
      </c>
      <c r="F3651">
        <v>16.077300000000001</v>
      </c>
    </row>
    <row r="3652" spans="1:6" x14ac:dyDescent="0.25">
      <c r="A3652">
        <v>142.26</v>
      </c>
      <c r="B3652">
        <v>185.89</v>
      </c>
      <c r="C3652">
        <v>12618.2</v>
      </c>
      <c r="D3652">
        <v>3.4</v>
      </c>
      <c r="E3652">
        <v>14307.4</v>
      </c>
      <c r="F3652">
        <v>16.081800000000001</v>
      </c>
    </row>
    <row r="3653" spans="1:6" x14ac:dyDescent="0.25">
      <c r="A3653">
        <v>142.26</v>
      </c>
      <c r="B3653">
        <v>185.89</v>
      </c>
      <c r="C3653">
        <v>12618.2</v>
      </c>
      <c r="D3653">
        <v>3.7</v>
      </c>
      <c r="E3653">
        <v>14169.3</v>
      </c>
      <c r="F3653">
        <v>16.085699999999999</v>
      </c>
    </row>
    <row r="3654" spans="1:6" x14ac:dyDescent="0.25">
      <c r="A3654">
        <v>142.26</v>
      </c>
      <c r="B3654">
        <v>185.89</v>
      </c>
      <c r="C3654">
        <v>12618.2</v>
      </c>
      <c r="D3654">
        <v>4</v>
      </c>
      <c r="E3654">
        <v>14058.4</v>
      </c>
      <c r="F3654">
        <v>16.075900000000001</v>
      </c>
    </row>
    <row r="3655" spans="1:6" x14ac:dyDescent="0.25">
      <c r="A3655">
        <v>142.26</v>
      </c>
      <c r="B3655">
        <v>185.89</v>
      </c>
      <c r="C3655">
        <v>14163.6</v>
      </c>
      <c r="D3655">
        <v>1</v>
      </c>
      <c r="E3655">
        <v>18017.8</v>
      </c>
      <c r="F3655">
        <v>15.405200000000001</v>
      </c>
    </row>
    <row r="3656" spans="1:6" x14ac:dyDescent="0.25">
      <c r="A3656">
        <v>142.26</v>
      </c>
      <c r="B3656">
        <v>185.89</v>
      </c>
      <c r="C3656">
        <v>14163.6</v>
      </c>
      <c r="D3656">
        <v>1.3</v>
      </c>
      <c r="E3656">
        <v>17073</v>
      </c>
      <c r="F3656">
        <v>16.369299999999999</v>
      </c>
    </row>
    <row r="3657" spans="1:6" x14ac:dyDescent="0.25">
      <c r="A3657">
        <v>142.26</v>
      </c>
      <c r="B3657">
        <v>185.89</v>
      </c>
      <c r="C3657">
        <v>14163.6</v>
      </c>
      <c r="D3657">
        <v>1.6</v>
      </c>
      <c r="E3657">
        <v>16614.7</v>
      </c>
      <c r="F3657">
        <v>16.450199999999999</v>
      </c>
    </row>
    <row r="3658" spans="1:6" x14ac:dyDescent="0.25">
      <c r="A3658">
        <v>142.26</v>
      </c>
      <c r="B3658">
        <v>185.89</v>
      </c>
      <c r="C3658">
        <v>14163.6</v>
      </c>
      <c r="D3658">
        <v>1.9</v>
      </c>
      <c r="E3658">
        <v>16339.1</v>
      </c>
      <c r="F3658">
        <v>16.490600000000001</v>
      </c>
    </row>
    <row r="3659" spans="1:6" x14ac:dyDescent="0.25">
      <c r="A3659">
        <v>142.26</v>
      </c>
      <c r="B3659">
        <v>185.89</v>
      </c>
      <c r="C3659">
        <v>14163.6</v>
      </c>
      <c r="D3659">
        <v>2.2000000000000002</v>
      </c>
      <c r="E3659">
        <v>16332.6</v>
      </c>
      <c r="F3659">
        <v>15.9641</v>
      </c>
    </row>
    <row r="3660" spans="1:6" x14ac:dyDescent="0.25">
      <c r="A3660">
        <v>142.26</v>
      </c>
      <c r="B3660">
        <v>185.89</v>
      </c>
      <c r="C3660">
        <v>14163.6</v>
      </c>
      <c r="D3660">
        <v>2.5</v>
      </c>
      <c r="E3660">
        <v>16106.8</v>
      </c>
      <c r="F3660">
        <v>16.028099999999998</v>
      </c>
    </row>
    <row r="3661" spans="1:6" x14ac:dyDescent="0.25">
      <c r="A3661">
        <v>142.26</v>
      </c>
      <c r="B3661">
        <v>185.89</v>
      </c>
      <c r="C3661">
        <v>14163.6</v>
      </c>
      <c r="D3661">
        <v>2.8</v>
      </c>
      <c r="E3661">
        <v>15927.2</v>
      </c>
      <c r="F3661">
        <v>16.055</v>
      </c>
    </row>
    <row r="3662" spans="1:6" x14ac:dyDescent="0.25">
      <c r="A3662">
        <v>142.26</v>
      </c>
      <c r="B3662">
        <v>185.89</v>
      </c>
      <c r="C3662">
        <v>14163.6</v>
      </c>
      <c r="D3662">
        <v>3.1</v>
      </c>
      <c r="E3662">
        <v>15776.2</v>
      </c>
      <c r="F3662">
        <v>16.077300000000001</v>
      </c>
    </row>
    <row r="3663" spans="1:6" x14ac:dyDescent="0.25">
      <c r="A3663">
        <v>142.26</v>
      </c>
      <c r="B3663">
        <v>185.89</v>
      </c>
      <c r="C3663">
        <v>14163.6</v>
      </c>
      <c r="D3663">
        <v>3.4</v>
      </c>
      <c r="E3663">
        <v>15643.2</v>
      </c>
      <c r="F3663">
        <v>16.081800000000001</v>
      </c>
    </row>
    <row r="3664" spans="1:6" x14ac:dyDescent="0.25">
      <c r="A3664">
        <v>142.26</v>
      </c>
      <c r="B3664">
        <v>185.89</v>
      </c>
      <c r="C3664">
        <v>14163.6</v>
      </c>
      <c r="D3664">
        <v>3.7</v>
      </c>
      <c r="E3664">
        <v>15711</v>
      </c>
      <c r="F3664">
        <v>16.085699999999999</v>
      </c>
    </row>
    <row r="3665" spans="1:6" x14ac:dyDescent="0.25">
      <c r="A3665">
        <v>142.26</v>
      </c>
      <c r="B3665">
        <v>185.89</v>
      </c>
      <c r="C3665">
        <v>14163.6</v>
      </c>
      <c r="D3665">
        <v>4</v>
      </c>
      <c r="E3665">
        <v>15593</v>
      </c>
      <c r="F3665">
        <v>16.075900000000001</v>
      </c>
    </row>
    <row r="3666" spans="1:6" x14ac:dyDescent="0.25">
      <c r="A3666">
        <v>142.26</v>
      </c>
      <c r="B3666">
        <v>185.89</v>
      </c>
      <c r="C3666">
        <v>15709.1</v>
      </c>
      <c r="D3666">
        <v>1</v>
      </c>
      <c r="E3666">
        <v>19521.599999999999</v>
      </c>
      <c r="F3666">
        <v>15.405200000000001</v>
      </c>
    </row>
    <row r="3667" spans="1:6" x14ac:dyDescent="0.25">
      <c r="A3667">
        <v>142.26</v>
      </c>
      <c r="B3667">
        <v>185.89</v>
      </c>
      <c r="C3667">
        <v>15709.1</v>
      </c>
      <c r="D3667">
        <v>1.3</v>
      </c>
      <c r="E3667">
        <v>18612.2</v>
      </c>
      <c r="F3667">
        <v>16.369299999999999</v>
      </c>
    </row>
    <row r="3668" spans="1:6" x14ac:dyDescent="0.25">
      <c r="A3668">
        <v>142.26</v>
      </c>
      <c r="B3668">
        <v>185.89</v>
      </c>
      <c r="C3668">
        <v>15709.1</v>
      </c>
      <c r="D3668">
        <v>1.6</v>
      </c>
      <c r="E3668">
        <v>18265.900000000001</v>
      </c>
      <c r="F3668">
        <v>16.450199999999999</v>
      </c>
    </row>
    <row r="3669" spans="1:6" x14ac:dyDescent="0.25">
      <c r="A3669">
        <v>142.26</v>
      </c>
      <c r="B3669">
        <v>185.89</v>
      </c>
      <c r="C3669">
        <v>15709.1</v>
      </c>
      <c r="D3669">
        <v>1.9</v>
      </c>
      <c r="E3669">
        <v>17831.599999999999</v>
      </c>
      <c r="F3669">
        <v>16.490600000000001</v>
      </c>
    </row>
    <row r="3670" spans="1:6" x14ac:dyDescent="0.25">
      <c r="A3670">
        <v>142.26</v>
      </c>
      <c r="B3670">
        <v>185.89</v>
      </c>
      <c r="C3670">
        <v>15709.1</v>
      </c>
      <c r="D3670">
        <v>2.2000000000000002</v>
      </c>
      <c r="E3670">
        <v>17894.900000000001</v>
      </c>
      <c r="F3670">
        <v>15.9641</v>
      </c>
    </row>
    <row r="3671" spans="1:6" x14ac:dyDescent="0.25">
      <c r="A3671">
        <v>142.26</v>
      </c>
      <c r="B3671">
        <v>185.89</v>
      </c>
      <c r="C3671">
        <v>15709.1</v>
      </c>
      <c r="D3671">
        <v>2.5</v>
      </c>
      <c r="E3671">
        <v>17681.5</v>
      </c>
      <c r="F3671">
        <v>16.028099999999998</v>
      </c>
    </row>
    <row r="3672" spans="1:6" x14ac:dyDescent="0.25">
      <c r="A3672">
        <v>142.26</v>
      </c>
      <c r="B3672">
        <v>185.89</v>
      </c>
      <c r="C3672">
        <v>15709.1</v>
      </c>
      <c r="D3672">
        <v>2.8</v>
      </c>
      <c r="E3672">
        <v>17500.2</v>
      </c>
      <c r="F3672">
        <v>16.055</v>
      </c>
    </row>
    <row r="3673" spans="1:6" x14ac:dyDescent="0.25">
      <c r="A3673">
        <v>142.26</v>
      </c>
      <c r="B3673">
        <v>185.89</v>
      </c>
      <c r="C3673">
        <v>15709.1</v>
      </c>
      <c r="D3673">
        <v>3.1</v>
      </c>
      <c r="E3673">
        <v>17295.7</v>
      </c>
      <c r="F3673">
        <v>16.077300000000001</v>
      </c>
    </row>
    <row r="3674" spans="1:6" x14ac:dyDescent="0.25">
      <c r="A3674">
        <v>142.26</v>
      </c>
      <c r="B3674">
        <v>185.89</v>
      </c>
      <c r="C3674">
        <v>15709.1</v>
      </c>
      <c r="D3674">
        <v>3.4</v>
      </c>
      <c r="E3674">
        <v>17356.3</v>
      </c>
      <c r="F3674">
        <v>16.081800000000001</v>
      </c>
    </row>
    <row r="3675" spans="1:6" x14ac:dyDescent="0.25">
      <c r="A3675">
        <v>142.26</v>
      </c>
      <c r="B3675">
        <v>185.89</v>
      </c>
      <c r="C3675">
        <v>15709.1</v>
      </c>
      <c r="D3675">
        <v>3.7</v>
      </c>
      <c r="E3675">
        <v>17223.5</v>
      </c>
      <c r="F3675">
        <v>16.085699999999999</v>
      </c>
    </row>
    <row r="3676" spans="1:6" x14ac:dyDescent="0.25">
      <c r="A3676">
        <v>142.26</v>
      </c>
      <c r="B3676">
        <v>185.89</v>
      </c>
      <c r="C3676">
        <v>15709.1</v>
      </c>
      <c r="D3676">
        <v>4</v>
      </c>
      <c r="E3676">
        <v>17151.400000000001</v>
      </c>
      <c r="F3676">
        <v>16.075900000000001</v>
      </c>
    </row>
    <row r="3677" spans="1:6" x14ac:dyDescent="0.25">
      <c r="A3677">
        <v>142.26</v>
      </c>
      <c r="B3677">
        <v>185.89</v>
      </c>
      <c r="C3677">
        <v>17254.5</v>
      </c>
      <c r="D3677">
        <v>1</v>
      </c>
      <c r="E3677">
        <v>21234.799999999999</v>
      </c>
      <c r="F3677">
        <v>15.405200000000001</v>
      </c>
    </row>
    <row r="3678" spans="1:6" x14ac:dyDescent="0.25">
      <c r="A3678">
        <v>142.26</v>
      </c>
      <c r="B3678">
        <v>185.89</v>
      </c>
      <c r="C3678">
        <v>17254.5</v>
      </c>
      <c r="D3678">
        <v>1.3</v>
      </c>
      <c r="E3678">
        <v>20178.7</v>
      </c>
      <c r="F3678">
        <v>16.369299999999999</v>
      </c>
    </row>
    <row r="3679" spans="1:6" x14ac:dyDescent="0.25">
      <c r="A3679">
        <v>142.26</v>
      </c>
      <c r="B3679">
        <v>185.89</v>
      </c>
      <c r="C3679">
        <v>17254.5</v>
      </c>
      <c r="D3679">
        <v>1.6</v>
      </c>
      <c r="E3679">
        <v>19746.7</v>
      </c>
      <c r="F3679">
        <v>16.450199999999999</v>
      </c>
    </row>
    <row r="3680" spans="1:6" x14ac:dyDescent="0.25">
      <c r="A3680">
        <v>142.26</v>
      </c>
      <c r="B3680">
        <v>185.89</v>
      </c>
      <c r="C3680">
        <v>17254.5</v>
      </c>
      <c r="D3680">
        <v>1.9</v>
      </c>
      <c r="E3680">
        <v>19390.599999999999</v>
      </c>
      <c r="F3680">
        <v>16.490600000000001</v>
      </c>
    </row>
    <row r="3681" spans="1:6" x14ac:dyDescent="0.25">
      <c r="A3681">
        <v>142.26</v>
      </c>
      <c r="B3681">
        <v>185.89</v>
      </c>
      <c r="C3681">
        <v>17254.5</v>
      </c>
      <c r="D3681">
        <v>2.2000000000000002</v>
      </c>
      <c r="E3681">
        <v>19215.599999999999</v>
      </c>
      <c r="F3681">
        <v>15.9641</v>
      </c>
    </row>
    <row r="3682" spans="1:6" x14ac:dyDescent="0.25">
      <c r="A3682">
        <v>142.26</v>
      </c>
      <c r="B3682">
        <v>185.89</v>
      </c>
      <c r="C3682">
        <v>17254.5</v>
      </c>
      <c r="D3682">
        <v>2.5</v>
      </c>
      <c r="E3682">
        <v>19032.099999999999</v>
      </c>
      <c r="F3682">
        <v>16.028099999999998</v>
      </c>
    </row>
    <row r="3683" spans="1:6" x14ac:dyDescent="0.25">
      <c r="A3683">
        <v>142.26</v>
      </c>
      <c r="B3683">
        <v>185.89</v>
      </c>
      <c r="C3683">
        <v>17254.5</v>
      </c>
      <c r="D3683">
        <v>2.8</v>
      </c>
      <c r="E3683">
        <v>18996.3</v>
      </c>
      <c r="F3683">
        <v>16.055</v>
      </c>
    </row>
    <row r="3684" spans="1:6" x14ac:dyDescent="0.25">
      <c r="A3684">
        <v>142.26</v>
      </c>
      <c r="B3684">
        <v>185.89</v>
      </c>
      <c r="C3684">
        <v>17254.5</v>
      </c>
      <c r="D3684">
        <v>3.1</v>
      </c>
      <c r="E3684">
        <v>18826.7</v>
      </c>
      <c r="F3684">
        <v>16.077300000000001</v>
      </c>
    </row>
    <row r="3685" spans="1:6" x14ac:dyDescent="0.25">
      <c r="A3685">
        <v>142.26</v>
      </c>
      <c r="B3685">
        <v>185.89</v>
      </c>
      <c r="C3685">
        <v>17254.5</v>
      </c>
      <c r="D3685">
        <v>3.4</v>
      </c>
      <c r="E3685">
        <v>18886</v>
      </c>
      <c r="F3685">
        <v>16.081800000000001</v>
      </c>
    </row>
    <row r="3686" spans="1:6" x14ac:dyDescent="0.25">
      <c r="A3686">
        <v>142.26</v>
      </c>
      <c r="B3686">
        <v>185.89</v>
      </c>
      <c r="C3686">
        <v>17254.5</v>
      </c>
      <c r="D3686">
        <v>3.7</v>
      </c>
      <c r="E3686">
        <v>18751.5</v>
      </c>
      <c r="F3686">
        <v>16.085699999999999</v>
      </c>
    </row>
    <row r="3687" spans="1:6" x14ac:dyDescent="0.25">
      <c r="A3687">
        <v>142.26</v>
      </c>
      <c r="B3687">
        <v>185.89</v>
      </c>
      <c r="C3687">
        <v>17254.5</v>
      </c>
      <c r="D3687">
        <v>4</v>
      </c>
      <c r="E3687">
        <v>18640.2</v>
      </c>
      <c r="F3687">
        <v>16.075900000000001</v>
      </c>
    </row>
    <row r="3688" spans="1:6" x14ac:dyDescent="0.25">
      <c r="A3688">
        <v>142.26</v>
      </c>
      <c r="B3688">
        <v>185.89</v>
      </c>
      <c r="C3688">
        <v>18800</v>
      </c>
      <c r="D3688">
        <v>1</v>
      </c>
      <c r="E3688">
        <v>22663.1</v>
      </c>
      <c r="F3688">
        <v>15.405200000000001</v>
      </c>
    </row>
    <row r="3689" spans="1:6" x14ac:dyDescent="0.25">
      <c r="A3689">
        <v>142.26</v>
      </c>
      <c r="B3689">
        <v>185.89</v>
      </c>
      <c r="C3689">
        <v>18800</v>
      </c>
      <c r="D3689">
        <v>1.3</v>
      </c>
      <c r="E3689">
        <v>21650.6</v>
      </c>
      <c r="F3689">
        <v>16.369299999999999</v>
      </c>
    </row>
    <row r="3690" spans="1:6" x14ac:dyDescent="0.25">
      <c r="A3690">
        <v>142.26</v>
      </c>
      <c r="B3690">
        <v>185.89</v>
      </c>
      <c r="C3690">
        <v>18800</v>
      </c>
      <c r="D3690">
        <v>1.6</v>
      </c>
      <c r="E3690">
        <v>21453.200000000001</v>
      </c>
      <c r="F3690">
        <v>16.450199999999999</v>
      </c>
    </row>
    <row r="3691" spans="1:6" x14ac:dyDescent="0.25">
      <c r="A3691">
        <v>142.26</v>
      </c>
      <c r="B3691">
        <v>185.89</v>
      </c>
      <c r="C3691">
        <v>18800</v>
      </c>
      <c r="D3691">
        <v>1.9</v>
      </c>
      <c r="E3691">
        <v>21062.7</v>
      </c>
      <c r="F3691">
        <v>16.490600000000001</v>
      </c>
    </row>
    <row r="3692" spans="1:6" x14ac:dyDescent="0.25">
      <c r="A3692">
        <v>142.26</v>
      </c>
      <c r="B3692">
        <v>185.89</v>
      </c>
      <c r="C3692">
        <v>18800</v>
      </c>
      <c r="D3692">
        <v>2.2000000000000002</v>
      </c>
      <c r="E3692">
        <v>20813.900000000001</v>
      </c>
      <c r="F3692">
        <v>15.9641</v>
      </c>
    </row>
    <row r="3693" spans="1:6" x14ac:dyDescent="0.25">
      <c r="A3693">
        <v>142.26</v>
      </c>
      <c r="B3693">
        <v>185.89</v>
      </c>
      <c r="C3693">
        <v>18800</v>
      </c>
      <c r="D3693">
        <v>2.5</v>
      </c>
      <c r="E3693">
        <v>20798</v>
      </c>
      <c r="F3693">
        <v>16.028099999999998</v>
      </c>
    </row>
    <row r="3694" spans="1:6" x14ac:dyDescent="0.25">
      <c r="A3694">
        <v>142.26</v>
      </c>
      <c r="B3694">
        <v>185.89</v>
      </c>
      <c r="C3694">
        <v>18800</v>
      </c>
      <c r="D3694">
        <v>2.8</v>
      </c>
      <c r="E3694">
        <v>20506.7</v>
      </c>
      <c r="F3694">
        <v>16.055</v>
      </c>
    </row>
    <row r="3695" spans="1:6" x14ac:dyDescent="0.25">
      <c r="A3695">
        <v>142.26</v>
      </c>
      <c r="B3695">
        <v>185.89</v>
      </c>
      <c r="C3695">
        <v>18800</v>
      </c>
      <c r="D3695">
        <v>3.1</v>
      </c>
      <c r="E3695">
        <v>20464.900000000001</v>
      </c>
      <c r="F3695">
        <v>16.077300000000001</v>
      </c>
    </row>
    <row r="3696" spans="1:6" x14ac:dyDescent="0.25">
      <c r="A3696">
        <v>142.26</v>
      </c>
      <c r="B3696">
        <v>185.89</v>
      </c>
      <c r="C3696">
        <v>18800</v>
      </c>
      <c r="D3696">
        <v>3.4</v>
      </c>
      <c r="E3696">
        <v>20354.900000000001</v>
      </c>
      <c r="F3696">
        <v>16.081800000000001</v>
      </c>
    </row>
    <row r="3697" spans="1:6" x14ac:dyDescent="0.25">
      <c r="A3697">
        <v>142.26</v>
      </c>
      <c r="B3697">
        <v>185.89</v>
      </c>
      <c r="C3697">
        <v>18800</v>
      </c>
      <c r="D3697">
        <v>3.7</v>
      </c>
      <c r="E3697">
        <v>20418</v>
      </c>
      <c r="F3697">
        <v>16.085699999999999</v>
      </c>
    </row>
    <row r="3698" spans="1:6" x14ac:dyDescent="0.25">
      <c r="A3698">
        <v>142.26</v>
      </c>
      <c r="B3698">
        <v>185.89</v>
      </c>
      <c r="C3698">
        <v>18800</v>
      </c>
      <c r="D3698">
        <v>4</v>
      </c>
      <c r="E3698">
        <v>20258.599999999999</v>
      </c>
      <c r="F3698">
        <v>16.075900000000001</v>
      </c>
    </row>
    <row r="3699" spans="1:6" x14ac:dyDescent="0.25">
      <c r="A3699">
        <v>142.26</v>
      </c>
      <c r="B3699">
        <v>189.52</v>
      </c>
      <c r="C3699">
        <v>1800</v>
      </c>
      <c r="D3699">
        <v>1</v>
      </c>
      <c r="E3699">
        <v>5630.42</v>
      </c>
      <c r="F3699">
        <v>55.694600000000001</v>
      </c>
    </row>
    <row r="3700" spans="1:6" x14ac:dyDescent="0.25">
      <c r="A3700">
        <v>142.26</v>
      </c>
      <c r="B3700">
        <v>189.52</v>
      </c>
      <c r="C3700">
        <v>1800</v>
      </c>
      <c r="D3700">
        <v>1.3</v>
      </c>
      <c r="E3700">
        <v>5038.91</v>
      </c>
      <c r="F3700">
        <v>68.851100000000002</v>
      </c>
    </row>
    <row r="3701" spans="1:6" x14ac:dyDescent="0.25">
      <c r="A3701">
        <v>142.26</v>
      </c>
      <c r="B3701">
        <v>189.52</v>
      </c>
      <c r="C3701">
        <v>1800</v>
      </c>
      <c r="D3701">
        <v>1.6</v>
      </c>
      <c r="E3701">
        <v>4574.6499999999996</v>
      </c>
      <c r="F3701">
        <v>76.487499999999997</v>
      </c>
    </row>
    <row r="3702" spans="1:6" x14ac:dyDescent="0.25">
      <c r="A3702">
        <v>142.26</v>
      </c>
      <c r="B3702">
        <v>189.52</v>
      </c>
      <c r="C3702">
        <v>1800</v>
      </c>
      <c r="D3702">
        <v>1.9</v>
      </c>
      <c r="E3702">
        <v>4330.28</v>
      </c>
      <c r="F3702">
        <v>85.012200000000007</v>
      </c>
    </row>
    <row r="3703" spans="1:6" x14ac:dyDescent="0.25">
      <c r="A3703">
        <v>142.26</v>
      </c>
      <c r="B3703">
        <v>189.52</v>
      </c>
      <c r="C3703">
        <v>1800</v>
      </c>
      <c r="D3703">
        <v>2.2000000000000002</v>
      </c>
      <c r="E3703">
        <v>4093.68</v>
      </c>
      <c r="F3703">
        <v>91.924300000000002</v>
      </c>
    </row>
    <row r="3704" spans="1:6" x14ac:dyDescent="0.25">
      <c r="A3704">
        <v>142.26</v>
      </c>
      <c r="B3704">
        <v>189.52</v>
      </c>
      <c r="C3704">
        <v>1800</v>
      </c>
      <c r="D3704">
        <v>2.5</v>
      </c>
      <c r="E3704">
        <v>3958.5</v>
      </c>
      <c r="F3704">
        <v>99.248900000000006</v>
      </c>
    </row>
    <row r="3705" spans="1:6" x14ac:dyDescent="0.25">
      <c r="A3705">
        <v>142.26</v>
      </c>
      <c r="B3705">
        <v>189.52</v>
      </c>
      <c r="C3705">
        <v>1800</v>
      </c>
      <c r="D3705">
        <v>2.8</v>
      </c>
      <c r="E3705">
        <v>3841.39</v>
      </c>
      <c r="F3705">
        <v>104.70399999999999</v>
      </c>
    </row>
    <row r="3706" spans="1:6" x14ac:dyDescent="0.25">
      <c r="A3706">
        <v>142.26</v>
      </c>
      <c r="B3706">
        <v>189.52</v>
      </c>
      <c r="C3706">
        <v>1800</v>
      </c>
      <c r="D3706">
        <v>3.1</v>
      </c>
      <c r="E3706">
        <v>3746.41</v>
      </c>
      <c r="F3706">
        <v>107.89400000000001</v>
      </c>
    </row>
    <row r="3707" spans="1:6" x14ac:dyDescent="0.25">
      <c r="A3707">
        <v>142.26</v>
      </c>
      <c r="B3707">
        <v>189.52</v>
      </c>
      <c r="C3707">
        <v>1800</v>
      </c>
      <c r="D3707">
        <v>3.4</v>
      </c>
      <c r="E3707">
        <v>3650.51</v>
      </c>
      <c r="F3707">
        <v>106.669</v>
      </c>
    </row>
    <row r="3708" spans="1:6" x14ac:dyDescent="0.25">
      <c r="A3708">
        <v>142.26</v>
      </c>
      <c r="B3708">
        <v>189.52</v>
      </c>
      <c r="C3708">
        <v>1800</v>
      </c>
      <c r="D3708">
        <v>3.7</v>
      </c>
      <c r="E3708">
        <v>3605.83</v>
      </c>
      <c r="F3708">
        <v>108.623</v>
      </c>
    </row>
    <row r="3709" spans="1:6" x14ac:dyDescent="0.25">
      <c r="A3709">
        <v>142.26</v>
      </c>
      <c r="B3709">
        <v>189.52</v>
      </c>
      <c r="C3709">
        <v>1800</v>
      </c>
      <c r="D3709">
        <v>4</v>
      </c>
      <c r="E3709">
        <v>3532.76</v>
      </c>
      <c r="F3709">
        <v>111.242</v>
      </c>
    </row>
    <row r="3710" spans="1:6" x14ac:dyDescent="0.25">
      <c r="A3710">
        <v>142.26</v>
      </c>
      <c r="B3710">
        <v>189.52</v>
      </c>
      <c r="C3710">
        <v>3345.45</v>
      </c>
      <c r="D3710">
        <v>1</v>
      </c>
      <c r="E3710">
        <v>6839.5</v>
      </c>
      <c r="F3710">
        <v>27.985399999999998</v>
      </c>
    </row>
    <row r="3711" spans="1:6" x14ac:dyDescent="0.25">
      <c r="A3711">
        <v>142.26</v>
      </c>
      <c r="B3711">
        <v>189.52</v>
      </c>
      <c r="C3711">
        <v>3345.45</v>
      </c>
      <c r="D3711">
        <v>1.3</v>
      </c>
      <c r="E3711">
        <v>6336.96</v>
      </c>
      <c r="F3711">
        <v>32.643500000000003</v>
      </c>
    </row>
    <row r="3712" spans="1:6" x14ac:dyDescent="0.25">
      <c r="A3712">
        <v>142.26</v>
      </c>
      <c r="B3712">
        <v>189.52</v>
      </c>
      <c r="C3712">
        <v>3345.45</v>
      </c>
      <c r="D3712">
        <v>1.6</v>
      </c>
      <c r="E3712">
        <v>6024.89</v>
      </c>
      <c r="F3712">
        <v>39.701999999999998</v>
      </c>
    </row>
    <row r="3713" spans="1:6" x14ac:dyDescent="0.25">
      <c r="A3713">
        <v>142.26</v>
      </c>
      <c r="B3713">
        <v>189.52</v>
      </c>
      <c r="C3713">
        <v>3345.45</v>
      </c>
      <c r="D3713">
        <v>1.9</v>
      </c>
      <c r="E3713">
        <v>5762.39</v>
      </c>
      <c r="F3713">
        <v>41.216799999999999</v>
      </c>
    </row>
    <row r="3714" spans="1:6" x14ac:dyDescent="0.25">
      <c r="A3714">
        <v>142.26</v>
      </c>
      <c r="B3714">
        <v>189.52</v>
      </c>
      <c r="C3714">
        <v>3345.45</v>
      </c>
      <c r="D3714">
        <v>2.2000000000000002</v>
      </c>
      <c r="E3714">
        <v>5508.65</v>
      </c>
      <c r="F3714">
        <v>50.386499999999998</v>
      </c>
    </row>
    <row r="3715" spans="1:6" x14ac:dyDescent="0.25">
      <c r="A3715">
        <v>142.26</v>
      </c>
      <c r="B3715">
        <v>189.52</v>
      </c>
      <c r="C3715">
        <v>3345.45</v>
      </c>
      <c r="D3715">
        <v>2.5</v>
      </c>
      <c r="E3715">
        <v>5333.76</v>
      </c>
      <c r="F3715">
        <v>55.057200000000002</v>
      </c>
    </row>
    <row r="3716" spans="1:6" x14ac:dyDescent="0.25">
      <c r="A3716">
        <v>142.26</v>
      </c>
      <c r="B3716">
        <v>189.52</v>
      </c>
      <c r="C3716">
        <v>3345.45</v>
      </c>
      <c r="D3716">
        <v>2.8</v>
      </c>
      <c r="E3716">
        <v>5217.1000000000004</v>
      </c>
      <c r="F3716">
        <v>61.6922</v>
      </c>
    </row>
    <row r="3717" spans="1:6" x14ac:dyDescent="0.25">
      <c r="A3717">
        <v>142.26</v>
      </c>
      <c r="B3717">
        <v>189.52</v>
      </c>
      <c r="C3717">
        <v>3345.45</v>
      </c>
      <c r="D3717">
        <v>3.1</v>
      </c>
      <c r="E3717">
        <v>5112.51</v>
      </c>
      <c r="F3717">
        <v>63.435200000000002</v>
      </c>
    </row>
    <row r="3718" spans="1:6" x14ac:dyDescent="0.25">
      <c r="A3718">
        <v>142.26</v>
      </c>
      <c r="B3718">
        <v>189.52</v>
      </c>
      <c r="C3718">
        <v>3345.45</v>
      </c>
      <c r="D3718">
        <v>3.4</v>
      </c>
      <c r="E3718">
        <v>5037.84</v>
      </c>
      <c r="F3718">
        <v>68.318299999999994</v>
      </c>
    </row>
    <row r="3719" spans="1:6" x14ac:dyDescent="0.25">
      <c r="A3719">
        <v>142.26</v>
      </c>
      <c r="B3719">
        <v>189.52</v>
      </c>
      <c r="C3719">
        <v>3345.45</v>
      </c>
      <c r="D3719">
        <v>3.7</v>
      </c>
      <c r="E3719">
        <v>4919.68</v>
      </c>
      <c r="F3719">
        <v>70.327500000000001</v>
      </c>
    </row>
    <row r="3720" spans="1:6" x14ac:dyDescent="0.25">
      <c r="A3720">
        <v>142.26</v>
      </c>
      <c r="B3720">
        <v>189.52</v>
      </c>
      <c r="C3720">
        <v>3345.45</v>
      </c>
      <c r="D3720">
        <v>4</v>
      </c>
      <c r="E3720">
        <v>4892.21</v>
      </c>
      <c r="F3720">
        <v>73.744500000000002</v>
      </c>
    </row>
    <row r="3721" spans="1:6" x14ac:dyDescent="0.25">
      <c r="A3721">
        <v>142.26</v>
      </c>
      <c r="B3721">
        <v>189.52</v>
      </c>
      <c r="C3721">
        <v>4890.8999999999996</v>
      </c>
      <c r="D3721">
        <v>1</v>
      </c>
      <c r="E3721">
        <v>8203.69</v>
      </c>
      <c r="F3721">
        <v>11.8453</v>
      </c>
    </row>
    <row r="3722" spans="1:6" x14ac:dyDescent="0.25">
      <c r="A3722">
        <v>142.26</v>
      </c>
      <c r="B3722">
        <v>189.52</v>
      </c>
      <c r="C3722">
        <v>4890.8999999999996</v>
      </c>
      <c r="D3722">
        <v>1.3</v>
      </c>
      <c r="E3722">
        <v>7906.16</v>
      </c>
      <c r="F3722">
        <v>14.283200000000001</v>
      </c>
    </row>
    <row r="3723" spans="1:6" x14ac:dyDescent="0.25">
      <c r="A3723">
        <v>142.26</v>
      </c>
      <c r="B3723">
        <v>189.52</v>
      </c>
      <c r="C3723">
        <v>4890.8999999999996</v>
      </c>
      <c r="D3723">
        <v>1.6</v>
      </c>
      <c r="E3723">
        <v>7255.39</v>
      </c>
      <c r="F3723">
        <v>14.173400000000001</v>
      </c>
    </row>
    <row r="3724" spans="1:6" x14ac:dyDescent="0.25">
      <c r="A3724">
        <v>142.26</v>
      </c>
      <c r="B3724">
        <v>189.52</v>
      </c>
      <c r="C3724">
        <v>4890.8999999999996</v>
      </c>
      <c r="D3724">
        <v>1.9</v>
      </c>
      <c r="E3724">
        <v>7131.17</v>
      </c>
      <c r="F3724">
        <v>13.783799999999999</v>
      </c>
    </row>
    <row r="3725" spans="1:6" x14ac:dyDescent="0.25">
      <c r="A3725">
        <v>142.26</v>
      </c>
      <c r="B3725">
        <v>189.52</v>
      </c>
      <c r="C3725">
        <v>4890.8999999999996</v>
      </c>
      <c r="D3725">
        <v>2.2000000000000002</v>
      </c>
      <c r="E3725">
        <v>6925.05</v>
      </c>
      <c r="F3725">
        <v>14.2498</v>
      </c>
    </row>
    <row r="3726" spans="1:6" x14ac:dyDescent="0.25">
      <c r="A3726">
        <v>142.26</v>
      </c>
      <c r="B3726">
        <v>189.52</v>
      </c>
      <c r="C3726">
        <v>4890.8999999999996</v>
      </c>
      <c r="D3726">
        <v>2.5</v>
      </c>
      <c r="E3726">
        <v>6780.3</v>
      </c>
      <c r="F3726">
        <v>16.542300000000001</v>
      </c>
    </row>
    <row r="3727" spans="1:6" x14ac:dyDescent="0.25">
      <c r="A3727">
        <v>142.26</v>
      </c>
      <c r="B3727">
        <v>189.52</v>
      </c>
      <c r="C3727">
        <v>4890.8999999999996</v>
      </c>
      <c r="D3727">
        <v>2.8</v>
      </c>
      <c r="E3727">
        <v>6583.69</v>
      </c>
      <c r="F3727">
        <v>18.697800000000001</v>
      </c>
    </row>
    <row r="3728" spans="1:6" x14ac:dyDescent="0.25">
      <c r="A3728">
        <v>142.26</v>
      </c>
      <c r="B3728">
        <v>189.52</v>
      </c>
      <c r="C3728">
        <v>4890.8999999999996</v>
      </c>
      <c r="D3728">
        <v>3.1</v>
      </c>
      <c r="E3728">
        <v>6501.5</v>
      </c>
      <c r="F3728">
        <v>21.923500000000001</v>
      </c>
    </row>
    <row r="3729" spans="1:6" x14ac:dyDescent="0.25">
      <c r="A3729">
        <v>142.26</v>
      </c>
      <c r="B3729">
        <v>189.52</v>
      </c>
      <c r="C3729">
        <v>4890.8999999999996</v>
      </c>
      <c r="D3729">
        <v>3.4</v>
      </c>
      <c r="E3729">
        <v>6489.58</v>
      </c>
      <c r="F3729">
        <v>25.335799999999999</v>
      </c>
    </row>
    <row r="3730" spans="1:6" x14ac:dyDescent="0.25">
      <c r="A3730">
        <v>142.26</v>
      </c>
      <c r="B3730">
        <v>189.52</v>
      </c>
      <c r="C3730">
        <v>4890.8999999999996</v>
      </c>
      <c r="D3730">
        <v>3.7</v>
      </c>
      <c r="E3730">
        <v>6408.72</v>
      </c>
      <c r="F3730">
        <v>26.8901</v>
      </c>
    </row>
    <row r="3731" spans="1:6" x14ac:dyDescent="0.25">
      <c r="A3731">
        <v>142.26</v>
      </c>
      <c r="B3731">
        <v>189.52</v>
      </c>
      <c r="C3731">
        <v>4890.8999999999996</v>
      </c>
      <c r="D3731">
        <v>4</v>
      </c>
      <c r="E3731">
        <v>6241.79</v>
      </c>
      <c r="F3731">
        <v>27.960899999999999</v>
      </c>
    </row>
    <row r="3732" spans="1:6" x14ac:dyDescent="0.25">
      <c r="A3732">
        <v>142.26</v>
      </c>
      <c r="B3732">
        <v>189.52</v>
      </c>
      <c r="C3732">
        <v>6436.35</v>
      </c>
      <c r="D3732">
        <v>1</v>
      </c>
      <c r="E3732">
        <v>10434.799999999999</v>
      </c>
      <c r="F3732">
        <v>15.405200000000001</v>
      </c>
    </row>
    <row r="3733" spans="1:6" x14ac:dyDescent="0.25">
      <c r="A3733">
        <v>142.26</v>
      </c>
      <c r="B3733">
        <v>189.52</v>
      </c>
      <c r="C3733">
        <v>6436.35</v>
      </c>
      <c r="D3733">
        <v>1.3</v>
      </c>
      <c r="E3733">
        <v>9396.5</v>
      </c>
      <c r="F3733">
        <v>14.7537</v>
      </c>
    </row>
    <row r="3734" spans="1:6" x14ac:dyDescent="0.25">
      <c r="A3734">
        <v>142.26</v>
      </c>
      <c r="B3734">
        <v>189.52</v>
      </c>
      <c r="C3734">
        <v>6436.35</v>
      </c>
      <c r="D3734">
        <v>1.6</v>
      </c>
      <c r="E3734">
        <v>9042.59</v>
      </c>
      <c r="F3734">
        <v>14.1135</v>
      </c>
    </row>
    <row r="3735" spans="1:6" x14ac:dyDescent="0.25">
      <c r="A3735">
        <v>142.26</v>
      </c>
      <c r="B3735">
        <v>189.52</v>
      </c>
      <c r="C3735">
        <v>6436.35</v>
      </c>
      <c r="D3735">
        <v>1.9</v>
      </c>
      <c r="E3735">
        <v>8559.5300000000007</v>
      </c>
      <c r="F3735">
        <v>14.279400000000001</v>
      </c>
    </row>
    <row r="3736" spans="1:6" x14ac:dyDescent="0.25">
      <c r="A3736">
        <v>142.26</v>
      </c>
      <c r="B3736">
        <v>189.52</v>
      </c>
      <c r="C3736">
        <v>6436.35</v>
      </c>
      <c r="D3736">
        <v>2.2000000000000002</v>
      </c>
      <c r="E3736">
        <v>8549.48</v>
      </c>
      <c r="F3736">
        <v>15.9641</v>
      </c>
    </row>
    <row r="3737" spans="1:6" x14ac:dyDescent="0.25">
      <c r="A3737">
        <v>142.26</v>
      </c>
      <c r="B3737">
        <v>189.52</v>
      </c>
      <c r="C3737">
        <v>6436.35</v>
      </c>
      <c r="D3737">
        <v>2.5</v>
      </c>
      <c r="E3737">
        <v>8340.7900000000009</v>
      </c>
      <c r="F3737">
        <v>16.028099999999998</v>
      </c>
    </row>
    <row r="3738" spans="1:6" x14ac:dyDescent="0.25">
      <c r="A3738">
        <v>142.26</v>
      </c>
      <c r="B3738">
        <v>189.52</v>
      </c>
      <c r="C3738">
        <v>6436.35</v>
      </c>
      <c r="D3738">
        <v>2.8</v>
      </c>
      <c r="E3738">
        <v>8075.63</v>
      </c>
      <c r="F3738">
        <v>16.055</v>
      </c>
    </row>
    <row r="3739" spans="1:6" x14ac:dyDescent="0.25">
      <c r="A3739">
        <v>142.26</v>
      </c>
      <c r="B3739">
        <v>189.52</v>
      </c>
      <c r="C3739">
        <v>6436.35</v>
      </c>
      <c r="D3739">
        <v>3.1</v>
      </c>
      <c r="E3739">
        <v>7953.88</v>
      </c>
      <c r="F3739">
        <v>16.066299999999998</v>
      </c>
    </row>
    <row r="3740" spans="1:6" x14ac:dyDescent="0.25">
      <c r="A3740">
        <v>142.26</v>
      </c>
      <c r="B3740">
        <v>189.52</v>
      </c>
      <c r="C3740">
        <v>6436.35</v>
      </c>
      <c r="D3740">
        <v>3.4</v>
      </c>
      <c r="E3740">
        <v>7827.83</v>
      </c>
      <c r="F3740">
        <v>15.8484</v>
      </c>
    </row>
    <row r="3741" spans="1:6" x14ac:dyDescent="0.25">
      <c r="A3741">
        <v>142.26</v>
      </c>
      <c r="B3741">
        <v>189.52</v>
      </c>
      <c r="C3741">
        <v>6436.35</v>
      </c>
      <c r="D3741">
        <v>3.7</v>
      </c>
      <c r="E3741">
        <v>7828.46</v>
      </c>
      <c r="F3741">
        <v>15.674799999999999</v>
      </c>
    </row>
    <row r="3742" spans="1:6" x14ac:dyDescent="0.25">
      <c r="A3742">
        <v>142.26</v>
      </c>
      <c r="B3742">
        <v>189.52</v>
      </c>
      <c r="C3742">
        <v>6436.35</v>
      </c>
      <c r="D3742">
        <v>4</v>
      </c>
      <c r="E3742">
        <v>7732.41</v>
      </c>
      <c r="F3742">
        <v>15.530900000000001</v>
      </c>
    </row>
    <row r="3743" spans="1:6" x14ac:dyDescent="0.25">
      <c r="A3743">
        <v>142.26</v>
      </c>
      <c r="B3743">
        <v>189.52</v>
      </c>
      <c r="C3743">
        <v>7981.8</v>
      </c>
      <c r="D3743">
        <v>1</v>
      </c>
      <c r="E3743">
        <v>11848.6</v>
      </c>
      <c r="F3743">
        <v>15.405200000000001</v>
      </c>
    </row>
    <row r="3744" spans="1:6" x14ac:dyDescent="0.25">
      <c r="A3744">
        <v>142.26</v>
      </c>
      <c r="B3744">
        <v>189.52</v>
      </c>
      <c r="C3744">
        <v>7981.8</v>
      </c>
      <c r="D3744">
        <v>1.3</v>
      </c>
      <c r="E3744">
        <v>10997</v>
      </c>
      <c r="F3744">
        <v>16.369299999999999</v>
      </c>
    </row>
    <row r="3745" spans="1:6" x14ac:dyDescent="0.25">
      <c r="A3745">
        <v>142.26</v>
      </c>
      <c r="B3745">
        <v>189.52</v>
      </c>
      <c r="C3745">
        <v>7981.8</v>
      </c>
      <c r="D3745">
        <v>1.6</v>
      </c>
      <c r="E3745">
        <v>10420</v>
      </c>
      <c r="F3745">
        <v>16.450199999999999</v>
      </c>
    </row>
    <row r="3746" spans="1:6" x14ac:dyDescent="0.25">
      <c r="A3746">
        <v>142.26</v>
      </c>
      <c r="B3746">
        <v>189.52</v>
      </c>
      <c r="C3746">
        <v>7981.8</v>
      </c>
      <c r="D3746">
        <v>1.9</v>
      </c>
      <c r="E3746">
        <v>10263</v>
      </c>
      <c r="F3746">
        <v>16.490600000000001</v>
      </c>
    </row>
    <row r="3747" spans="1:6" x14ac:dyDescent="0.25">
      <c r="A3747">
        <v>142.26</v>
      </c>
      <c r="B3747">
        <v>189.52</v>
      </c>
      <c r="C3747">
        <v>7981.8</v>
      </c>
      <c r="D3747">
        <v>2.2000000000000002</v>
      </c>
      <c r="E3747">
        <v>9999.75</v>
      </c>
      <c r="F3747">
        <v>15.9641</v>
      </c>
    </row>
    <row r="3748" spans="1:6" x14ac:dyDescent="0.25">
      <c r="A3748">
        <v>142.26</v>
      </c>
      <c r="B3748">
        <v>189.52</v>
      </c>
      <c r="C3748">
        <v>7981.8</v>
      </c>
      <c r="D3748">
        <v>2.5</v>
      </c>
      <c r="E3748">
        <v>9819.82</v>
      </c>
      <c r="F3748">
        <v>16.028099999999998</v>
      </c>
    </row>
    <row r="3749" spans="1:6" x14ac:dyDescent="0.25">
      <c r="A3749">
        <v>142.26</v>
      </c>
      <c r="B3749">
        <v>189.52</v>
      </c>
      <c r="C3749">
        <v>7981.8</v>
      </c>
      <c r="D3749">
        <v>2.8</v>
      </c>
      <c r="E3749">
        <v>9784.14</v>
      </c>
      <c r="F3749">
        <v>16.055</v>
      </c>
    </row>
    <row r="3750" spans="1:6" x14ac:dyDescent="0.25">
      <c r="A3750">
        <v>142.26</v>
      </c>
      <c r="B3750">
        <v>189.52</v>
      </c>
      <c r="C3750">
        <v>7981.8</v>
      </c>
      <c r="D3750">
        <v>3.1</v>
      </c>
      <c r="E3750">
        <v>9632.7000000000007</v>
      </c>
      <c r="F3750">
        <v>16.077300000000001</v>
      </c>
    </row>
    <row r="3751" spans="1:6" x14ac:dyDescent="0.25">
      <c r="A3751">
        <v>142.26</v>
      </c>
      <c r="B3751">
        <v>189.52</v>
      </c>
      <c r="C3751">
        <v>7981.8</v>
      </c>
      <c r="D3751">
        <v>3.4</v>
      </c>
      <c r="E3751">
        <v>9504.86</v>
      </c>
      <c r="F3751">
        <v>16.081800000000001</v>
      </c>
    </row>
    <row r="3752" spans="1:6" x14ac:dyDescent="0.25">
      <c r="A3752">
        <v>142.26</v>
      </c>
      <c r="B3752">
        <v>189.52</v>
      </c>
      <c r="C3752">
        <v>7981.8</v>
      </c>
      <c r="D3752">
        <v>3.7</v>
      </c>
      <c r="E3752">
        <v>9329.24</v>
      </c>
      <c r="F3752">
        <v>16.085699999999999</v>
      </c>
    </row>
    <row r="3753" spans="1:6" x14ac:dyDescent="0.25">
      <c r="A3753">
        <v>142.26</v>
      </c>
      <c r="B3753">
        <v>189.52</v>
      </c>
      <c r="C3753">
        <v>7981.8</v>
      </c>
      <c r="D3753">
        <v>4</v>
      </c>
      <c r="E3753">
        <v>9410.5300000000007</v>
      </c>
      <c r="F3753">
        <v>16.075900000000001</v>
      </c>
    </row>
    <row r="3754" spans="1:6" x14ac:dyDescent="0.25">
      <c r="A3754">
        <v>142.26</v>
      </c>
      <c r="B3754">
        <v>189.52</v>
      </c>
      <c r="C3754">
        <v>9527.25</v>
      </c>
      <c r="D3754">
        <v>1</v>
      </c>
      <c r="E3754">
        <v>13395.1</v>
      </c>
      <c r="F3754">
        <v>15.405200000000001</v>
      </c>
    </row>
    <row r="3755" spans="1:6" x14ac:dyDescent="0.25">
      <c r="A3755">
        <v>142.26</v>
      </c>
      <c r="B3755">
        <v>189.52</v>
      </c>
      <c r="C3755">
        <v>9527.25</v>
      </c>
      <c r="D3755">
        <v>1.3</v>
      </c>
      <c r="E3755">
        <v>12706.3</v>
      </c>
      <c r="F3755">
        <v>16.369299999999999</v>
      </c>
    </row>
    <row r="3756" spans="1:6" x14ac:dyDescent="0.25">
      <c r="A3756">
        <v>142.26</v>
      </c>
      <c r="B3756">
        <v>189.52</v>
      </c>
      <c r="C3756">
        <v>9527.25</v>
      </c>
      <c r="D3756">
        <v>1.6</v>
      </c>
      <c r="E3756">
        <v>11977.3</v>
      </c>
      <c r="F3756">
        <v>16.450199999999999</v>
      </c>
    </row>
    <row r="3757" spans="1:6" x14ac:dyDescent="0.25">
      <c r="A3757">
        <v>142.26</v>
      </c>
      <c r="B3757">
        <v>189.52</v>
      </c>
      <c r="C3757">
        <v>9527.25</v>
      </c>
      <c r="D3757">
        <v>1.9</v>
      </c>
      <c r="E3757">
        <v>11615.5</v>
      </c>
      <c r="F3757">
        <v>16.490600000000001</v>
      </c>
    </row>
    <row r="3758" spans="1:6" x14ac:dyDescent="0.25">
      <c r="A3758">
        <v>142.26</v>
      </c>
      <c r="B3758">
        <v>189.52</v>
      </c>
      <c r="C3758">
        <v>9527.25</v>
      </c>
      <c r="D3758">
        <v>2.2000000000000002</v>
      </c>
      <c r="E3758">
        <v>11673.4</v>
      </c>
      <c r="F3758">
        <v>15.9641</v>
      </c>
    </row>
    <row r="3759" spans="1:6" x14ac:dyDescent="0.25">
      <c r="A3759">
        <v>142.26</v>
      </c>
      <c r="B3759">
        <v>189.52</v>
      </c>
      <c r="C3759">
        <v>9527.25</v>
      </c>
      <c r="D3759">
        <v>2.5</v>
      </c>
      <c r="E3759">
        <v>11369.7</v>
      </c>
      <c r="F3759">
        <v>16.028099999999998</v>
      </c>
    </row>
    <row r="3760" spans="1:6" x14ac:dyDescent="0.25">
      <c r="A3760">
        <v>142.26</v>
      </c>
      <c r="B3760">
        <v>189.52</v>
      </c>
      <c r="C3760">
        <v>9527.25</v>
      </c>
      <c r="D3760">
        <v>2.8</v>
      </c>
      <c r="E3760">
        <v>11167.6</v>
      </c>
      <c r="F3760">
        <v>16.055</v>
      </c>
    </row>
    <row r="3761" spans="1:6" x14ac:dyDescent="0.25">
      <c r="A3761">
        <v>142.26</v>
      </c>
      <c r="B3761">
        <v>189.52</v>
      </c>
      <c r="C3761">
        <v>9527.25</v>
      </c>
      <c r="D3761">
        <v>3.1</v>
      </c>
      <c r="E3761">
        <v>11187.5</v>
      </c>
      <c r="F3761">
        <v>16.077300000000001</v>
      </c>
    </row>
    <row r="3762" spans="1:6" x14ac:dyDescent="0.25">
      <c r="A3762">
        <v>142.26</v>
      </c>
      <c r="B3762">
        <v>189.52</v>
      </c>
      <c r="C3762">
        <v>9527.25</v>
      </c>
      <c r="D3762">
        <v>3.4</v>
      </c>
      <c r="E3762">
        <v>11040.1</v>
      </c>
      <c r="F3762">
        <v>16.081800000000001</v>
      </c>
    </row>
    <row r="3763" spans="1:6" x14ac:dyDescent="0.25">
      <c r="A3763">
        <v>142.26</v>
      </c>
      <c r="B3763">
        <v>189.52</v>
      </c>
      <c r="C3763">
        <v>9527.25</v>
      </c>
      <c r="D3763">
        <v>3.7</v>
      </c>
      <c r="E3763">
        <v>10915.4</v>
      </c>
      <c r="F3763">
        <v>16.085699999999999</v>
      </c>
    </row>
    <row r="3764" spans="1:6" x14ac:dyDescent="0.25">
      <c r="A3764">
        <v>142.26</v>
      </c>
      <c r="B3764">
        <v>189.52</v>
      </c>
      <c r="C3764">
        <v>9527.25</v>
      </c>
      <c r="D3764">
        <v>4</v>
      </c>
      <c r="E3764">
        <v>10977.9</v>
      </c>
      <c r="F3764">
        <v>16.075900000000001</v>
      </c>
    </row>
    <row r="3765" spans="1:6" x14ac:dyDescent="0.25">
      <c r="A3765">
        <v>142.26</v>
      </c>
      <c r="B3765">
        <v>189.52</v>
      </c>
      <c r="C3765">
        <v>11072.7</v>
      </c>
      <c r="D3765">
        <v>1</v>
      </c>
      <c r="E3765">
        <v>14999.4</v>
      </c>
      <c r="F3765">
        <v>15.405200000000001</v>
      </c>
    </row>
    <row r="3766" spans="1:6" x14ac:dyDescent="0.25">
      <c r="A3766">
        <v>142.26</v>
      </c>
      <c r="B3766">
        <v>189.52</v>
      </c>
      <c r="C3766">
        <v>11072.7</v>
      </c>
      <c r="D3766">
        <v>1.3</v>
      </c>
      <c r="E3766">
        <v>14126.8</v>
      </c>
      <c r="F3766">
        <v>16.369299999999999</v>
      </c>
    </row>
    <row r="3767" spans="1:6" x14ac:dyDescent="0.25">
      <c r="A3767">
        <v>142.26</v>
      </c>
      <c r="B3767">
        <v>189.52</v>
      </c>
      <c r="C3767">
        <v>11072.7</v>
      </c>
      <c r="D3767">
        <v>1.6</v>
      </c>
      <c r="E3767">
        <v>13520.4</v>
      </c>
      <c r="F3767">
        <v>16.450199999999999</v>
      </c>
    </row>
    <row r="3768" spans="1:6" x14ac:dyDescent="0.25">
      <c r="A3768">
        <v>142.26</v>
      </c>
      <c r="B3768">
        <v>189.52</v>
      </c>
      <c r="C3768">
        <v>11072.7</v>
      </c>
      <c r="D3768">
        <v>1.9</v>
      </c>
      <c r="E3768">
        <v>13326.2</v>
      </c>
      <c r="F3768">
        <v>16.490600000000001</v>
      </c>
    </row>
    <row r="3769" spans="1:6" x14ac:dyDescent="0.25">
      <c r="A3769">
        <v>142.26</v>
      </c>
      <c r="B3769">
        <v>189.52</v>
      </c>
      <c r="C3769">
        <v>11072.7</v>
      </c>
      <c r="D3769">
        <v>2.2000000000000002</v>
      </c>
      <c r="E3769">
        <v>13019.4</v>
      </c>
      <c r="F3769">
        <v>15.9641</v>
      </c>
    </row>
    <row r="3770" spans="1:6" x14ac:dyDescent="0.25">
      <c r="A3770">
        <v>142.26</v>
      </c>
      <c r="B3770">
        <v>189.52</v>
      </c>
      <c r="C3770">
        <v>11072.7</v>
      </c>
      <c r="D3770">
        <v>2.5</v>
      </c>
      <c r="E3770">
        <v>13056.4</v>
      </c>
      <c r="F3770">
        <v>16.028099999999998</v>
      </c>
    </row>
    <row r="3771" spans="1:6" x14ac:dyDescent="0.25">
      <c r="A3771">
        <v>142.26</v>
      </c>
      <c r="B3771">
        <v>189.52</v>
      </c>
      <c r="C3771">
        <v>11072.7</v>
      </c>
      <c r="D3771">
        <v>2.8</v>
      </c>
      <c r="E3771">
        <v>12820.1</v>
      </c>
      <c r="F3771">
        <v>16.055</v>
      </c>
    </row>
    <row r="3772" spans="1:6" x14ac:dyDescent="0.25">
      <c r="A3772">
        <v>142.26</v>
      </c>
      <c r="B3772">
        <v>189.52</v>
      </c>
      <c r="C3772">
        <v>11072.7</v>
      </c>
      <c r="D3772">
        <v>3.1</v>
      </c>
      <c r="E3772">
        <v>12633.2</v>
      </c>
      <c r="F3772">
        <v>16.077300000000001</v>
      </c>
    </row>
    <row r="3773" spans="1:6" x14ac:dyDescent="0.25">
      <c r="A3773">
        <v>142.26</v>
      </c>
      <c r="B3773">
        <v>189.52</v>
      </c>
      <c r="C3773">
        <v>11072.7</v>
      </c>
      <c r="D3773">
        <v>3.4</v>
      </c>
      <c r="E3773">
        <v>12681</v>
      </c>
      <c r="F3773">
        <v>16.081800000000001</v>
      </c>
    </row>
    <row r="3774" spans="1:6" x14ac:dyDescent="0.25">
      <c r="A3774">
        <v>142.26</v>
      </c>
      <c r="B3774">
        <v>189.52</v>
      </c>
      <c r="C3774">
        <v>11072.7</v>
      </c>
      <c r="D3774">
        <v>3.7</v>
      </c>
      <c r="E3774">
        <v>12536.3</v>
      </c>
      <c r="F3774">
        <v>16.085699999999999</v>
      </c>
    </row>
    <row r="3775" spans="1:6" x14ac:dyDescent="0.25">
      <c r="A3775">
        <v>142.26</v>
      </c>
      <c r="B3775">
        <v>189.52</v>
      </c>
      <c r="C3775">
        <v>11072.7</v>
      </c>
      <c r="D3775">
        <v>4</v>
      </c>
      <c r="E3775">
        <v>12418.9</v>
      </c>
      <c r="F3775">
        <v>16.075900000000001</v>
      </c>
    </row>
    <row r="3776" spans="1:6" x14ac:dyDescent="0.25">
      <c r="A3776">
        <v>142.26</v>
      </c>
      <c r="B3776">
        <v>189.52</v>
      </c>
      <c r="C3776">
        <v>12618.2</v>
      </c>
      <c r="D3776">
        <v>1</v>
      </c>
      <c r="E3776">
        <v>16677.900000000001</v>
      </c>
      <c r="F3776">
        <v>15.405200000000001</v>
      </c>
    </row>
    <row r="3777" spans="1:6" x14ac:dyDescent="0.25">
      <c r="A3777">
        <v>142.26</v>
      </c>
      <c r="B3777">
        <v>189.52</v>
      </c>
      <c r="C3777">
        <v>12618.2</v>
      </c>
      <c r="D3777">
        <v>1.3</v>
      </c>
      <c r="E3777">
        <v>15683.8</v>
      </c>
      <c r="F3777">
        <v>16.369299999999999</v>
      </c>
    </row>
    <row r="3778" spans="1:6" x14ac:dyDescent="0.25">
      <c r="A3778">
        <v>142.26</v>
      </c>
      <c r="B3778">
        <v>189.52</v>
      </c>
      <c r="C3778">
        <v>12618.2</v>
      </c>
      <c r="D3778">
        <v>1.6</v>
      </c>
      <c r="E3778">
        <v>15051.8</v>
      </c>
      <c r="F3778">
        <v>16.450199999999999</v>
      </c>
    </row>
    <row r="3779" spans="1:6" x14ac:dyDescent="0.25">
      <c r="A3779">
        <v>142.26</v>
      </c>
      <c r="B3779">
        <v>189.52</v>
      </c>
      <c r="C3779">
        <v>12618.2</v>
      </c>
      <c r="D3779">
        <v>1.9</v>
      </c>
      <c r="E3779">
        <v>14678.4</v>
      </c>
      <c r="F3779">
        <v>16.490600000000001</v>
      </c>
    </row>
    <row r="3780" spans="1:6" x14ac:dyDescent="0.25">
      <c r="A3780">
        <v>142.26</v>
      </c>
      <c r="B3780">
        <v>189.52</v>
      </c>
      <c r="C3780">
        <v>12618.2</v>
      </c>
      <c r="D3780">
        <v>2.2000000000000002</v>
      </c>
      <c r="E3780">
        <v>14615.4</v>
      </c>
      <c r="F3780">
        <v>15.9641</v>
      </c>
    </row>
    <row r="3781" spans="1:6" x14ac:dyDescent="0.25">
      <c r="A3781">
        <v>142.26</v>
      </c>
      <c r="B3781">
        <v>189.52</v>
      </c>
      <c r="C3781">
        <v>12618.2</v>
      </c>
      <c r="D3781">
        <v>2.5</v>
      </c>
      <c r="E3781">
        <v>14500.8</v>
      </c>
      <c r="F3781">
        <v>16.028099999999998</v>
      </c>
    </row>
    <row r="3782" spans="1:6" x14ac:dyDescent="0.25">
      <c r="A3782">
        <v>142.26</v>
      </c>
      <c r="B3782">
        <v>189.52</v>
      </c>
      <c r="C3782">
        <v>12618.2</v>
      </c>
      <c r="D3782">
        <v>2.8</v>
      </c>
      <c r="E3782">
        <v>14377.8</v>
      </c>
      <c r="F3782">
        <v>16.055</v>
      </c>
    </row>
    <row r="3783" spans="1:6" x14ac:dyDescent="0.25">
      <c r="A3783">
        <v>142.26</v>
      </c>
      <c r="B3783">
        <v>189.52</v>
      </c>
      <c r="C3783">
        <v>12618.2</v>
      </c>
      <c r="D3783">
        <v>3.1</v>
      </c>
      <c r="E3783">
        <v>14256</v>
      </c>
      <c r="F3783">
        <v>16.077300000000001</v>
      </c>
    </row>
    <row r="3784" spans="1:6" x14ac:dyDescent="0.25">
      <c r="A3784">
        <v>142.26</v>
      </c>
      <c r="B3784">
        <v>189.52</v>
      </c>
      <c r="C3784">
        <v>12618.2</v>
      </c>
      <c r="D3784">
        <v>3.4</v>
      </c>
      <c r="E3784">
        <v>14125.8</v>
      </c>
      <c r="F3784">
        <v>16.081800000000001</v>
      </c>
    </row>
    <row r="3785" spans="1:6" x14ac:dyDescent="0.25">
      <c r="A3785">
        <v>142.26</v>
      </c>
      <c r="B3785">
        <v>189.52</v>
      </c>
      <c r="C3785">
        <v>12618.2</v>
      </c>
      <c r="D3785">
        <v>3.7</v>
      </c>
      <c r="E3785">
        <v>14082.8</v>
      </c>
      <c r="F3785">
        <v>16.085699999999999</v>
      </c>
    </row>
    <row r="3786" spans="1:6" x14ac:dyDescent="0.25">
      <c r="A3786">
        <v>142.26</v>
      </c>
      <c r="B3786">
        <v>189.52</v>
      </c>
      <c r="C3786">
        <v>12618.2</v>
      </c>
      <c r="D3786">
        <v>4</v>
      </c>
      <c r="E3786">
        <v>13991.6</v>
      </c>
      <c r="F3786">
        <v>16.075900000000001</v>
      </c>
    </row>
    <row r="3787" spans="1:6" x14ac:dyDescent="0.25">
      <c r="A3787">
        <v>142.26</v>
      </c>
      <c r="B3787">
        <v>189.52</v>
      </c>
      <c r="C3787">
        <v>14163.6</v>
      </c>
      <c r="D3787">
        <v>1</v>
      </c>
      <c r="E3787">
        <v>18011.8</v>
      </c>
      <c r="F3787">
        <v>15.405200000000001</v>
      </c>
    </row>
    <row r="3788" spans="1:6" x14ac:dyDescent="0.25">
      <c r="A3788">
        <v>142.26</v>
      </c>
      <c r="B3788">
        <v>189.52</v>
      </c>
      <c r="C3788">
        <v>14163.6</v>
      </c>
      <c r="D3788">
        <v>1.3</v>
      </c>
      <c r="E3788">
        <v>17073</v>
      </c>
      <c r="F3788">
        <v>16.369299999999999</v>
      </c>
    </row>
    <row r="3789" spans="1:6" x14ac:dyDescent="0.25">
      <c r="A3789">
        <v>142.26</v>
      </c>
      <c r="B3789">
        <v>189.52</v>
      </c>
      <c r="C3789">
        <v>14163.6</v>
      </c>
      <c r="D3789">
        <v>1.6</v>
      </c>
      <c r="E3789">
        <v>16614.7</v>
      </c>
      <c r="F3789">
        <v>16.450199999999999</v>
      </c>
    </row>
    <row r="3790" spans="1:6" x14ac:dyDescent="0.25">
      <c r="A3790">
        <v>142.26</v>
      </c>
      <c r="B3790">
        <v>189.52</v>
      </c>
      <c r="C3790">
        <v>14163.6</v>
      </c>
      <c r="D3790">
        <v>1.9</v>
      </c>
      <c r="E3790">
        <v>16339.1</v>
      </c>
      <c r="F3790">
        <v>16.490600000000001</v>
      </c>
    </row>
    <row r="3791" spans="1:6" x14ac:dyDescent="0.25">
      <c r="A3791">
        <v>142.26</v>
      </c>
      <c r="B3791">
        <v>189.52</v>
      </c>
      <c r="C3791">
        <v>14163.6</v>
      </c>
      <c r="D3791">
        <v>2.2000000000000002</v>
      </c>
      <c r="E3791">
        <v>16332.6</v>
      </c>
      <c r="F3791">
        <v>15.9641</v>
      </c>
    </row>
    <row r="3792" spans="1:6" x14ac:dyDescent="0.25">
      <c r="A3792">
        <v>142.26</v>
      </c>
      <c r="B3792">
        <v>189.52</v>
      </c>
      <c r="C3792">
        <v>14163.6</v>
      </c>
      <c r="D3792">
        <v>2.5</v>
      </c>
      <c r="E3792">
        <v>16082</v>
      </c>
      <c r="F3792">
        <v>16.028099999999998</v>
      </c>
    </row>
    <row r="3793" spans="1:6" x14ac:dyDescent="0.25">
      <c r="A3793">
        <v>142.26</v>
      </c>
      <c r="B3793">
        <v>189.52</v>
      </c>
      <c r="C3793">
        <v>14163.6</v>
      </c>
      <c r="D3793">
        <v>2.8</v>
      </c>
      <c r="E3793">
        <v>15901.3</v>
      </c>
      <c r="F3793">
        <v>16.055</v>
      </c>
    </row>
    <row r="3794" spans="1:6" x14ac:dyDescent="0.25">
      <c r="A3794">
        <v>142.26</v>
      </c>
      <c r="B3794">
        <v>189.52</v>
      </c>
      <c r="C3794">
        <v>14163.6</v>
      </c>
      <c r="D3794">
        <v>3.1</v>
      </c>
      <c r="E3794">
        <v>15749.8</v>
      </c>
      <c r="F3794">
        <v>16.077300000000001</v>
      </c>
    </row>
    <row r="3795" spans="1:6" x14ac:dyDescent="0.25">
      <c r="A3795">
        <v>142.26</v>
      </c>
      <c r="B3795">
        <v>189.52</v>
      </c>
      <c r="C3795">
        <v>14163.6</v>
      </c>
      <c r="D3795">
        <v>3.4</v>
      </c>
      <c r="E3795">
        <v>15616.5</v>
      </c>
      <c r="F3795">
        <v>16.081800000000001</v>
      </c>
    </row>
    <row r="3796" spans="1:6" x14ac:dyDescent="0.25">
      <c r="A3796">
        <v>142.26</v>
      </c>
      <c r="B3796">
        <v>189.52</v>
      </c>
      <c r="C3796">
        <v>14163.6</v>
      </c>
      <c r="D3796">
        <v>3.7</v>
      </c>
      <c r="E3796">
        <v>15684.9</v>
      </c>
      <c r="F3796">
        <v>16.085699999999999</v>
      </c>
    </row>
    <row r="3797" spans="1:6" x14ac:dyDescent="0.25">
      <c r="A3797">
        <v>142.26</v>
      </c>
      <c r="B3797">
        <v>189.52</v>
      </c>
      <c r="C3797">
        <v>14163.6</v>
      </c>
      <c r="D3797">
        <v>4</v>
      </c>
      <c r="E3797">
        <v>15566.8</v>
      </c>
      <c r="F3797">
        <v>16.075900000000001</v>
      </c>
    </row>
    <row r="3798" spans="1:6" x14ac:dyDescent="0.25">
      <c r="A3798">
        <v>142.26</v>
      </c>
      <c r="B3798">
        <v>189.52</v>
      </c>
      <c r="C3798">
        <v>15709.1</v>
      </c>
      <c r="D3798">
        <v>1</v>
      </c>
      <c r="E3798">
        <v>19521.599999999999</v>
      </c>
      <c r="F3798">
        <v>15.405200000000001</v>
      </c>
    </row>
    <row r="3799" spans="1:6" x14ac:dyDescent="0.25">
      <c r="A3799">
        <v>142.26</v>
      </c>
      <c r="B3799">
        <v>189.52</v>
      </c>
      <c r="C3799">
        <v>15709.1</v>
      </c>
      <c r="D3799">
        <v>1.3</v>
      </c>
      <c r="E3799">
        <v>18612.2</v>
      </c>
      <c r="F3799">
        <v>16.369299999999999</v>
      </c>
    </row>
    <row r="3800" spans="1:6" x14ac:dyDescent="0.25">
      <c r="A3800">
        <v>142.26</v>
      </c>
      <c r="B3800">
        <v>189.52</v>
      </c>
      <c r="C3800">
        <v>15709.1</v>
      </c>
      <c r="D3800">
        <v>1.6</v>
      </c>
      <c r="E3800">
        <v>18265.900000000001</v>
      </c>
      <c r="F3800">
        <v>16.450199999999999</v>
      </c>
    </row>
    <row r="3801" spans="1:6" x14ac:dyDescent="0.25">
      <c r="A3801">
        <v>142.26</v>
      </c>
      <c r="B3801">
        <v>189.52</v>
      </c>
      <c r="C3801">
        <v>15709.1</v>
      </c>
      <c r="D3801">
        <v>1.9</v>
      </c>
      <c r="E3801">
        <v>17831.599999999999</v>
      </c>
      <c r="F3801">
        <v>16.490600000000001</v>
      </c>
    </row>
    <row r="3802" spans="1:6" x14ac:dyDescent="0.25">
      <c r="A3802">
        <v>142.26</v>
      </c>
      <c r="B3802">
        <v>189.52</v>
      </c>
      <c r="C3802">
        <v>15709.1</v>
      </c>
      <c r="D3802">
        <v>2.2000000000000002</v>
      </c>
      <c r="E3802">
        <v>17864.5</v>
      </c>
      <c r="F3802">
        <v>15.9641</v>
      </c>
    </row>
    <row r="3803" spans="1:6" x14ac:dyDescent="0.25">
      <c r="A3803">
        <v>142.26</v>
      </c>
      <c r="B3803">
        <v>189.52</v>
      </c>
      <c r="C3803">
        <v>15709.1</v>
      </c>
      <c r="D3803">
        <v>2.5</v>
      </c>
      <c r="E3803">
        <v>17649.400000000001</v>
      </c>
      <c r="F3803">
        <v>16.028099999999998</v>
      </c>
    </row>
    <row r="3804" spans="1:6" x14ac:dyDescent="0.25">
      <c r="A3804">
        <v>142.26</v>
      </c>
      <c r="B3804">
        <v>189.52</v>
      </c>
      <c r="C3804">
        <v>15709.1</v>
      </c>
      <c r="D3804">
        <v>2.8</v>
      </c>
      <c r="E3804">
        <v>17467.400000000001</v>
      </c>
      <c r="F3804">
        <v>16.055</v>
      </c>
    </row>
    <row r="3805" spans="1:6" x14ac:dyDescent="0.25">
      <c r="A3805">
        <v>142.26</v>
      </c>
      <c r="B3805">
        <v>189.52</v>
      </c>
      <c r="C3805">
        <v>15709.1</v>
      </c>
      <c r="D3805">
        <v>3.1</v>
      </c>
      <c r="E3805">
        <v>17313.599999999999</v>
      </c>
      <c r="F3805">
        <v>16.077300000000001</v>
      </c>
    </row>
    <row r="3806" spans="1:6" x14ac:dyDescent="0.25">
      <c r="A3806">
        <v>142.26</v>
      </c>
      <c r="B3806">
        <v>189.52</v>
      </c>
      <c r="C3806">
        <v>15709.1</v>
      </c>
      <c r="D3806">
        <v>3.4</v>
      </c>
      <c r="E3806">
        <v>17176.599999999999</v>
      </c>
      <c r="F3806">
        <v>16.081800000000001</v>
      </c>
    </row>
    <row r="3807" spans="1:6" x14ac:dyDescent="0.25">
      <c r="A3807">
        <v>142.26</v>
      </c>
      <c r="B3807">
        <v>189.52</v>
      </c>
      <c r="C3807">
        <v>15709.1</v>
      </c>
      <c r="D3807">
        <v>3.7</v>
      </c>
      <c r="E3807">
        <v>17241.099999999999</v>
      </c>
      <c r="F3807">
        <v>16.085699999999999</v>
      </c>
    </row>
    <row r="3808" spans="1:6" x14ac:dyDescent="0.25">
      <c r="A3808">
        <v>142.26</v>
      </c>
      <c r="B3808">
        <v>189.52</v>
      </c>
      <c r="C3808">
        <v>15709.1</v>
      </c>
      <c r="D3808">
        <v>4</v>
      </c>
      <c r="E3808">
        <v>17118.7</v>
      </c>
      <c r="F3808">
        <v>16.075900000000001</v>
      </c>
    </row>
    <row r="3809" spans="1:6" x14ac:dyDescent="0.25">
      <c r="A3809">
        <v>142.26</v>
      </c>
      <c r="B3809">
        <v>189.52</v>
      </c>
      <c r="C3809">
        <v>17254.5</v>
      </c>
      <c r="D3809">
        <v>1</v>
      </c>
      <c r="E3809">
        <v>21234.799999999999</v>
      </c>
      <c r="F3809">
        <v>15.405200000000001</v>
      </c>
    </row>
    <row r="3810" spans="1:6" x14ac:dyDescent="0.25">
      <c r="A3810">
        <v>142.26</v>
      </c>
      <c r="B3810">
        <v>189.52</v>
      </c>
      <c r="C3810">
        <v>17254.5</v>
      </c>
      <c r="D3810">
        <v>1.3</v>
      </c>
      <c r="E3810">
        <v>20178.7</v>
      </c>
      <c r="F3810">
        <v>16.369299999999999</v>
      </c>
    </row>
    <row r="3811" spans="1:6" x14ac:dyDescent="0.25">
      <c r="A3811">
        <v>142.26</v>
      </c>
      <c r="B3811">
        <v>189.52</v>
      </c>
      <c r="C3811">
        <v>17254.5</v>
      </c>
      <c r="D3811">
        <v>1.6</v>
      </c>
      <c r="E3811">
        <v>19746.7</v>
      </c>
      <c r="F3811">
        <v>16.450199999999999</v>
      </c>
    </row>
    <row r="3812" spans="1:6" x14ac:dyDescent="0.25">
      <c r="A3812">
        <v>142.26</v>
      </c>
      <c r="B3812">
        <v>189.52</v>
      </c>
      <c r="C3812">
        <v>17254.5</v>
      </c>
      <c r="D3812">
        <v>1.9</v>
      </c>
      <c r="E3812">
        <v>19513.599999999999</v>
      </c>
      <c r="F3812">
        <v>16.490600000000001</v>
      </c>
    </row>
    <row r="3813" spans="1:6" x14ac:dyDescent="0.25">
      <c r="A3813">
        <v>142.26</v>
      </c>
      <c r="B3813">
        <v>189.52</v>
      </c>
      <c r="C3813">
        <v>17254.5</v>
      </c>
      <c r="D3813">
        <v>2.2000000000000002</v>
      </c>
      <c r="E3813">
        <v>19450.599999999999</v>
      </c>
      <c r="F3813">
        <v>15.9641</v>
      </c>
    </row>
    <row r="3814" spans="1:6" x14ac:dyDescent="0.25">
      <c r="A3814">
        <v>142.26</v>
      </c>
      <c r="B3814">
        <v>189.52</v>
      </c>
      <c r="C3814">
        <v>17254.5</v>
      </c>
      <c r="D3814">
        <v>2.5</v>
      </c>
      <c r="E3814">
        <v>19235.5</v>
      </c>
      <c r="F3814">
        <v>16.028099999999998</v>
      </c>
    </row>
    <row r="3815" spans="1:6" x14ac:dyDescent="0.25">
      <c r="A3815">
        <v>142.26</v>
      </c>
      <c r="B3815">
        <v>189.52</v>
      </c>
      <c r="C3815">
        <v>17254.5</v>
      </c>
      <c r="D3815">
        <v>2.8</v>
      </c>
      <c r="E3815">
        <v>19051.099999999999</v>
      </c>
      <c r="F3815">
        <v>16.055</v>
      </c>
    </row>
    <row r="3816" spans="1:6" x14ac:dyDescent="0.25">
      <c r="A3816">
        <v>142.26</v>
      </c>
      <c r="B3816">
        <v>189.52</v>
      </c>
      <c r="C3816">
        <v>17254.5</v>
      </c>
      <c r="D3816">
        <v>3.1</v>
      </c>
      <c r="E3816">
        <v>18833.5</v>
      </c>
      <c r="F3816">
        <v>16.077300000000001</v>
      </c>
    </row>
    <row r="3817" spans="1:6" x14ac:dyDescent="0.25">
      <c r="A3817">
        <v>142.26</v>
      </c>
      <c r="B3817">
        <v>189.52</v>
      </c>
      <c r="C3817">
        <v>17254.5</v>
      </c>
      <c r="D3817">
        <v>3.4</v>
      </c>
      <c r="E3817">
        <v>18693.599999999999</v>
      </c>
      <c r="F3817">
        <v>16.081800000000001</v>
      </c>
    </row>
    <row r="3818" spans="1:6" x14ac:dyDescent="0.25">
      <c r="A3818">
        <v>142.26</v>
      </c>
      <c r="B3818">
        <v>189.52</v>
      </c>
      <c r="C3818">
        <v>17254.5</v>
      </c>
      <c r="D3818">
        <v>3.7</v>
      </c>
      <c r="E3818">
        <v>18629.2</v>
      </c>
      <c r="F3818">
        <v>16.085699999999999</v>
      </c>
    </row>
    <row r="3819" spans="1:6" x14ac:dyDescent="0.25">
      <c r="A3819">
        <v>142.26</v>
      </c>
      <c r="B3819">
        <v>189.52</v>
      </c>
      <c r="C3819">
        <v>17254.5</v>
      </c>
      <c r="D3819">
        <v>4</v>
      </c>
      <c r="E3819">
        <v>18686.7</v>
      </c>
      <c r="F3819">
        <v>16.075900000000001</v>
      </c>
    </row>
    <row r="3820" spans="1:6" x14ac:dyDescent="0.25">
      <c r="A3820">
        <v>142.26</v>
      </c>
      <c r="B3820">
        <v>189.52</v>
      </c>
      <c r="C3820">
        <v>18800</v>
      </c>
      <c r="D3820">
        <v>1</v>
      </c>
      <c r="E3820">
        <v>22576.5</v>
      </c>
      <c r="F3820">
        <v>15.405200000000001</v>
      </c>
    </row>
    <row r="3821" spans="1:6" x14ac:dyDescent="0.25">
      <c r="A3821">
        <v>142.26</v>
      </c>
      <c r="B3821">
        <v>189.52</v>
      </c>
      <c r="C3821">
        <v>18800</v>
      </c>
      <c r="D3821">
        <v>1.3</v>
      </c>
      <c r="E3821">
        <v>21762.799999999999</v>
      </c>
      <c r="F3821">
        <v>16.369299999999999</v>
      </c>
    </row>
    <row r="3822" spans="1:6" x14ac:dyDescent="0.25">
      <c r="A3822">
        <v>142.26</v>
      </c>
      <c r="B3822">
        <v>189.52</v>
      </c>
      <c r="C3822">
        <v>18800</v>
      </c>
      <c r="D3822">
        <v>1.6</v>
      </c>
      <c r="E3822">
        <v>21431</v>
      </c>
      <c r="F3822">
        <v>16.450199999999999</v>
      </c>
    </row>
    <row r="3823" spans="1:6" x14ac:dyDescent="0.25">
      <c r="A3823">
        <v>142.26</v>
      </c>
      <c r="B3823">
        <v>189.52</v>
      </c>
      <c r="C3823">
        <v>18800</v>
      </c>
      <c r="D3823">
        <v>1.9</v>
      </c>
      <c r="E3823">
        <v>21062.7</v>
      </c>
      <c r="F3823">
        <v>16.490600000000001</v>
      </c>
    </row>
    <row r="3824" spans="1:6" x14ac:dyDescent="0.25">
      <c r="A3824">
        <v>142.26</v>
      </c>
      <c r="B3824">
        <v>189.52</v>
      </c>
      <c r="C3824">
        <v>18800</v>
      </c>
      <c r="D3824">
        <v>2.2000000000000002</v>
      </c>
      <c r="E3824">
        <v>20813.900000000001</v>
      </c>
      <c r="F3824">
        <v>15.9641</v>
      </c>
    </row>
    <row r="3825" spans="1:6" x14ac:dyDescent="0.25">
      <c r="A3825">
        <v>142.26</v>
      </c>
      <c r="B3825">
        <v>189.52</v>
      </c>
      <c r="C3825">
        <v>18800</v>
      </c>
      <c r="D3825">
        <v>2.5</v>
      </c>
      <c r="E3825">
        <v>20575.099999999999</v>
      </c>
      <c r="F3825">
        <v>16.028099999999998</v>
      </c>
    </row>
    <row r="3826" spans="1:6" x14ac:dyDescent="0.25">
      <c r="A3826">
        <v>142.26</v>
      </c>
      <c r="B3826">
        <v>189.52</v>
      </c>
      <c r="C3826">
        <v>18800</v>
      </c>
      <c r="D3826">
        <v>2.8</v>
      </c>
      <c r="E3826">
        <v>20486.3</v>
      </c>
      <c r="F3826">
        <v>16.055</v>
      </c>
    </row>
    <row r="3827" spans="1:6" x14ac:dyDescent="0.25">
      <c r="A3827">
        <v>142.26</v>
      </c>
      <c r="B3827">
        <v>189.52</v>
      </c>
      <c r="C3827">
        <v>18800</v>
      </c>
      <c r="D3827">
        <v>3.1</v>
      </c>
      <c r="E3827">
        <v>20360.400000000001</v>
      </c>
      <c r="F3827">
        <v>16.077300000000001</v>
      </c>
    </row>
    <row r="3828" spans="1:6" x14ac:dyDescent="0.25">
      <c r="A3828">
        <v>142.26</v>
      </c>
      <c r="B3828">
        <v>189.52</v>
      </c>
      <c r="C3828">
        <v>18800</v>
      </c>
      <c r="D3828">
        <v>3.4</v>
      </c>
      <c r="E3828">
        <v>20350.099999999999</v>
      </c>
      <c r="F3828">
        <v>16.081800000000001</v>
      </c>
    </row>
    <row r="3829" spans="1:6" x14ac:dyDescent="0.25">
      <c r="A3829">
        <v>142.26</v>
      </c>
      <c r="B3829">
        <v>189.52</v>
      </c>
      <c r="C3829">
        <v>18800</v>
      </c>
      <c r="D3829">
        <v>3.7</v>
      </c>
      <c r="E3829">
        <v>20191.5</v>
      </c>
      <c r="F3829">
        <v>16.085699999999999</v>
      </c>
    </row>
    <row r="3830" spans="1:6" x14ac:dyDescent="0.25">
      <c r="A3830">
        <v>142.26</v>
      </c>
      <c r="B3830">
        <v>189.52</v>
      </c>
      <c r="C3830">
        <v>18800</v>
      </c>
      <c r="D3830">
        <v>4</v>
      </c>
      <c r="E3830">
        <v>20286.5</v>
      </c>
      <c r="F3830">
        <v>16.075900000000001</v>
      </c>
    </row>
    <row r="3831" spans="1:6" x14ac:dyDescent="0.25">
      <c r="A3831">
        <v>142.26</v>
      </c>
      <c r="B3831">
        <v>193.15</v>
      </c>
      <c r="C3831">
        <v>1800</v>
      </c>
      <c r="D3831">
        <v>1</v>
      </c>
      <c r="E3831">
        <v>5630.42</v>
      </c>
      <c r="F3831">
        <v>55.694600000000001</v>
      </c>
    </row>
    <row r="3832" spans="1:6" x14ac:dyDescent="0.25">
      <c r="A3832">
        <v>142.26</v>
      </c>
      <c r="B3832">
        <v>193.15</v>
      </c>
      <c r="C3832">
        <v>1800</v>
      </c>
      <c r="D3832">
        <v>1.3</v>
      </c>
      <c r="E3832">
        <v>5038.91</v>
      </c>
      <c r="F3832">
        <v>68.851100000000002</v>
      </c>
    </row>
    <row r="3833" spans="1:6" x14ac:dyDescent="0.25">
      <c r="A3833">
        <v>142.26</v>
      </c>
      <c r="B3833">
        <v>193.15</v>
      </c>
      <c r="C3833">
        <v>1800</v>
      </c>
      <c r="D3833">
        <v>1.6</v>
      </c>
      <c r="E3833">
        <v>4580.16</v>
      </c>
      <c r="F3833">
        <v>76.487499999999997</v>
      </c>
    </row>
    <row r="3834" spans="1:6" x14ac:dyDescent="0.25">
      <c r="A3834">
        <v>142.26</v>
      </c>
      <c r="B3834">
        <v>193.15</v>
      </c>
      <c r="C3834">
        <v>1800</v>
      </c>
      <c r="D3834">
        <v>1.9</v>
      </c>
      <c r="E3834">
        <v>4273.1899999999996</v>
      </c>
      <c r="F3834">
        <v>84.554900000000004</v>
      </c>
    </row>
    <row r="3835" spans="1:6" x14ac:dyDescent="0.25">
      <c r="A3835">
        <v>142.26</v>
      </c>
      <c r="B3835">
        <v>193.15</v>
      </c>
      <c r="C3835">
        <v>1800</v>
      </c>
      <c r="D3835">
        <v>2.2000000000000002</v>
      </c>
      <c r="E3835">
        <v>4045.17</v>
      </c>
      <c r="F3835">
        <v>88.718999999999994</v>
      </c>
    </row>
    <row r="3836" spans="1:6" x14ac:dyDescent="0.25">
      <c r="A3836">
        <v>142.26</v>
      </c>
      <c r="B3836">
        <v>193.15</v>
      </c>
      <c r="C3836">
        <v>1800</v>
      </c>
      <c r="D3836">
        <v>2.5</v>
      </c>
      <c r="E3836">
        <v>3901.41</v>
      </c>
      <c r="F3836">
        <v>97.09</v>
      </c>
    </row>
    <row r="3837" spans="1:6" x14ac:dyDescent="0.25">
      <c r="A3837">
        <v>142.26</v>
      </c>
      <c r="B3837">
        <v>193.15</v>
      </c>
      <c r="C3837">
        <v>1800</v>
      </c>
      <c r="D3837">
        <v>2.8</v>
      </c>
      <c r="E3837">
        <v>3787.44</v>
      </c>
      <c r="F3837">
        <v>103.355</v>
      </c>
    </row>
    <row r="3838" spans="1:6" x14ac:dyDescent="0.25">
      <c r="A3838">
        <v>142.26</v>
      </c>
      <c r="B3838">
        <v>193.15</v>
      </c>
      <c r="C3838">
        <v>1800</v>
      </c>
      <c r="D3838">
        <v>3.1</v>
      </c>
      <c r="E3838">
        <v>3661.11</v>
      </c>
      <c r="F3838">
        <v>108.03400000000001</v>
      </c>
    </row>
    <row r="3839" spans="1:6" x14ac:dyDescent="0.25">
      <c r="A3839">
        <v>142.26</v>
      </c>
      <c r="B3839">
        <v>193.15</v>
      </c>
      <c r="C3839">
        <v>1800</v>
      </c>
      <c r="D3839">
        <v>3.4</v>
      </c>
      <c r="E3839">
        <v>3605.89</v>
      </c>
      <c r="F3839">
        <v>111.539</v>
      </c>
    </row>
    <row r="3840" spans="1:6" x14ac:dyDescent="0.25">
      <c r="A3840">
        <v>142.26</v>
      </c>
      <c r="B3840">
        <v>193.15</v>
      </c>
      <c r="C3840">
        <v>1800</v>
      </c>
      <c r="D3840">
        <v>3.7</v>
      </c>
      <c r="E3840">
        <v>3526.37</v>
      </c>
      <c r="F3840">
        <v>109.947</v>
      </c>
    </row>
    <row r="3841" spans="1:6" x14ac:dyDescent="0.25">
      <c r="A3841">
        <v>142.26</v>
      </c>
      <c r="B3841">
        <v>193.15</v>
      </c>
      <c r="C3841">
        <v>1800</v>
      </c>
      <c r="D3841">
        <v>4</v>
      </c>
      <c r="E3841">
        <v>3459.03</v>
      </c>
      <c r="F3841">
        <v>115.042</v>
      </c>
    </row>
    <row r="3842" spans="1:6" x14ac:dyDescent="0.25">
      <c r="A3842">
        <v>142.26</v>
      </c>
      <c r="B3842">
        <v>193.15</v>
      </c>
      <c r="C3842">
        <v>3345.45</v>
      </c>
      <c r="D3842">
        <v>1</v>
      </c>
      <c r="E3842">
        <v>6839.5</v>
      </c>
      <c r="F3842">
        <v>27.985399999999998</v>
      </c>
    </row>
    <row r="3843" spans="1:6" x14ac:dyDescent="0.25">
      <c r="A3843">
        <v>142.26</v>
      </c>
      <c r="B3843">
        <v>193.15</v>
      </c>
      <c r="C3843">
        <v>3345.45</v>
      </c>
      <c r="D3843">
        <v>1.3</v>
      </c>
      <c r="E3843">
        <v>6336.96</v>
      </c>
      <c r="F3843">
        <v>32.643500000000003</v>
      </c>
    </row>
    <row r="3844" spans="1:6" x14ac:dyDescent="0.25">
      <c r="A3844">
        <v>142.26</v>
      </c>
      <c r="B3844">
        <v>193.15</v>
      </c>
      <c r="C3844">
        <v>3345.45</v>
      </c>
      <c r="D3844">
        <v>1.6</v>
      </c>
      <c r="E3844">
        <v>6024.89</v>
      </c>
      <c r="F3844">
        <v>39.701999999999998</v>
      </c>
    </row>
    <row r="3845" spans="1:6" x14ac:dyDescent="0.25">
      <c r="A3845">
        <v>142.26</v>
      </c>
      <c r="B3845">
        <v>193.15</v>
      </c>
      <c r="C3845">
        <v>3345.45</v>
      </c>
      <c r="D3845">
        <v>1.9</v>
      </c>
      <c r="E3845">
        <v>5762.39</v>
      </c>
      <c r="F3845">
        <v>41.216799999999999</v>
      </c>
    </row>
    <row r="3846" spans="1:6" x14ac:dyDescent="0.25">
      <c r="A3846">
        <v>142.26</v>
      </c>
      <c r="B3846">
        <v>193.15</v>
      </c>
      <c r="C3846">
        <v>3345.45</v>
      </c>
      <c r="D3846">
        <v>2.2000000000000002</v>
      </c>
      <c r="E3846">
        <v>5508.65</v>
      </c>
      <c r="F3846">
        <v>49.104900000000001</v>
      </c>
    </row>
    <row r="3847" spans="1:6" x14ac:dyDescent="0.25">
      <c r="A3847">
        <v>142.26</v>
      </c>
      <c r="B3847">
        <v>193.15</v>
      </c>
      <c r="C3847">
        <v>3345.45</v>
      </c>
      <c r="D3847">
        <v>2.5</v>
      </c>
      <c r="E3847">
        <v>5333.76</v>
      </c>
      <c r="F3847">
        <v>52.087400000000002</v>
      </c>
    </row>
    <row r="3848" spans="1:6" x14ac:dyDescent="0.25">
      <c r="A3848">
        <v>142.26</v>
      </c>
      <c r="B3848">
        <v>193.15</v>
      </c>
      <c r="C3848">
        <v>3345.45</v>
      </c>
      <c r="D3848">
        <v>2.8</v>
      </c>
      <c r="E3848">
        <v>5149.3599999999997</v>
      </c>
      <c r="F3848">
        <v>58.8932</v>
      </c>
    </row>
    <row r="3849" spans="1:6" x14ac:dyDescent="0.25">
      <c r="A3849">
        <v>142.26</v>
      </c>
      <c r="B3849">
        <v>193.15</v>
      </c>
      <c r="C3849">
        <v>3345.45</v>
      </c>
      <c r="D3849">
        <v>3.1</v>
      </c>
      <c r="E3849">
        <v>5041.95</v>
      </c>
      <c r="F3849">
        <v>61.247799999999998</v>
      </c>
    </row>
    <row r="3850" spans="1:6" x14ac:dyDescent="0.25">
      <c r="A3850">
        <v>142.26</v>
      </c>
      <c r="B3850">
        <v>193.15</v>
      </c>
      <c r="C3850">
        <v>3345.45</v>
      </c>
      <c r="D3850">
        <v>3.4</v>
      </c>
      <c r="E3850">
        <v>4988.05</v>
      </c>
      <c r="F3850">
        <v>66.239400000000003</v>
      </c>
    </row>
    <row r="3851" spans="1:6" x14ac:dyDescent="0.25">
      <c r="A3851">
        <v>142.26</v>
      </c>
      <c r="B3851">
        <v>193.15</v>
      </c>
      <c r="C3851">
        <v>3345.45</v>
      </c>
      <c r="D3851">
        <v>3.7</v>
      </c>
      <c r="E3851">
        <v>4900.6099999999997</v>
      </c>
      <c r="F3851">
        <v>68.809399999999997</v>
      </c>
    </row>
    <row r="3852" spans="1:6" x14ac:dyDescent="0.25">
      <c r="A3852">
        <v>142.26</v>
      </c>
      <c r="B3852">
        <v>193.15</v>
      </c>
      <c r="C3852">
        <v>3345.45</v>
      </c>
      <c r="D3852">
        <v>4</v>
      </c>
      <c r="E3852">
        <v>4818.51</v>
      </c>
      <c r="F3852">
        <v>72.556899999999999</v>
      </c>
    </row>
    <row r="3853" spans="1:6" x14ac:dyDescent="0.25">
      <c r="A3853">
        <v>142.26</v>
      </c>
      <c r="B3853">
        <v>193.15</v>
      </c>
      <c r="C3853">
        <v>4890.8999999999996</v>
      </c>
      <c r="D3853">
        <v>1</v>
      </c>
      <c r="E3853">
        <v>8203.69</v>
      </c>
      <c r="F3853">
        <v>11.8453</v>
      </c>
    </row>
    <row r="3854" spans="1:6" x14ac:dyDescent="0.25">
      <c r="A3854">
        <v>142.26</v>
      </c>
      <c r="B3854">
        <v>193.15</v>
      </c>
      <c r="C3854">
        <v>4890.8999999999996</v>
      </c>
      <c r="D3854">
        <v>1.3</v>
      </c>
      <c r="E3854">
        <v>7906.16</v>
      </c>
      <c r="F3854">
        <v>14.283200000000001</v>
      </c>
    </row>
    <row r="3855" spans="1:6" x14ac:dyDescent="0.25">
      <c r="A3855">
        <v>142.26</v>
      </c>
      <c r="B3855">
        <v>193.15</v>
      </c>
      <c r="C3855">
        <v>4890.8999999999996</v>
      </c>
      <c r="D3855">
        <v>1.6</v>
      </c>
      <c r="E3855">
        <v>7255.39</v>
      </c>
      <c r="F3855">
        <v>14.173400000000001</v>
      </c>
    </row>
    <row r="3856" spans="1:6" x14ac:dyDescent="0.25">
      <c r="A3856">
        <v>142.26</v>
      </c>
      <c r="B3856">
        <v>193.15</v>
      </c>
      <c r="C3856">
        <v>4890.8999999999996</v>
      </c>
      <c r="D3856">
        <v>1.9</v>
      </c>
      <c r="E3856">
        <v>7131.17</v>
      </c>
      <c r="F3856">
        <v>13.783799999999999</v>
      </c>
    </row>
    <row r="3857" spans="1:6" x14ac:dyDescent="0.25">
      <c r="A3857">
        <v>142.26</v>
      </c>
      <c r="B3857">
        <v>193.15</v>
      </c>
      <c r="C3857">
        <v>4890.8999999999996</v>
      </c>
      <c r="D3857">
        <v>2.2000000000000002</v>
      </c>
      <c r="E3857">
        <v>6925.05</v>
      </c>
      <c r="F3857">
        <v>14.2498</v>
      </c>
    </row>
    <row r="3858" spans="1:6" x14ac:dyDescent="0.25">
      <c r="A3858">
        <v>142.26</v>
      </c>
      <c r="B3858">
        <v>193.15</v>
      </c>
      <c r="C3858">
        <v>4890.8999999999996</v>
      </c>
      <c r="D3858">
        <v>2.5</v>
      </c>
      <c r="E3858">
        <v>6780.3</v>
      </c>
      <c r="F3858">
        <v>14.2193</v>
      </c>
    </row>
    <row r="3859" spans="1:6" x14ac:dyDescent="0.25">
      <c r="A3859">
        <v>142.26</v>
      </c>
      <c r="B3859">
        <v>193.15</v>
      </c>
      <c r="C3859">
        <v>4890.8999999999996</v>
      </c>
      <c r="D3859">
        <v>2.8</v>
      </c>
      <c r="E3859">
        <v>6583.69</v>
      </c>
      <c r="F3859">
        <v>17.2654</v>
      </c>
    </row>
    <row r="3860" spans="1:6" x14ac:dyDescent="0.25">
      <c r="A3860">
        <v>142.26</v>
      </c>
      <c r="B3860">
        <v>193.15</v>
      </c>
      <c r="C3860">
        <v>4890.8999999999996</v>
      </c>
      <c r="D3860">
        <v>3.1</v>
      </c>
      <c r="E3860">
        <v>6501.5</v>
      </c>
      <c r="F3860">
        <v>20.5412</v>
      </c>
    </row>
    <row r="3861" spans="1:6" x14ac:dyDescent="0.25">
      <c r="A3861">
        <v>142.26</v>
      </c>
      <c r="B3861">
        <v>193.15</v>
      </c>
      <c r="C3861">
        <v>4890.8999999999996</v>
      </c>
      <c r="D3861">
        <v>3.4</v>
      </c>
      <c r="E3861">
        <v>6489.58</v>
      </c>
      <c r="F3861">
        <v>23.970700000000001</v>
      </c>
    </row>
    <row r="3862" spans="1:6" x14ac:dyDescent="0.25">
      <c r="A3862">
        <v>142.26</v>
      </c>
      <c r="B3862">
        <v>193.15</v>
      </c>
      <c r="C3862">
        <v>4890.8999999999996</v>
      </c>
      <c r="D3862">
        <v>3.7</v>
      </c>
      <c r="E3862">
        <v>6408.72</v>
      </c>
      <c r="F3862">
        <v>25.677299999999999</v>
      </c>
    </row>
    <row r="3863" spans="1:6" x14ac:dyDescent="0.25">
      <c r="A3863">
        <v>142.26</v>
      </c>
      <c r="B3863">
        <v>193.15</v>
      </c>
      <c r="C3863">
        <v>4890.8999999999996</v>
      </c>
      <c r="D3863">
        <v>4</v>
      </c>
      <c r="E3863">
        <v>6221.59</v>
      </c>
      <c r="F3863">
        <v>27.126799999999999</v>
      </c>
    </row>
    <row r="3864" spans="1:6" x14ac:dyDescent="0.25">
      <c r="A3864">
        <v>142.26</v>
      </c>
      <c r="B3864">
        <v>193.15</v>
      </c>
      <c r="C3864">
        <v>6436.35</v>
      </c>
      <c r="D3864">
        <v>1</v>
      </c>
      <c r="E3864">
        <v>10424.799999999999</v>
      </c>
      <c r="F3864">
        <v>15.405200000000001</v>
      </c>
    </row>
    <row r="3865" spans="1:6" x14ac:dyDescent="0.25">
      <c r="A3865">
        <v>142.26</v>
      </c>
      <c r="B3865">
        <v>193.15</v>
      </c>
      <c r="C3865">
        <v>6436.35</v>
      </c>
      <c r="D3865">
        <v>1.3</v>
      </c>
      <c r="E3865">
        <v>9396.5</v>
      </c>
      <c r="F3865">
        <v>14.7537</v>
      </c>
    </row>
    <row r="3866" spans="1:6" x14ac:dyDescent="0.25">
      <c r="A3866">
        <v>142.26</v>
      </c>
      <c r="B3866">
        <v>193.15</v>
      </c>
      <c r="C3866">
        <v>6436.35</v>
      </c>
      <c r="D3866">
        <v>1.6</v>
      </c>
      <c r="E3866">
        <v>9042.59</v>
      </c>
      <c r="F3866">
        <v>14.1135</v>
      </c>
    </row>
    <row r="3867" spans="1:6" x14ac:dyDescent="0.25">
      <c r="A3867">
        <v>142.26</v>
      </c>
      <c r="B3867">
        <v>193.15</v>
      </c>
      <c r="C3867">
        <v>6436.35</v>
      </c>
      <c r="D3867">
        <v>1.9</v>
      </c>
      <c r="E3867">
        <v>8559.5300000000007</v>
      </c>
      <c r="F3867">
        <v>14.279400000000001</v>
      </c>
    </row>
    <row r="3868" spans="1:6" x14ac:dyDescent="0.25">
      <c r="A3868">
        <v>142.26</v>
      </c>
      <c r="B3868">
        <v>193.15</v>
      </c>
      <c r="C3868">
        <v>6436.35</v>
      </c>
      <c r="D3868">
        <v>2.2000000000000002</v>
      </c>
      <c r="E3868">
        <v>8497.2099999999991</v>
      </c>
      <c r="F3868">
        <v>15.9641</v>
      </c>
    </row>
    <row r="3869" spans="1:6" x14ac:dyDescent="0.25">
      <c r="A3869">
        <v>142.26</v>
      </c>
      <c r="B3869">
        <v>193.15</v>
      </c>
      <c r="C3869">
        <v>6436.35</v>
      </c>
      <c r="D3869">
        <v>2.5</v>
      </c>
      <c r="E3869">
        <v>8341.68</v>
      </c>
      <c r="F3869">
        <v>16.028099999999998</v>
      </c>
    </row>
    <row r="3870" spans="1:6" x14ac:dyDescent="0.25">
      <c r="A3870">
        <v>142.26</v>
      </c>
      <c r="B3870">
        <v>193.15</v>
      </c>
      <c r="C3870">
        <v>6436.35</v>
      </c>
      <c r="D3870">
        <v>2.8</v>
      </c>
      <c r="E3870">
        <v>8175.3</v>
      </c>
      <c r="F3870">
        <v>16.055</v>
      </c>
    </row>
    <row r="3871" spans="1:6" x14ac:dyDescent="0.25">
      <c r="A3871">
        <v>142.26</v>
      </c>
      <c r="B3871">
        <v>193.15</v>
      </c>
      <c r="C3871">
        <v>6436.35</v>
      </c>
      <c r="D3871">
        <v>3.1</v>
      </c>
      <c r="E3871">
        <v>7907.94</v>
      </c>
      <c r="F3871">
        <v>16.066299999999998</v>
      </c>
    </row>
    <row r="3872" spans="1:6" x14ac:dyDescent="0.25">
      <c r="A3872">
        <v>142.26</v>
      </c>
      <c r="B3872">
        <v>193.15</v>
      </c>
      <c r="C3872">
        <v>6436.35</v>
      </c>
      <c r="D3872">
        <v>3.4</v>
      </c>
      <c r="E3872">
        <v>7817.6</v>
      </c>
      <c r="F3872">
        <v>15.8484</v>
      </c>
    </row>
    <row r="3873" spans="1:6" x14ac:dyDescent="0.25">
      <c r="A3873">
        <v>142.26</v>
      </c>
      <c r="B3873">
        <v>193.15</v>
      </c>
      <c r="C3873">
        <v>6436.35</v>
      </c>
      <c r="D3873">
        <v>3.7</v>
      </c>
      <c r="E3873">
        <v>7827.62</v>
      </c>
      <c r="F3873">
        <v>15.674799999999999</v>
      </c>
    </row>
    <row r="3874" spans="1:6" x14ac:dyDescent="0.25">
      <c r="A3874">
        <v>142.26</v>
      </c>
      <c r="B3874">
        <v>193.15</v>
      </c>
      <c r="C3874">
        <v>6436.35</v>
      </c>
      <c r="D3874">
        <v>4</v>
      </c>
      <c r="E3874">
        <v>7744.51</v>
      </c>
      <c r="F3874">
        <v>15.530900000000001</v>
      </c>
    </row>
    <row r="3875" spans="1:6" x14ac:dyDescent="0.25">
      <c r="A3875">
        <v>142.26</v>
      </c>
      <c r="B3875">
        <v>193.15</v>
      </c>
      <c r="C3875">
        <v>7981.8</v>
      </c>
      <c r="D3875">
        <v>1</v>
      </c>
      <c r="E3875">
        <v>11848.6</v>
      </c>
      <c r="F3875">
        <v>15.405200000000001</v>
      </c>
    </row>
    <row r="3876" spans="1:6" x14ac:dyDescent="0.25">
      <c r="A3876">
        <v>142.26</v>
      </c>
      <c r="B3876">
        <v>193.15</v>
      </c>
      <c r="C3876">
        <v>7981.8</v>
      </c>
      <c r="D3876">
        <v>1.3</v>
      </c>
      <c r="E3876">
        <v>10974.7</v>
      </c>
      <c r="F3876">
        <v>16.369299999999999</v>
      </c>
    </row>
    <row r="3877" spans="1:6" x14ac:dyDescent="0.25">
      <c r="A3877">
        <v>142.26</v>
      </c>
      <c r="B3877">
        <v>193.15</v>
      </c>
      <c r="C3877">
        <v>7981.8</v>
      </c>
      <c r="D3877">
        <v>1.6</v>
      </c>
      <c r="E3877">
        <v>10420</v>
      </c>
      <c r="F3877">
        <v>16.450199999999999</v>
      </c>
    </row>
    <row r="3878" spans="1:6" x14ac:dyDescent="0.25">
      <c r="A3878">
        <v>142.26</v>
      </c>
      <c r="B3878">
        <v>193.15</v>
      </c>
      <c r="C3878">
        <v>7981.8</v>
      </c>
      <c r="D3878">
        <v>1.9</v>
      </c>
      <c r="E3878">
        <v>10263</v>
      </c>
      <c r="F3878">
        <v>16.490600000000001</v>
      </c>
    </row>
    <row r="3879" spans="1:6" x14ac:dyDescent="0.25">
      <c r="A3879">
        <v>142.26</v>
      </c>
      <c r="B3879">
        <v>193.15</v>
      </c>
      <c r="C3879">
        <v>7981.8</v>
      </c>
      <c r="D3879">
        <v>2.2000000000000002</v>
      </c>
      <c r="E3879">
        <v>9975.01</v>
      </c>
      <c r="F3879">
        <v>15.9641</v>
      </c>
    </row>
    <row r="3880" spans="1:6" x14ac:dyDescent="0.25">
      <c r="A3880">
        <v>142.26</v>
      </c>
      <c r="B3880">
        <v>193.15</v>
      </c>
      <c r="C3880">
        <v>7981.8</v>
      </c>
      <c r="D3880">
        <v>2.5</v>
      </c>
      <c r="E3880">
        <v>9790.6200000000008</v>
      </c>
      <c r="F3880">
        <v>16.028099999999998</v>
      </c>
    </row>
    <row r="3881" spans="1:6" x14ac:dyDescent="0.25">
      <c r="A3881">
        <v>142.26</v>
      </c>
      <c r="B3881">
        <v>193.15</v>
      </c>
      <c r="C3881">
        <v>7981.8</v>
      </c>
      <c r="D3881">
        <v>2.8</v>
      </c>
      <c r="E3881">
        <v>9745.92</v>
      </c>
      <c r="F3881">
        <v>16.055</v>
      </c>
    </row>
    <row r="3882" spans="1:6" x14ac:dyDescent="0.25">
      <c r="A3882">
        <v>142.26</v>
      </c>
      <c r="B3882">
        <v>193.15</v>
      </c>
      <c r="C3882">
        <v>7981.8</v>
      </c>
      <c r="D3882">
        <v>3.1</v>
      </c>
      <c r="E3882">
        <v>9595.32</v>
      </c>
      <c r="F3882">
        <v>16.077300000000001</v>
      </c>
    </row>
    <row r="3883" spans="1:6" x14ac:dyDescent="0.25">
      <c r="A3883">
        <v>142.26</v>
      </c>
      <c r="B3883">
        <v>193.15</v>
      </c>
      <c r="C3883">
        <v>7981.8</v>
      </c>
      <c r="D3883">
        <v>3.4</v>
      </c>
      <c r="E3883">
        <v>9484.42</v>
      </c>
      <c r="F3883">
        <v>16.081800000000001</v>
      </c>
    </row>
    <row r="3884" spans="1:6" x14ac:dyDescent="0.25">
      <c r="A3884">
        <v>142.26</v>
      </c>
      <c r="B3884">
        <v>193.15</v>
      </c>
      <c r="C3884">
        <v>7981.8</v>
      </c>
      <c r="D3884">
        <v>3.7</v>
      </c>
      <c r="E3884">
        <v>9393.61</v>
      </c>
      <c r="F3884">
        <v>16.085699999999999</v>
      </c>
    </row>
    <row r="3885" spans="1:6" x14ac:dyDescent="0.25">
      <c r="A3885">
        <v>142.26</v>
      </c>
      <c r="B3885">
        <v>193.15</v>
      </c>
      <c r="C3885">
        <v>7981.8</v>
      </c>
      <c r="D3885">
        <v>4</v>
      </c>
      <c r="E3885">
        <v>9310.02</v>
      </c>
      <c r="F3885">
        <v>16.075900000000001</v>
      </c>
    </row>
    <row r="3886" spans="1:6" x14ac:dyDescent="0.25">
      <c r="A3886">
        <v>142.26</v>
      </c>
      <c r="B3886">
        <v>193.15</v>
      </c>
      <c r="C3886">
        <v>9527.25</v>
      </c>
      <c r="D3886">
        <v>1</v>
      </c>
      <c r="E3886">
        <v>13395.1</v>
      </c>
      <c r="F3886">
        <v>15.405200000000001</v>
      </c>
    </row>
    <row r="3887" spans="1:6" x14ac:dyDescent="0.25">
      <c r="A3887">
        <v>142.26</v>
      </c>
      <c r="B3887">
        <v>193.15</v>
      </c>
      <c r="C3887">
        <v>9527.25</v>
      </c>
      <c r="D3887">
        <v>1.3</v>
      </c>
      <c r="E3887">
        <v>12706.3</v>
      </c>
      <c r="F3887">
        <v>16.369299999999999</v>
      </c>
    </row>
    <row r="3888" spans="1:6" x14ac:dyDescent="0.25">
      <c r="A3888">
        <v>142.26</v>
      </c>
      <c r="B3888">
        <v>193.15</v>
      </c>
      <c r="C3888">
        <v>9527.25</v>
      </c>
      <c r="D3888">
        <v>1.6</v>
      </c>
      <c r="E3888">
        <v>11977.3</v>
      </c>
      <c r="F3888">
        <v>16.450199999999999</v>
      </c>
    </row>
    <row r="3889" spans="1:6" x14ac:dyDescent="0.25">
      <c r="A3889">
        <v>142.26</v>
      </c>
      <c r="B3889">
        <v>193.15</v>
      </c>
      <c r="C3889">
        <v>9527.25</v>
      </c>
      <c r="D3889">
        <v>1.9</v>
      </c>
      <c r="E3889">
        <v>11615.5</v>
      </c>
      <c r="F3889">
        <v>16.490600000000001</v>
      </c>
    </row>
    <row r="3890" spans="1:6" x14ac:dyDescent="0.25">
      <c r="A3890">
        <v>142.26</v>
      </c>
      <c r="B3890">
        <v>193.15</v>
      </c>
      <c r="C3890">
        <v>9527.25</v>
      </c>
      <c r="D3890">
        <v>2.2000000000000002</v>
      </c>
      <c r="E3890">
        <v>11673.4</v>
      </c>
      <c r="F3890">
        <v>15.9641</v>
      </c>
    </row>
    <row r="3891" spans="1:6" x14ac:dyDescent="0.25">
      <c r="A3891">
        <v>142.26</v>
      </c>
      <c r="B3891">
        <v>193.15</v>
      </c>
      <c r="C3891">
        <v>9527.25</v>
      </c>
      <c r="D3891">
        <v>2.5</v>
      </c>
      <c r="E3891">
        <v>11369.7</v>
      </c>
      <c r="F3891">
        <v>16.028099999999998</v>
      </c>
    </row>
    <row r="3892" spans="1:6" x14ac:dyDescent="0.25">
      <c r="A3892">
        <v>142.26</v>
      </c>
      <c r="B3892">
        <v>193.15</v>
      </c>
      <c r="C3892">
        <v>9527.25</v>
      </c>
      <c r="D3892">
        <v>2.8</v>
      </c>
      <c r="E3892">
        <v>11167.6</v>
      </c>
      <c r="F3892">
        <v>16.055</v>
      </c>
    </row>
    <row r="3893" spans="1:6" x14ac:dyDescent="0.25">
      <c r="A3893">
        <v>142.26</v>
      </c>
      <c r="B3893">
        <v>193.15</v>
      </c>
      <c r="C3893">
        <v>9527.25</v>
      </c>
      <c r="D3893">
        <v>3.1</v>
      </c>
      <c r="E3893">
        <v>11187.5</v>
      </c>
      <c r="F3893">
        <v>16.077300000000001</v>
      </c>
    </row>
    <row r="3894" spans="1:6" x14ac:dyDescent="0.25">
      <c r="A3894">
        <v>142.26</v>
      </c>
      <c r="B3894">
        <v>193.15</v>
      </c>
      <c r="C3894">
        <v>9527.25</v>
      </c>
      <c r="D3894">
        <v>3.4</v>
      </c>
      <c r="E3894">
        <v>11040.1</v>
      </c>
      <c r="F3894">
        <v>16.081800000000001</v>
      </c>
    </row>
    <row r="3895" spans="1:6" x14ac:dyDescent="0.25">
      <c r="A3895">
        <v>142.26</v>
      </c>
      <c r="B3895">
        <v>193.15</v>
      </c>
      <c r="C3895">
        <v>9527.25</v>
      </c>
      <c r="D3895">
        <v>3.7</v>
      </c>
      <c r="E3895">
        <v>10915.4</v>
      </c>
      <c r="F3895">
        <v>16.085699999999999</v>
      </c>
    </row>
    <row r="3896" spans="1:6" x14ac:dyDescent="0.25">
      <c r="A3896">
        <v>142.26</v>
      </c>
      <c r="B3896">
        <v>193.15</v>
      </c>
      <c r="C3896">
        <v>9527.25</v>
      </c>
      <c r="D3896">
        <v>4</v>
      </c>
      <c r="E3896">
        <v>10807.7</v>
      </c>
      <c r="F3896">
        <v>16.075900000000001</v>
      </c>
    </row>
    <row r="3897" spans="1:6" x14ac:dyDescent="0.25">
      <c r="A3897">
        <v>142.26</v>
      </c>
      <c r="B3897">
        <v>193.15</v>
      </c>
      <c r="C3897">
        <v>11072.7</v>
      </c>
      <c r="D3897">
        <v>1</v>
      </c>
      <c r="E3897">
        <v>14999.4</v>
      </c>
      <c r="F3897">
        <v>15.405200000000001</v>
      </c>
    </row>
    <row r="3898" spans="1:6" x14ac:dyDescent="0.25">
      <c r="A3898">
        <v>142.26</v>
      </c>
      <c r="B3898">
        <v>193.15</v>
      </c>
      <c r="C3898">
        <v>11072.7</v>
      </c>
      <c r="D3898">
        <v>1.3</v>
      </c>
      <c r="E3898">
        <v>14126.8</v>
      </c>
      <c r="F3898">
        <v>16.369299999999999</v>
      </c>
    </row>
    <row r="3899" spans="1:6" x14ac:dyDescent="0.25">
      <c r="A3899">
        <v>142.26</v>
      </c>
      <c r="B3899">
        <v>193.15</v>
      </c>
      <c r="C3899">
        <v>11072.7</v>
      </c>
      <c r="D3899">
        <v>1.6</v>
      </c>
      <c r="E3899">
        <v>13520.4</v>
      </c>
      <c r="F3899">
        <v>16.450199999999999</v>
      </c>
    </row>
    <row r="3900" spans="1:6" x14ac:dyDescent="0.25">
      <c r="A3900">
        <v>142.26</v>
      </c>
      <c r="B3900">
        <v>193.15</v>
      </c>
      <c r="C3900">
        <v>11072.7</v>
      </c>
      <c r="D3900">
        <v>1.9</v>
      </c>
      <c r="E3900">
        <v>13326.2</v>
      </c>
      <c r="F3900">
        <v>16.490600000000001</v>
      </c>
    </row>
    <row r="3901" spans="1:6" x14ac:dyDescent="0.25">
      <c r="A3901">
        <v>142.26</v>
      </c>
      <c r="B3901">
        <v>193.15</v>
      </c>
      <c r="C3901">
        <v>11072.7</v>
      </c>
      <c r="D3901">
        <v>2.2000000000000002</v>
      </c>
      <c r="E3901">
        <v>13019.4</v>
      </c>
      <c r="F3901">
        <v>15.9641</v>
      </c>
    </row>
    <row r="3902" spans="1:6" x14ac:dyDescent="0.25">
      <c r="A3902">
        <v>142.26</v>
      </c>
      <c r="B3902">
        <v>193.15</v>
      </c>
      <c r="C3902">
        <v>11072.7</v>
      </c>
      <c r="D3902">
        <v>2.5</v>
      </c>
      <c r="E3902">
        <v>13056.4</v>
      </c>
      <c r="F3902">
        <v>16.028099999999998</v>
      </c>
    </row>
    <row r="3903" spans="1:6" x14ac:dyDescent="0.25">
      <c r="A3903">
        <v>142.26</v>
      </c>
      <c r="B3903">
        <v>193.15</v>
      </c>
      <c r="C3903">
        <v>11072.7</v>
      </c>
      <c r="D3903">
        <v>2.8</v>
      </c>
      <c r="E3903">
        <v>12820.1</v>
      </c>
      <c r="F3903">
        <v>16.055</v>
      </c>
    </row>
    <row r="3904" spans="1:6" x14ac:dyDescent="0.25">
      <c r="A3904">
        <v>142.26</v>
      </c>
      <c r="B3904">
        <v>193.15</v>
      </c>
      <c r="C3904">
        <v>11072.7</v>
      </c>
      <c r="D3904">
        <v>3.1</v>
      </c>
      <c r="E3904">
        <v>12633.2</v>
      </c>
      <c r="F3904">
        <v>16.077300000000001</v>
      </c>
    </row>
    <row r="3905" spans="1:6" x14ac:dyDescent="0.25">
      <c r="A3905">
        <v>142.26</v>
      </c>
      <c r="B3905">
        <v>193.15</v>
      </c>
      <c r="C3905">
        <v>11072.7</v>
      </c>
      <c r="D3905">
        <v>3.4</v>
      </c>
      <c r="E3905">
        <v>12681</v>
      </c>
      <c r="F3905">
        <v>16.081800000000001</v>
      </c>
    </row>
    <row r="3906" spans="1:6" x14ac:dyDescent="0.25">
      <c r="A3906">
        <v>142.26</v>
      </c>
      <c r="B3906">
        <v>193.15</v>
      </c>
      <c r="C3906">
        <v>11072.7</v>
      </c>
      <c r="D3906">
        <v>3.7</v>
      </c>
      <c r="E3906">
        <v>12536.3</v>
      </c>
      <c r="F3906">
        <v>16.085699999999999</v>
      </c>
    </row>
    <row r="3907" spans="1:6" x14ac:dyDescent="0.25">
      <c r="A3907">
        <v>142.26</v>
      </c>
      <c r="B3907">
        <v>193.15</v>
      </c>
      <c r="C3907">
        <v>11072.7</v>
      </c>
      <c r="D3907">
        <v>4</v>
      </c>
      <c r="E3907">
        <v>12418.2</v>
      </c>
      <c r="F3907">
        <v>16.075900000000001</v>
      </c>
    </row>
    <row r="3908" spans="1:6" x14ac:dyDescent="0.25">
      <c r="A3908">
        <v>142.26</v>
      </c>
      <c r="B3908">
        <v>193.15</v>
      </c>
      <c r="C3908">
        <v>12618.2</v>
      </c>
      <c r="D3908">
        <v>1</v>
      </c>
      <c r="E3908">
        <v>16677.900000000001</v>
      </c>
      <c r="F3908">
        <v>15.405200000000001</v>
      </c>
    </row>
    <row r="3909" spans="1:6" x14ac:dyDescent="0.25">
      <c r="A3909">
        <v>142.26</v>
      </c>
      <c r="B3909">
        <v>193.15</v>
      </c>
      <c r="C3909">
        <v>12618.2</v>
      </c>
      <c r="D3909">
        <v>1.3</v>
      </c>
      <c r="E3909">
        <v>15683.8</v>
      </c>
      <c r="F3909">
        <v>16.369299999999999</v>
      </c>
    </row>
    <row r="3910" spans="1:6" x14ac:dyDescent="0.25">
      <c r="A3910">
        <v>142.26</v>
      </c>
      <c r="B3910">
        <v>193.15</v>
      </c>
      <c r="C3910">
        <v>12618.2</v>
      </c>
      <c r="D3910">
        <v>1.6</v>
      </c>
      <c r="E3910">
        <v>15051.8</v>
      </c>
      <c r="F3910">
        <v>16.450199999999999</v>
      </c>
    </row>
    <row r="3911" spans="1:6" x14ac:dyDescent="0.25">
      <c r="A3911">
        <v>142.26</v>
      </c>
      <c r="B3911">
        <v>193.15</v>
      </c>
      <c r="C3911">
        <v>12618.2</v>
      </c>
      <c r="D3911">
        <v>1.9</v>
      </c>
      <c r="E3911">
        <v>14678.4</v>
      </c>
      <c r="F3911">
        <v>16.490600000000001</v>
      </c>
    </row>
    <row r="3912" spans="1:6" x14ac:dyDescent="0.25">
      <c r="A3912">
        <v>142.26</v>
      </c>
      <c r="B3912">
        <v>193.15</v>
      </c>
      <c r="C3912">
        <v>12618.2</v>
      </c>
      <c r="D3912">
        <v>2.2000000000000002</v>
      </c>
      <c r="E3912">
        <v>14691.2</v>
      </c>
      <c r="F3912">
        <v>15.9641</v>
      </c>
    </row>
    <row r="3913" spans="1:6" x14ac:dyDescent="0.25">
      <c r="A3913">
        <v>142.26</v>
      </c>
      <c r="B3913">
        <v>193.15</v>
      </c>
      <c r="C3913">
        <v>12618.2</v>
      </c>
      <c r="D3913">
        <v>2.5</v>
      </c>
      <c r="E3913">
        <v>14484.6</v>
      </c>
      <c r="F3913">
        <v>16.028099999999998</v>
      </c>
    </row>
    <row r="3914" spans="1:6" x14ac:dyDescent="0.25">
      <c r="A3914">
        <v>142.26</v>
      </c>
      <c r="B3914">
        <v>193.15</v>
      </c>
      <c r="C3914">
        <v>12618.2</v>
      </c>
      <c r="D3914">
        <v>2.8</v>
      </c>
      <c r="E3914">
        <v>14331.1</v>
      </c>
      <c r="F3914">
        <v>16.055</v>
      </c>
    </row>
    <row r="3915" spans="1:6" x14ac:dyDescent="0.25">
      <c r="A3915">
        <v>142.26</v>
      </c>
      <c r="B3915">
        <v>193.15</v>
      </c>
      <c r="C3915">
        <v>12618.2</v>
      </c>
      <c r="D3915">
        <v>3.1</v>
      </c>
      <c r="E3915">
        <v>14206.5</v>
      </c>
      <c r="F3915">
        <v>16.077300000000001</v>
      </c>
    </row>
    <row r="3916" spans="1:6" x14ac:dyDescent="0.25">
      <c r="A3916">
        <v>142.26</v>
      </c>
      <c r="B3916">
        <v>193.15</v>
      </c>
      <c r="C3916">
        <v>12618.2</v>
      </c>
      <c r="D3916">
        <v>3.4</v>
      </c>
      <c r="E3916">
        <v>14115.9</v>
      </c>
      <c r="F3916">
        <v>16.081800000000001</v>
      </c>
    </row>
    <row r="3917" spans="1:6" x14ac:dyDescent="0.25">
      <c r="A3917">
        <v>142.26</v>
      </c>
      <c r="B3917">
        <v>193.15</v>
      </c>
      <c r="C3917">
        <v>12618.2</v>
      </c>
      <c r="D3917">
        <v>3.7</v>
      </c>
      <c r="E3917">
        <v>14000.8</v>
      </c>
      <c r="F3917">
        <v>16.085699999999999</v>
      </c>
    </row>
    <row r="3918" spans="1:6" x14ac:dyDescent="0.25">
      <c r="A3918">
        <v>142.26</v>
      </c>
      <c r="B3918">
        <v>193.15</v>
      </c>
      <c r="C3918">
        <v>12618.2</v>
      </c>
      <c r="D3918">
        <v>4</v>
      </c>
      <c r="E3918">
        <v>13899.9</v>
      </c>
      <c r="F3918">
        <v>16.075900000000001</v>
      </c>
    </row>
    <row r="3919" spans="1:6" x14ac:dyDescent="0.25">
      <c r="A3919">
        <v>142.26</v>
      </c>
      <c r="B3919">
        <v>193.15</v>
      </c>
      <c r="C3919">
        <v>14163.6</v>
      </c>
      <c r="D3919">
        <v>1</v>
      </c>
      <c r="E3919">
        <v>18011.8</v>
      </c>
      <c r="F3919">
        <v>15.405200000000001</v>
      </c>
    </row>
    <row r="3920" spans="1:6" x14ac:dyDescent="0.25">
      <c r="A3920">
        <v>142.26</v>
      </c>
      <c r="B3920">
        <v>193.15</v>
      </c>
      <c r="C3920">
        <v>14163.6</v>
      </c>
      <c r="D3920">
        <v>1.3</v>
      </c>
      <c r="E3920">
        <v>17073</v>
      </c>
      <c r="F3920">
        <v>16.369299999999999</v>
      </c>
    </row>
    <row r="3921" spans="1:6" x14ac:dyDescent="0.25">
      <c r="A3921">
        <v>142.26</v>
      </c>
      <c r="B3921">
        <v>193.15</v>
      </c>
      <c r="C3921">
        <v>14163.6</v>
      </c>
      <c r="D3921">
        <v>1.6</v>
      </c>
      <c r="E3921">
        <v>16614.7</v>
      </c>
      <c r="F3921">
        <v>16.450199999999999</v>
      </c>
    </row>
    <row r="3922" spans="1:6" x14ac:dyDescent="0.25">
      <c r="A3922">
        <v>142.26</v>
      </c>
      <c r="B3922">
        <v>193.15</v>
      </c>
      <c r="C3922">
        <v>14163.6</v>
      </c>
      <c r="D3922">
        <v>1.9</v>
      </c>
      <c r="E3922">
        <v>16339.1</v>
      </c>
      <c r="F3922">
        <v>16.490600000000001</v>
      </c>
    </row>
    <row r="3923" spans="1:6" x14ac:dyDescent="0.25">
      <c r="A3923">
        <v>142.26</v>
      </c>
      <c r="B3923">
        <v>193.15</v>
      </c>
      <c r="C3923">
        <v>14163.6</v>
      </c>
      <c r="D3923">
        <v>2.2000000000000002</v>
      </c>
      <c r="E3923">
        <v>16332.6</v>
      </c>
      <c r="F3923">
        <v>15.9641</v>
      </c>
    </row>
    <row r="3924" spans="1:6" x14ac:dyDescent="0.25">
      <c r="A3924">
        <v>142.26</v>
      </c>
      <c r="B3924">
        <v>193.15</v>
      </c>
      <c r="C3924">
        <v>14163.6</v>
      </c>
      <c r="D3924">
        <v>2.5</v>
      </c>
      <c r="E3924">
        <v>16069.3</v>
      </c>
      <c r="F3924">
        <v>16.028099999999998</v>
      </c>
    </row>
    <row r="3925" spans="1:6" x14ac:dyDescent="0.25">
      <c r="A3925">
        <v>142.26</v>
      </c>
      <c r="B3925">
        <v>193.15</v>
      </c>
      <c r="C3925">
        <v>14163.6</v>
      </c>
      <c r="D3925">
        <v>2.8</v>
      </c>
      <c r="E3925">
        <v>15880.4</v>
      </c>
      <c r="F3925">
        <v>16.055</v>
      </c>
    </row>
    <row r="3926" spans="1:6" x14ac:dyDescent="0.25">
      <c r="A3926">
        <v>142.26</v>
      </c>
      <c r="B3926">
        <v>193.15</v>
      </c>
      <c r="C3926">
        <v>14163.6</v>
      </c>
      <c r="D3926">
        <v>3.1</v>
      </c>
      <c r="E3926">
        <v>15728.2</v>
      </c>
      <c r="F3926">
        <v>16.077300000000001</v>
      </c>
    </row>
    <row r="3927" spans="1:6" x14ac:dyDescent="0.25">
      <c r="A3927">
        <v>142.26</v>
      </c>
      <c r="B3927">
        <v>193.15</v>
      </c>
      <c r="C3927">
        <v>14163.6</v>
      </c>
      <c r="D3927">
        <v>3.4</v>
      </c>
      <c r="E3927">
        <v>15594.6</v>
      </c>
      <c r="F3927">
        <v>16.081800000000001</v>
      </c>
    </row>
    <row r="3928" spans="1:6" x14ac:dyDescent="0.25">
      <c r="A3928">
        <v>142.26</v>
      </c>
      <c r="B3928">
        <v>193.15</v>
      </c>
      <c r="C3928">
        <v>14163.6</v>
      </c>
      <c r="D3928">
        <v>3.7</v>
      </c>
      <c r="E3928">
        <v>15663.4</v>
      </c>
      <c r="F3928">
        <v>16.085699999999999</v>
      </c>
    </row>
    <row r="3929" spans="1:6" x14ac:dyDescent="0.25">
      <c r="A3929">
        <v>142.26</v>
      </c>
      <c r="B3929">
        <v>193.15</v>
      </c>
      <c r="C3929">
        <v>14163.6</v>
      </c>
      <c r="D3929">
        <v>4</v>
      </c>
      <c r="E3929">
        <v>15545.2</v>
      </c>
      <c r="F3929">
        <v>16.075900000000001</v>
      </c>
    </row>
    <row r="3930" spans="1:6" x14ac:dyDescent="0.25">
      <c r="A3930">
        <v>142.26</v>
      </c>
      <c r="B3930">
        <v>193.15</v>
      </c>
      <c r="C3930">
        <v>15709.1</v>
      </c>
      <c r="D3930">
        <v>1</v>
      </c>
      <c r="E3930">
        <v>19521.599999999999</v>
      </c>
      <c r="F3930">
        <v>15.405200000000001</v>
      </c>
    </row>
    <row r="3931" spans="1:6" x14ac:dyDescent="0.25">
      <c r="A3931">
        <v>142.26</v>
      </c>
      <c r="B3931">
        <v>193.15</v>
      </c>
      <c r="C3931">
        <v>15709.1</v>
      </c>
      <c r="D3931">
        <v>1.3</v>
      </c>
      <c r="E3931">
        <v>18612.2</v>
      </c>
      <c r="F3931">
        <v>16.369299999999999</v>
      </c>
    </row>
    <row r="3932" spans="1:6" x14ac:dyDescent="0.25">
      <c r="A3932">
        <v>142.26</v>
      </c>
      <c r="B3932">
        <v>193.15</v>
      </c>
      <c r="C3932">
        <v>15709.1</v>
      </c>
      <c r="D3932">
        <v>1.6</v>
      </c>
      <c r="E3932">
        <v>18265.900000000001</v>
      </c>
      <c r="F3932">
        <v>16.450199999999999</v>
      </c>
    </row>
    <row r="3933" spans="1:6" x14ac:dyDescent="0.25">
      <c r="A3933">
        <v>142.26</v>
      </c>
      <c r="B3933">
        <v>193.15</v>
      </c>
      <c r="C3933">
        <v>15709.1</v>
      </c>
      <c r="D3933">
        <v>1.9</v>
      </c>
      <c r="E3933">
        <v>17831.599999999999</v>
      </c>
      <c r="F3933">
        <v>16.490600000000001</v>
      </c>
    </row>
    <row r="3934" spans="1:6" x14ac:dyDescent="0.25">
      <c r="A3934">
        <v>142.26</v>
      </c>
      <c r="B3934">
        <v>193.15</v>
      </c>
      <c r="C3934">
        <v>15709.1</v>
      </c>
      <c r="D3934">
        <v>2.2000000000000002</v>
      </c>
      <c r="E3934">
        <v>17776.3</v>
      </c>
      <c r="F3934">
        <v>15.9641</v>
      </c>
    </row>
    <row r="3935" spans="1:6" x14ac:dyDescent="0.25">
      <c r="A3935">
        <v>142.26</v>
      </c>
      <c r="B3935">
        <v>193.15</v>
      </c>
      <c r="C3935">
        <v>15709.1</v>
      </c>
      <c r="D3935">
        <v>2.5</v>
      </c>
      <c r="E3935">
        <v>17623.2</v>
      </c>
      <c r="F3935">
        <v>16.028099999999998</v>
      </c>
    </row>
    <row r="3936" spans="1:6" x14ac:dyDescent="0.25">
      <c r="A3936">
        <v>142.26</v>
      </c>
      <c r="B3936">
        <v>193.15</v>
      </c>
      <c r="C3936">
        <v>15709.1</v>
      </c>
      <c r="D3936">
        <v>2.8</v>
      </c>
      <c r="E3936">
        <v>17440.400000000001</v>
      </c>
      <c r="F3936">
        <v>16.055</v>
      </c>
    </row>
    <row r="3937" spans="1:6" x14ac:dyDescent="0.25">
      <c r="A3937">
        <v>142.26</v>
      </c>
      <c r="B3937">
        <v>193.15</v>
      </c>
      <c r="C3937">
        <v>15709.1</v>
      </c>
      <c r="D3937">
        <v>3.1</v>
      </c>
      <c r="E3937">
        <v>17286.099999999999</v>
      </c>
      <c r="F3937">
        <v>16.077300000000001</v>
      </c>
    </row>
    <row r="3938" spans="1:6" x14ac:dyDescent="0.25">
      <c r="A3938">
        <v>142.26</v>
      </c>
      <c r="B3938">
        <v>193.15</v>
      </c>
      <c r="C3938">
        <v>15709.1</v>
      </c>
      <c r="D3938">
        <v>3.4</v>
      </c>
      <c r="E3938">
        <v>17148.8</v>
      </c>
      <c r="F3938">
        <v>16.081800000000001</v>
      </c>
    </row>
    <row r="3939" spans="1:6" x14ac:dyDescent="0.25">
      <c r="A3939">
        <v>142.26</v>
      </c>
      <c r="B3939">
        <v>193.15</v>
      </c>
      <c r="C3939">
        <v>15709.1</v>
      </c>
      <c r="D3939">
        <v>3.7</v>
      </c>
      <c r="E3939">
        <v>17213.900000000001</v>
      </c>
      <c r="F3939">
        <v>16.085699999999999</v>
      </c>
    </row>
    <row r="3940" spans="1:6" x14ac:dyDescent="0.25">
      <c r="A3940">
        <v>142.26</v>
      </c>
      <c r="B3940">
        <v>193.15</v>
      </c>
      <c r="C3940">
        <v>15709.1</v>
      </c>
      <c r="D3940">
        <v>4</v>
      </c>
      <c r="E3940">
        <v>17091.5</v>
      </c>
      <c r="F3940">
        <v>16.075900000000001</v>
      </c>
    </row>
    <row r="3941" spans="1:6" x14ac:dyDescent="0.25">
      <c r="A3941">
        <v>142.26</v>
      </c>
      <c r="B3941">
        <v>193.15</v>
      </c>
      <c r="C3941">
        <v>17254.5</v>
      </c>
      <c r="D3941">
        <v>1</v>
      </c>
      <c r="E3941">
        <v>21234.799999999999</v>
      </c>
      <c r="F3941">
        <v>15.405200000000001</v>
      </c>
    </row>
    <row r="3942" spans="1:6" x14ac:dyDescent="0.25">
      <c r="A3942">
        <v>142.26</v>
      </c>
      <c r="B3942">
        <v>193.15</v>
      </c>
      <c r="C3942">
        <v>17254.5</v>
      </c>
      <c r="D3942">
        <v>1.3</v>
      </c>
      <c r="E3942">
        <v>20178.7</v>
      </c>
      <c r="F3942">
        <v>16.369299999999999</v>
      </c>
    </row>
    <row r="3943" spans="1:6" x14ac:dyDescent="0.25">
      <c r="A3943">
        <v>142.26</v>
      </c>
      <c r="B3943">
        <v>193.15</v>
      </c>
      <c r="C3943">
        <v>17254.5</v>
      </c>
      <c r="D3943">
        <v>1.6</v>
      </c>
      <c r="E3943">
        <v>19746.7</v>
      </c>
      <c r="F3943">
        <v>16.450199999999999</v>
      </c>
    </row>
    <row r="3944" spans="1:6" x14ac:dyDescent="0.25">
      <c r="A3944">
        <v>142.26</v>
      </c>
      <c r="B3944">
        <v>193.15</v>
      </c>
      <c r="C3944">
        <v>17254.5</v>
      </c>
      <c r="D3944">
        <v>1.9</v>
      </c>
      <c r="E3944">
        <v>19330.3</v>
      </c>
      <c r="F3944">
        <v>16.490600000000001</v>
      </c>
    </row>
    <row r="3945" spans="1:6" x14ac:dyDescent="0.25">
      <c r="A3945">
        <v>142.26</v>
      </c>
      <c r="B3945">
        <v>193.15</v>
      </c>
      <c r="C3945">
        <v>17254.5</v>
      </c>
      <c r="D3945">
        <v>2.2000000000000002</v>
      </c>
      <c r="E3945">
        <v>19435.400000000001</v>
      </c>
      <c r="F3945">
        <v>15.9641</v>
      </c>
    </row>
    <row r="3946" spans="1:6" x14ac:dyDescent="0.25">
      <c r="A3946">
        <v>142.26</v>
      </c>
      <c r="B3946">
        <v>193.15</v>
      </c>
      <c r="C3946">
        <v>17254.5</v>
      </c>
      <c r="D3946">
        <v>2.5</v>
      </c>
      <c r="E3946">
        <v>19219.2</v>
      </c>
      <c r="F3946">
        <v>16.028099999999998</v>
      </c>
    </row>
    <row r="3947" spans="1:6" x14ac:dyDescent="0.25">
      <c r="A3947">
        <v>142.26</v>
      </c>
      <c r="B3947">
        <v>193.15</v>
      </c>
      <c r="C3947">
        <v>17254.5</v>
      </c>
      <c r="D3947">
        <v>2.8</v>
      </c>
      <c r="E3947">
        <v>19034.400000000001</v>
      </c>
      <c r="F3947">
        <v>16.055</v>
      </c>
    </row>
    <row r="3948" spans="1:6" x14ac:dyDescent="0.25">
      <c r="A3948">
        <v>142.26</v>
      </c>
      <c r="B3948">
        <v>193.15</v>
      </c>
      <c r="C3948">
        <v>17254.5</v>
      </c>
      <c r="D3948">
        <v>3.1</v>
      </c>
      <c r="E3948">
        <v>18877.400000000001</v>
      </c>
      <c r="F3948">
        <v>16.077300000000001</v>
      </c>
    </row>
    <row r="3949" spans="1:6" x14ac:dyDescent="0.25">
      <c r="A3949">
        <v>142.26</v>
      </c>
      <c r="B3949">
        <v>193.15</v>
      </c>
      <c r="C3949">
        <v>17254.5</v>
      </c>
      <c r="D3949">
        <v>3.4</v>
      </c>
      <c r="E3949">
        <v>18736.400000000001</v>
      </c>
      <c r="F3949">
        <v>16.081800000000001</v>
      </c>
    </row>
    <row r="3950" spans="1:6" x14ac:dyDescent="0.25">
      <c r="A3950">
        <v>142.26</v>
      </c>
      <c r="B3950">
        <v>193.15</v>
      </c>
      <c r="C3950">
        <v>17254.5</v>
      </c>
      <c r="D3950">
        <v>3.7</v>
      </c>
      <c r="E3950">
        <v>18612.3</v>
      </c>
      <c r="F3950">
        <v>16.085699999999999</v>
      </c>
    </row>
    <row r="3951" spans="1:6" x14ac:dyDescent="0.25">
      <c r="A3951">
        <v>142.26</v>
      </c>
      <c r="B3951">
        <v>193.15</v>
      </c>
      <c r="C3951">
        <v>17254.5</v>
      </c>
      <c r="D3951">
        <v>4</v>
      </c>
      <c r="E3951">
        <v>18670.3</v>
      </c>
      <c r="F3951">
        <v>16.075900000000001</v>
      </c>
    </row>
    <row r="3952" spans="1:6" x14ac:dyDescent="0.25">
      <c r="A3952">
        <v>142.26</v>
      </c>
      <c r="B3952">
        <v>193.15</v>
      </c>
      <c r="C3952">
        <v>18800</v>
      </c>
      <c r="D3952">
        <v>1</v>
      </c>
      <c r="E3952">
        <v>22622.799999999999</v>
      </c>
      <c r="F3952">
        <v>15.405200000000001</v>
      </c>
    </row>
    <row r="3953" spans="1:6" x14ac:dyDescent="0.25">
      <c r="A3953">
        <v>142.26</v>
      </c>
      <c r="B3953">
        <v>193.15</v>
      </c>
      <c r="C3953">
        <v>18800</v>
      </c>
      <c r="D3953">
        <v>1.3</v>
      </c>
      <c r="E3953">
        <v>21703.5</v>
      </c>
      <c r="F3953">
        <v>16.369299999999999</v>
      </c>
    </row>
    <row r="3954" spans="1:6" x14ac:dyDescent="0.25">
      <c r="A3954">
        <v>142.26</v>
      </c>
      <c r="B3954">
        <v>193.15</v>
      </c>
      <c r="C3954">
        <v>18800</v>
      </c>
      <c r="D3954">
        <v>1.6</v>
      </c>
      <c r="E3954">
        <v>21398.3</v>
      </c>
      <c r="F3954">
        <v>16.450199999999999</v>
      </c>
    </row>
    <row r="3955" spans="1:6" x14ac:dyDescent="0.25">
      <c r="A3955">
        <v>142.26</v>
      </c>
      <c r="B3955">
        <v>193.15</v>
      </c>
      <c r="C3955">
        <v>18800</v>
      </c>
      <c r="D3955">
        <v>1.9</v>
      </c>
      <c r="E3955">
        <v>21062.7</v>
      </c>
      <c r="F3955">
        <v>16.490600000000001</v>
      </c>
    </row>
    <row r="3956" spans="1:6" x14ac:dyDescent="0.25">
      <c r="A3956">
        <v>142.26</v>
      </c>
      <c r="B3956">
        <v>193.15</v>
      </c>
      <c r="C3956">
        <v>18800</v>
      </c>
      <c r="D3956">
        <v>2.2000000000000002</v>
      </c>
      <c r="E3956">
        <v>20898</v>
      </c>
      <c r="F3956">
        <v>15.9641</v>
      </c>
    </row>
    <row r="3957" spans="1:6" x14ac:dyDescent="0.25">
      <c r="A3957">
        <v>142.26</v>
      </c>
      <c r="B3957">
        <v>193.15</v>
      </c>
      <c r="C3957">
        <v>18800</v>
      </c>
      <c r="D3957">
        <v>2.5</v>
      </c>
      <c r="E3957">
        <v>20575.099999999999</v>
      </c>
      <c r="F3957">
        <v>16.028099999999998</v>
      </c>
    </row>
    <row r="3958" spans="1:6" x14ac:dyDescent="0.25">
      <c r="A3958">
        <v>142.26</v>
      </c>
      <c r="B3958">
        <v>193.15</v>
      </c>
      <c r="C3958">
        <v>18800</v>
      </c>
      <c r="D3958">
        <v>2.8</v>
      </c>
      <c r="E3958">
        <v>20486.3</v>
      </c>
      <c r="F3958">
        <v>16.055</v>
      </c>
    </row>
    <row r="3959" spans="1:6" x14ac:dyDescent="0.25">
      <c r="A3959">
        <v>142.26</v>
      </c>
      <c r="B3959">
        <v>193.15</v>
      </c>
      <c r="C3959">
        <v>18800</v>
      </c>
      <c r="D3959">
        <v>3.1</v>
      </c>
      <c r="E3959">
        <v>20360.400000000001</v>
      </c>
      <c r="F3959">
        <v>16.077300000000001</v>
      </c>
    </row>
    <row r="3960" spans="1:6" x14ac:dyDescent="0.25">
      <c r="A3960">
        <v>142.26</v>
      </c>
      <c r="B3960">
        <v>193.15</v>
      </c>
      <c r="C3960">
        <v>18800</v>
      </c>
      <c r="D3960">
        <v>3.4</v>
      </c>
      <c r="E3960">
        <v>20350.099999999999</v>
      </c>
      <c r="F3960">
        <v>16.081800000000001</v>
      </c>
    </row>
    <row r="3961" spans="1:6" x14ac:dyDescent="0.25">
      <c r="A3961">
        <v>142.26</v>
      </c>
      <c r="B3961">
        <v>193.15</v>
      </c>
      <c r="C3961">
        <v>18800</v>
      </c>
      <c r="D3961">
        <v>3.7</v>
      </c>
      <c r="E3961">
        <v>20202.8</v>
      </c>
      <c r="F3961">
        <v>16.085699999999999</v>
      </c>
    </row>
    <row r="3962" spans="1:6" x14ac:dyDescent="0.25">
      <c r="A3962">
        <v>142.26</v>
      </c>
      <c r="B3962">
        <v>193.15</v>
      </c>
      <c r="C3962">
        <v>18800</v>
      </c>
      <c r="D3962">
        <v>4</v>
      </c>
      <c r="E3962">
        <v>20206.099999999999</v>
      </c>
      <c r="F3962">
        <v>16.075900000000001</v>
      </c>
    </row>
    <row r="3963" spans="1:6" x14ac:dyDescent="0.25">
      <c r="A3963">
        <v>142.26</v>
      </c>
      <c r="B3963">
        <v>196.78</v>
      </c>
      <c r="C3963">
        <v>1800</v>
      </c>
      <c r="D3963">
        <v>1</v>
      </c>
      <c r="E3963">
        <v>5630.42</v>
      </c>
      <c r="F3963">
        <v>55.694600000000001</v>
      </c>
    </row>
    <row r="3964" spans="1:6" x14ac:dyDescent="0.25">
      <c r="A3964">
        <v>142.26</v>
      </c>
      <c r="B3964">
        <v>196.78</v>
      </c>
      <c r="C3964">
        <v>1800</v>
      </c>
      <c r="D3964">
        <v>1.3</v>
      </c>
      <c r="E3964">
        <v>5038.91</v>
      </c>
      <c r="F3964">
        <v>68.851100000000002</v>
      </c>
    </row>
    <row r="3965" spans="1:6" x14ac:dyDescent="0.25">
      <c r="A3965">
        <v>142.26</v>
      </c>
      <c r="B3965">
        <v>196.78</v>
      </c>
      <c r="C3965">
        <v>1800</v>
      </c>
      <c r="D3965">
        <v>1.6</v>
      </c>
      <c r="E3965">
        <v>4580.29</v>
      </c>
      <c r="F3965">
        <v>76.487499999999997</v>
      </c>
    </row>
    <row r="3966" spans="1:6" x14ac:dyDescent="0.25">
      <c r="A3966">
        <v>142.26</v>
      </c>
      <c r="B3966">
        <v>196.78</v>
      </c>
      <c r="C3966">
        <v>1800</v>
      </c>
      <c r="D3966">
        <v>1.9</v>
      </c>
      <c r="E3966">
        <v>4276.71</v>
      </c>
      <c r="F3966">
        <v>84.554900000000004</v>
      </c>
    </row>
    <row r="3967" spans="1:6" x14ac:dyDescent="0.25">
      <c r="A3967">
        <v>142.26</v>
      </c>
      <c r="B3967">
        <v>196.78</v>
      </c>
      <c r="C3967">
        <v>1800</v>
      </c>
      <c r="D3967">
        <v>2.2000000000000002</v>
      </c>
      <c r="E3967">
        <v>4049.21</v>
      </c>
      <c r="F3967">
        <v>87.619500000000002</v>
      </c>
    </row>
    <row r="3968" spans="1:6" x14ac:dyDescent="0.25">
      <c r="A3968">
        <v>142.26</v>
      </c>
      <c r="B3968">
        <v>196.78</v>
      </c>
      <c r="C3968">
        <v>1800</v>
      </c>
      <c r="D3968">
        <v>2.5</v>
      </c>
      <c r="E3968">
        <v>3859.11</v>
      </c>
      <c r="F3968">
        <v>93.807000000000002</v>
      </c>
    </row>
    <row r="3969" spans="1:6" x14ac:dyDescent="0.25">
      <c r="A3969">
        <v>142.26</v>
      </c>
      <c r="B3969">
        <v>196.78</v>
      </c>
      <c r="C3969">
        <v>1800</v>
      </c>
      <c r="D3969">
        <v>2.8</v>
      </c>
      <c r="E3969">
        <v>3742.92</v>
      </c>
      <c r="F3969">
        <v>101.065</v>
      </c>
    </row>
    <row r="3970" spans="1:6" x14ac:dyDescent="0.25">
      <c r="A3970">
        <v>142.26</v>
      </c>
      <c r="B3970">
        <v>196.78</v>
      </c>
      <c r="C3970">
        <v>1800</v>
      </c>
      <c r="D3970">
        <v>3.1</v>
      </c>
      <c r="E3970">
        <v>3613</v>
      </c>
      <c r="F3970">
        <v>106.619</v>
      </c>
    </row>
    <row r="3971" spans="1:6" x14ac:dyDescent="0.25">
      <c r="A3971">
        <v>142.26</v>
      </c>
      <c r="B3971">
        <v>196.78</v>
      </c>
      <c r="C3971">
        <v>1800</v>
      </c>
      <c r="D3971">
        <v>3.4</v>
      </c>
      <c r="E3971">
        <v>3552.02</v>
      </c>
      <c r="F3971">
        <v>106.51300000000001</v>
      </c>
    </row>
    <row r="3972" spans="1:6" x14ac:dyDescent="0.25">
      <c r="A3972">
        <v>142.26</v>
      </c>
      <c r="B3972">
        <v>196.78</v>
      </c>
      <c r="C3972">
        <v>1800</v>
      </c>
      <c r="D3972">
        <v>3.7</v>
      </c>
      <c r="E3972">
        <v>3457.34</v>
      </c>
      <c r="F3972">
        <v>109.649</v>
      </c>
    </row>
    <row r="3973" spans="1:6" x14ac:dyDescent="0.25">
      <c r="A3973">
        <v>142.26</v>
      </c>
      <c r="B3973">
        <v>196.78</v>
      </c>
      <c r="C3973">
        <v>1800</v>
      </c>
      <c r="D3973">
        <v>4</v>
      </c>
      <c r="E3973">
        <v>3391.58</v>
      </c>
      <c r="F3973">
        <v>115.633</v>
      </c>
    </row>
    <row r="3974" spans="1:6" x14ac:dyDescent="0.25">
      <c r="A3974">
        <v>142.26</v>
      </c>
      <c r="B3974">
        <v>196.78</v>
      </c>
      <c r="C3974">
        <v>3345.45</v>
      </c>
      <c r="D3974">
        <v>1</v>
      </c>
      <c r="E3974">
        <v>6839.5</v>
      </c>
      <c r="F3974">
        <v>27.985399999999998</v>
      </c>
    </row>
    <row r="3975" spans="1:6" x14ac:dyDescent="0.25">
      <c r="A3975">
        <v>142.26</v>
      </c>
      <c r="B3975">
        <v>196.78</v>
      </c>
      <c r="C3975">
        <v>3345.45</v>
      </c>
      <c r="D3975">
        <v>1.3</v>
      </c>
      <c r="E3975">
        <v>6336.96</v>
      </c>
      <c r="F3975">
        <v>32.643500000000003</v>
      </c>
    </row>
    <row r="3976" spans="1:6" x14ac:dyDescent="0.25">
      <c r="A3976">
        <v>142.26</v>
      </c>
      <c r="B3976">
        <v>196.78</v>
      </c>
      <c r="C3976">
        <v>3345.45</v>
      </c>
      <c r="D3976">
        <v>1.6</v>
      </c>
      <c r="E3976">
        <v>6024.89</v>
      </c>
      <c r="F3976">
        <v>39.701999999999998</v>
      </c>
    </row>
    <row r="3977" spans="1:6" x14ac:dyDescent="0.25">
      <c r="A3977">
        <v>142.26</v>
      </c>
      <c r="B3977">
        <v>196.78</v>
      </c>
      <c r="C3977">
        <v>3345.45</v>
      </c>
      <c r="D3977">
        <v>1.9</v>
      </c>
      <c r="E3977">
        <v>5762.39</v>
      </c>
      <c r="F3977">
        <v>41.216799999999999</v>
      </c>
    </row>
    <row r="3978" spans="1:6" x14ac:dyDescent="0.25">
      <c r="A3978">
        <v>142.26</v>
      </c>
      <c r="B3978">
        <v>196.78</v>
      </c>
      <c r="C3978">
        <v>3345.45</v>
      </c>
      <c r="D3978">
        <v>2.2000000000000002</v>
      </c>
      <c r="E3978">
        <v>5508.65</v>
      </c>
      <c r="F3978">
        <v>49.104900000000001</v>
      </c>
    </row>
    <row r="3979" spans="1:6" x14ac:dyDescent="0.25">
      <c r="A3979">
        <v>142.26</v>
      </c>
      <c r="B3979">
        <v>196.78</v>
      </c>
      <c r="C3979">
        <v>3345.45</v>
      </c>
      <c r="D3979">
        <v>2.5</v>
      </c>
      <c r="E3979">
        <v>5333.76</v>
      </c>
      <c r="F3979">
        <v>51.404299999999999</v>
      </c>
    </row>
    <row r="3980" spans="1:6" x14ac:dyDescent="0.25">
      <c r="A3980">
        <v>142.26</v>
      </c>
      <c r="B3980">
        <v>196.78</v>
      </c>
      <c r="C3980">
        <v>3345.45</v>
      </c>
      <c r="D3980">
        <v>2.8</v>
      </c>
      <c r="E3980">
        <v>5149.3599999999997</v>
      </c>
      <c r="F3980">
        <v>55.566600000000001</v>
      </c>
    </row>
    <row r="3981" spans="1:6" x14ac:dyDescent="0.25">
      <c r="A3981">
        <v>142.26</v>
      </c>
      <c r="B3981">
        <v>196.78</v>
      </c>
      <c r="C3981">
        <v>3345.45</v>
      </c>
      <c r="D3981">
        <v>3.1</v>
      </c>
      <c r="E3981">
        <v>5041.8500000000004</v>
      </c>
      <c r="F3981">
        <v>58.299300000000002</v>
      </c>
    </row>
    <row r="3982" spans="1:6" x14ac:dyDescent="0.25">
      <c r="A3982">
        <v>142.26</v>
      </c>
      <c r="B3982">
        <v>196.78</v>
      </c>
      <c r="C3982">
        <v>3345.45</v>
      </c>
      <c r="D3982">
        <v>3.4</v>
      </c>
      <c r="E3982">
        <v>4986.3100000000004</v>
      </c>
      <c r="F3982">
        <v>63.778399999999998</v>
      </c>
    </row>
    <row r="3983" spans="1:6" x14ac:dyDescent="0.25">
      <c r="A3983">
        <v>142.26</v>
      </c>
      <c r="B3983">
        <v>196.78</v>
      </c>
      <c r="C3983">
        <v>3345.45</v>
      </c>
      <c r="D3983">
        <v>3.7</v>
      </c>
      <c r="E3983">
        <v>4894.6899999999996</v>
      </c>
      <c r="F3983">
        <v>66.368899999999996</v>
      </c>
    </row>
    <row r="3984" spans="1:6" x14ac:dyDescent="0.25">
      <c r="A3984">
        <v>142.26</v>
      </c>
      <c r="B3984">
        <v>196.78</v>
      </c>
      <c r="C3984">
        <v>3345.45</v>
      </c>
      <c r="D3984">
        <v>4</v>
      </c>
      <c r="E3984">
        <v>4803.38</v>
      </c>
      <c r="F3984">
        <v>69.444400000000002</v>
      </c>
    </row>
    <row r="3985" spans="1:6" x14ac:dyDescent="0.25">
      <c r="A3985">
        <v>142.26</v>
      </c>
      <c r="B3985">
        <v>196.78</v>
      </c>
      <c r="C3985">
        <v>4890.8999999999996</v>
      </c>
      <c r="D3985">
        <v>1</v>
      </c>
      <c r="E3985">
        <v>8203.69</v>
      </c>
      <c r="F3985">
        <v>11.8453</v>
      </c>
    </row>
    <row r="3986" spans="1:6" x14ac:dyDescent="0.25">
      <c r="A3986">
        <v>142.26</v>
      </c>
      <c r="B3986">
        <v>196.78</v>
      </c>
      <c r="C3986">
        <v>4890.8999999999996</v>
      </c>
      <c r="D3986">
        <v>1.3</v>
      </c>
      <c r="E3986">
        <v>7906.16</v>
      </c>
      <c r="F3986">
        <v>14.283200000000001</v>
      </c>
    </row>
    <row r="3987" spans="1:6" x14ac:dyDescent="0.25">
      <c r="A3987">
        <v>142.26</v>
      </c>
      <c r="B3987">
        <v>196.78</v>
      </c>
      <c r="C3987">
        <v>4890.8999999999996</v>
      </c>
      <c r="D3987">
        <v>1.6</v>
      </c>
      <c r="E3987">
        <v>7255.39</v>
      </c>
      <c r="F3987">
        <v>14.173400000000001</v>
      </c>
    </row>
    <row r="3988" spans="1:6" x14ac:dyDescent="0.25">
      <c r="A3988">
        <v>142.26</v>
      </c>
      <c r="B3988">
        <v>196.78</v>
      </c>
      <c r="C3988">
        <v>4890.8999999999996</v>
      </c>
      <c r="D3988">
        <v>1.9</v>
      </c>
      <c r="E3988">
        <v>7131.17</v>
      </c>
      <c r="F3988">
        <v>13.783799999999999</v>
      </c>
    </row>
    <row r="3989" spans="1:6" x14ac:dyDescent="0.25">
      <c r="A3989">
        <v>142.26</v>
      </c>
      <c r="B3989">
        <v>196.78</v>
      </c>
      <c r="C3989">
        <v>4890.8999999999996</v>
      </c>
      <c r="D3989">
        <v>2.2000000000000002</v>
      </c>
      <c r="E3989">
        <v>6925.05</v>
      </c>
      <c r="F3989">
        <v>14.2498</v>
      </c>
    </row>
    <row r="3990" spans="1:6" x14ac:dyDescent="0.25">
      <c r="A3990">
        <v>142.26</v>
      </c>
      <c r="B3990">
        <v>196.78</v>
      </c>
      <c r="C3990">
        <v>4890.8999999999996</v>
      </c>
      <c r="D3990">
        <v>2.5</v>
      </c>
      <c r="E3990">
        <v>6780.3</v>
      </c>
      <c r="F3990">
        <v>14.093999999999999</v>
      </c>
    </row>
    <row r="3991" spans="1:6" x14ac:dyDescent="0.25">
      <c r="A3991">
        <v>142.26</v>
      </c>
      <c r="B3991">
        <v>196.78</v>
      </c>
      <c r="C3991">
        <v>4890.8999999999996</v>
      </c>
      <c r="D3991">
        <v>2.8</v>
      </c>
      <c r="E3991">
        <v>6583.69</v>
      </c>
      <c r="F3991">
        <v>15.209899999999999</v>
      </c>
    </row>
    <row r="3992" spans="1:6" x14ac:dyDescent="0.25">
      <c r="A3992">
        <v>142.26</v>
      </c>
      <c r="B3992">
        <v>196.78</v>
      </c>
      <c r="C3992">
        <v>4890.8999999999996</v>
      </c>
      <c r="D3992">
        <v>3.1</v>
      </c>
      <c r="E3992">
        <v>6501.5</v>
      </c>
      <c r="F3992">
        <v>19.084199999999999</v>
      </c>
    </row>
    <row r="3993" spans="1:6" x14ac:dyDescent="0.25">
      <c r="A3993">
        <v>142.26</v>
      </c>
      <c r="B3993">
        <v>196.78</v>
      </c>
      <c r="C3993">
        <v>4890.8999999999996</v>
      </c>
      <c r="D3993">
        <v>3.4</v>
      </c>
      <c r="E3993">
        <v>6489.58</v>
      </c>
      <c r="F3993">
        <v>22.101700000000001</v>
      </c>
    </row>
    <row r="3994" spans="1:6" x14ac:dyDescent="0.25">
      <c r="A3994">
        <v>142.26</v>
      </c>
      <c r="B3994">
        <v>196.78</v>
      </c>
      <c r="C3994">
        <v>4890.8999999999996</v>
      </c>
      <c r="D3994">
        <v>3.7</v>
      </c>
      <c r="E3994">
        <v>6269.73</v>
      </c>
      <c r="F3994">
        <v>24.100300000000001</v>
      </c>
    </row>
    <row r="3995" spans="1:6" x14ac:dyDescent="0.25">
      <c r="A3995">
        <v>142.26</v>
      </c>
      <c r="B3995">
        <v>196.78</v>
      </c>
      <c r="C3995">
        <v>4890.8999999999996</v>
      </c>
      <c r="D3995">
        <v>4</v>
      </c>
      <c r="E3995">
        <v>6220.78</v>
      </c>
      <c r="F3995">
        <v>25.755199999999999</v>
      </c>
    </row>
    <row r="3996" spans="1:6" x14ac:dyDescent="0.25">
      <c r="A3996">
        <v>142.26</v>
      </c>
      <c r="B3996">
        <v>196.78</v>
      </c>
      <c r="C3996">
        <v>6436.35</v>
      </c>
      <c r="D3996">
        <v>1</v>
      </c>
      <c r="E3996">
        <v>10424.799999999999</v>
      </c>
      <c r="F3996">
        <v>15.405200000000001</v>
      </c>
    </row>
    <row r="3997" spans="1:6" x14ac:dyDescent="0.25">
      <c r="A3997">
        <v>142.26</v>
      </c>
      <c r="B3997">
        <v>196.78</v>
      </c>
      <c r="C3997">
        <v>6436.35</v>
      </c>
      <c r="D3997">
        <v>1.3</v>
      </c>
      <c r="E3997">
        <v>9396.5</v>
      </c>
      <c r="F3997">
        <v>14.7537</v>
      </c>
    </row>
    <row r="3998" spans="1:6" x14ac:dyDescent="0.25">
      <c r="A3998">
        <v>142.26</v>
      </c>
      <c r="B3998">
        <v>196.78</v>
      </c>
      <c r="C3998">
        <v>6436.35</v>
      </c>
      <c r="D3998">
        <v>1.6</v>
      </c>
      <c r="E3998">
        <v>9042.59</v>
      </c>
      <c r="F3998">
        <v>14.1135</v>
      </c>
    </row>
    <row r="3999" spans="1:6" x14ac:dyDescent="0.25">
      <c r="A3999">
        <v>142.26</v>
      </c>
      <c r="B3999">
        <v>196.78</v>
      </c>
      <c r="C3999">
        <v>6436.35</v>
      </c>
      <c r="D3999">
        <v>1.9</v>
      </c>
      <c r="E3999">
        <v>8559.5300000000007</v>
      </c>
      <c r="F3999">
        <v>14.279400000000001</v>
      </c>
    </row>
    <row r="4000" spans="1:6" x14ac:dyDescent="0.25">
      <c r="A4000">
        <v>142.26</v>
      </c>
      <c r="B4000">
        <v>196.78</v>
      </c>
      <c r="C4000">
        <v>6436.35</v>
      </c>
      <c r="D4000">
        <v>2.2000000000000002</v>
      </c>
      <c r="E4000">
        <v>8497.2099999999991</v>
      </c>
      <c r="F4000">
        <v>15.9641</v>
      </c>
    </row>
    <row r="4001" spans="1:6" x14ac:dyDescent="0.25">
      <c r="A4001">
        <v>142.26</v>
      </c>
      <c r="B4001">
        <v>196.78</v>
      </c>
      <c r="C4001">
        <v>6436.35</v>
      </c>
      <c r="D4001">
        <v>2.5</v>
      </c>
      <c r="E4001">
        <v>8280.66</v>
      </c>
      <c r="F4001">
        <v>16.028099999999998</v>
      </c>
    </row>
    <row r="4002" spans="1:6" x14ac:dyDescent="0.25">
      <c r="A4002">
        <v>142.26</v>
      </c>
      <c r="B4002">
        <v>196.78</v>
      </c>
      <c r="C4002">
        <v>6436.35</v>
      </c>
      <c r="D4002">
        <v>2.8</v>
      </c>
      <c r="E4002">
        <v>8155.73</v>
      </c>
      <c r="F4002">
        <v>16.055</v>
      </c>
    </row>
    <row r="4003" spans="1:6" x14ac:dyDescent="0.25">
      <c r="A4003">
        <v>142.26</v>
      </c>
      <c r="B4003">
        <v>196.78</v>
      </c>
      <c r="C4003">
        <v>6436.35</v>
      </c>
      <c r="D4003">
        <v>3.1</v>
      </c>
      <c r="E4003">
        <v>8037.24</v>
      </c>
      <c r="F4003">
        <v>16.066299999999998</v>
      </c>
    </row>
    <row r="4004" spans="1:6" x14ac:dyDescent="0.25">
      <c r="A4004">
        <v>142.26</v>
      </c>
      <c r="B4004">
        <v>196.78</v>
      </c>
      <c r="C4004">
        <v>6436.35</v>
      </c>
      <c r="D4004">
        <v>3.4</v>
      </c>
      <c r="E4004">
        <v>7806.8</v>
      </c>
      <c r="F4004">
        <v>15.8484</v>
      </c>
    </row>
    <row r="4005" spans="1:6" x14ac:dyDescent="0.25">
      <c r="A4005">
        <v>142.26</v>
      </c>
      <c r="B4005">
        <v>196.78</v>
      </c>
      <c r="C4005">
        <v>6436.35</v>
      </c>
      <c r="D4005">
        <v>3.7</v>
      </c>
      <c r="E4005">
        <v>7722.62</v>
      </c>
      <c r="F4005">
        <v>15.674799999999999</v>
      </c>
    </row>
    <row r="4006" spans="1:6" x14ac:dyDescent="0.25">
      <c r="A4006">
        <v>142.26</v>
      </c>
      <c r="B4006">
        <v>196.78</v>
      </c>
      <c r="C4006">
        <v>6436.35</v>
      </c>
      <c r="D4006">
        <v>4</v>
      </c>
      <c r="E4006">
        <v>7714.15</v>
      </c>
      <c r="F4006">
        <v>15.530900000000001</v>
      </c>
    </row>
    <row r="4007" spans="1:6" x14ac:dyDescent="0.25">
      <c r="A4007">
        <v>142.26</v>
      </c>
      <c r="B4007">
        <v>196.78</v>
      </c>
      <c r="C4007">
        <v>7981.8</v>
      </c>
      <c r="D4007">
        <v>1</v>
      </c>
      <c r="E4007">
        <v>11848.6</v>
      </c>
      <c r="F4007">
        <v>15.405200000000001</v>
      </c>
    </row>
    <row r="4008" spans="1:6" x14ac:dyDescent="0.25">
      <c r="A4008">
        <v>142.26</v>
      </c>
      <c r="B4008">
        <v>196.78</v>
      </c>
      <c r="C4008">
        <v>7981.8</v>
      </c>
      <c r="D4008">
        <v>1.3</v>
      </c>
      <c r="E4008">
        <v>10974.7</v>
      </c>
      <c r="F4008">
        <v>16.369299999999999</v>
      </c>
    </row>
    <row r="4009" spans="1:6" x14ac:dyDescent="0.25">
      <c r="A4009">
        <v>142.26</v>
      </c>
      <c r="B4009">
        <v>196.78</v>
      </c>
      <c r="C4009">
        <v>7981.8</v>
      </c>
      <c r="D4009">
        <v>1.6</v>
      </c>
      <c r="E4009">
        <v>10420</v>
      </c>
      <c r="F4009">
        <v>16.450199999999999</v>
      </c>
    </row>
    <row r="4010" spans="1:6" x14ac:dyDescent="0.25">
      <c r="A4010">
        <v>142.26</v>
      </c>
      <c r="B4010">
        <v>196.78</v>
      </c>
      <c r="C4010">
        <v>7981.8</v>
      </c>
      <c r="D4010">
        <v>1.9</v>
      </c>
      <c r="E4010">
        <v>10263</v>
      </c>
      <c r="F4010">
        <v>16.490600000000001</v>
      </c>
    </row>
    <row r="4011" spans="1:6" x14ac:dyDescent="0.25">
      <c r="A4011">
        <v>142.26</v>
      </c>
      <c r="B4011">
        <v>196.78</v>
      </c>
      <c r="C4011">
        <v>7981.8</v>
      </c>
      <c r="D4011">
        <v>2.2000000000000002</v>
      </c>
      <c r="E4011">
        <v>9971.16</v>
      </c>
      <c r="F4011">
        <v>15.9641</v>
      </c>
    </row>
    <row r="4012" spans="1:6" x14ac:dyDescent="0.25">
      <c r="A4012">
        <v>142.26</v>
      </c>
      <c r="B4012">
        <v>196.78</v>
      </c>
      <c r="C4012">
        <v>7981.8</v>
      </c>
      <c r="D4012">
        <v>2.5</v>
      </c>
      <c r="E4012">
        <v>9767.34</v>
      </c>
      <c r="F4012">
        <v>16.028099999999998</v>
      </c>
    </row>
    <row r="4013" spans="1:6" x14ac:dyDescent="0.25">
      <c r="A4013">
        <v>142.26</v>
      </c>
      <c r="B4013">
        <v>196.78</v>
      </c>
      <c r="C4013">
        <v>7981.8</v>
      </c>
      <c r="D4013">
        <v>2.8</v>
      </c>
      <c r="E4013">
        <v>9620.6</v>
      </c>
      <c r="F4013">
        <v>16.055</v>
      </c>
    </row>
    <row r="4014" spans="1:6" x14ac:dyDescent="0.25">
      <c r="A4014">
        <v>142.26</v>
      </c>
      <c r="B4014">
        <v>196.78</v>
      </c>
      <c r="C4014">
        <v>7981.8</v>
      </c>
      <c r="D4014">
        <v>3.1</v>
      </c>
      <c r="E4014">
        <v>9586.07</v>
      </c>
      <c r="F4014">
        <v>16.077300000000001</v>
      </c>
    </row>
    <row r="4015" spans="1:6" x14ac:dyDescent="0.25">
      <c r="A4015">
        <v>142.26</v>
      </c>
      <c r="B4015">
        <v>196.78</v>
      </c>
      <c r="C4015">
        <v>7981.8</v>
      </c>
      <c r="D4015">
        <v>3.4</v>
      </c>
      <c r="E4015">
        <v>9458.57</v>
      </c>
      <c r="F4015">
        <v>16.081800000000001</v>
      </c>
    </row>
    <row r="4016" spans="1:6" x14ac:dyDescent="0.25">
      <c r="A4016">
        <v>142.26</v>
      </c>
      <c r="B4016">
        <v>196.78</v>
      </c>
      <c r="C4016">
        <v>7981.8</v>
      </c>
      <c r="D4016">
        <v>3.7</v>
      </c>
      <c r="E4016">
        <v>9349.11</v>
      </c>
      <c r="F4016">
        <v>16.085699999999999</v>
      </c>
    </row>
    <row r="4017" spans="1:6" x14ac:dyDescent="0.25">
      <c r="A4017">
        <v>142.26</v>
      </c>
      <c r="B4017">
        <v>196.78</v>
      </c>
      <c r="C4017">
        <v>7981.8</v>
      </c>
      <c r="D4017">
        <v>4</v>
      </c>
      <c r="E4017">
        <v>9253.61</v>
      </c>
      <c r="F4017">
        <v>16.075900000000001</v>
      </c>
    </row>
    <row r="4018" spans="1:6" x14ac:dyDescent="0.25">
      <c r="A4018">
        <v>142.26</v>
      </c>
      <c r="B4018">
        <v>196.78</v>
      </c>
      <c r="C4018">
        <v>9527.25</v>
      </c>
      <c r="D4018">
        <v>1</v>
      </c>
      <c r="E4018">
        <v>13395.1</v>
      </c>
      <c r="F4018">
        <v>15.405200000000001</v>
      </c>
    </row>
    <row r="4019" spans="1:6" x14ac:dyDescent="0.25">
      <c r="A4019">
        <v>142.26</v>
      </c>
      <c r="B4019">
        <v>196.78</v>
      </c>
      <c r="C4019">
        <v>9527.25</v>
      </c>
      <c r="D4019">
        <v>1.3</v>
      </c>
      <c r="E4019">
        <v>12706.3</v>
      </c>
      <c r="F4019">
        <v>16.369299999999999</v>
      </c>
    </row>
    <row r="4020" spans="1:6" x14ac:dyDescent="0.25">
      <c r="A4020">
        <v>142.26</v>
      </c>
      <c r="B4020">
        <v>196.78</v>
      </c>
      <c r="C4020">
        <v>9527.25</v>
      </c>
      <c r="D4020">
        <v>1.6</v>
      </c>
      <c r="E4020">
        <v>11977.3</v>
      </c>
      <c r="F4020">
        <v>16.450199999999999</v>
      </c>
    </row>
    <row r="4021" spans="1:6" x14ac:dyDescent="0.25">
      <c r="A4021">
        <v>142.26</v>
      </c>
      <c r="B4021">
        <v>196.78</v>
      </c>
      <c r="C4021">
        <v>9527.25</v>
      </c>
      <c r="D4021">
        <v>1.9</v>
      </c>
      <c r="E4021">
        <v>11615.5</v>
      </c>
      <c r="F4021">
        <v>16.490600000000001</v>
      </c>
    </row>
    <row r="4022" spans="1:6" x14ac:dyDescent="0.25">
      <c r="A4022">
        <v>142.26</v>
      </c>
      <c r="B4022">
        <v>196.78</v>
      </c>
      <c r="C4022">
        <v>9527.25</v>
      </c>
      <c r="D4022">
        <v>2.2000000000000002</v>
      </c>
      <c r="E4022">
        <v>11586.6</v>
      </c>
      <c r="F4022">
        <v>15.9641</v>
      </c>
    </row>
    <row r="4023" spans="1:6" x14ac:dyDescent="0.25">
      <c r="A4023">
        <v>142.26</v>
      </c>
      <c r="B4023">
        <v>196.78</v>
      </c>
      <c r="C4023">
        <v>9527.25</v>
      </c>
      <c r="D4023">
        <v>2.5</v>
      </c>
      <c r="E4023">
        <v>11323.6</v>
      </c>
      <c r="F4023">
        <v>16.028099999999998</v>
      </c>
    </row>
    <row r="4024" spans="1:6" x14ac:dyDescent="0.25">
      <c r="A4024">
        <v>142.26</v>
      </c>
      <c r="B4024">
        <v>196.78</v>
      </c>
      <c r="C4024">
        <v>9527.25</v>
      </c>
      <c r="D4024">
        <v>2.8</v>
      </c>
      <c r="E4024">
        <v>11167.6</v>
      </c>
      <c r="F4024">
        <v>16.055</v>
      </c>
    </row>
    <row r="4025" spans="1:6" x14ac:dyDescent="0.25">
      <c r="A4025">
        <v>142.26</v>
      </c>
      <c r="B4025">
        <v>196.78</v>
      </c>
      <c r="C4025">
        <v>9527.25</v>
      </c>
      <c r="D4025">
        <v>3.1</v>
      </c>
      <c r="E4025">
        <v>11187.5</v>
      </c>
      <c r="F4025">
        <v>16.077300000000001</v>
      </c>
    </row>
    <row r="4026" spans="1:6" x14ac:dyDescent="0.25">
      <c r="A4026">
        <v>142.26</v>
      </c>
      <c r="B4026">
        <v>196.78</v>
      </c>
      <c r="C4026">
        <v>9527.25</v>
      </c>
      <c r="D4026">
        <v>3.4</v>
      </c>
      <c r="E4026">
        <v>11040.1</v>
      </c>
      <c r="F4026">
        <v>16.081800000000001</v>
      </c>
    </row>
    <row r="4027" spans="1:6" x14ac:dyDescent="0.25">
      <c r="A4027">
        <v>142.26</v>
      </c>
      <c r="B4027">
        <v>196.78</v>
      </c>
      <c r="C4027">
        <v>9527.25</v>
      </c>
      <c r="D4027">
        <v>3.7</v>
      </c>
      <c r="E4027">
        <v>10915.4</v>
      </c>
      <c r="F4027">
        <v>16.085699999999999</v>
      </c>
    </row>
    <row r="4028" spans="1:6" x14ac:dyDescent="0.25">
      <c r="A4028">
        <v>142.26</v>
      </c>
      <c r="B4028">
        <v>196.78</v>
      </c>
      <c r="C4028">
        <v>9527.25</v>
      </c>
      <c r="D4028">
        <v>4</v>
      </c>
      <c r="E4028">
        <v>10807.7</v>
      </c>
      <c r="F4028">
        <v>16.075900000000001</v>
      </c>
    </row>
    <row r="4029" spans="1:6" x14ac:dyDescent="0.25">
      <c r="A4029">
        <v>142.26</v>
      </c>
      <c r="B4029">
        <v>196.78</v>
      </c>
      <c r="C4029">
        <v>11072.7</v>
      </c>
      <c r="D4029">
        <v>1</v>
      </c>
      <c r="E4029">
        <v>14999.4</v>
      </c>
      <c r="F4029">
        <v>15.405200000000001</v>
      </c>
    </row>
    <row r="4030" spans="1:6" x14ac:dyDescent="0.25">
      <c r="A4030">
        <v>142.26</v>
      </c>
      <c r="B4030">
        <v>196.78</v>
      </c>
      <c r="C4030">
        <v>11072.7</v>
      </c>
      <c r="D4030">
        <v>1.3</v>
      </c>
      <c r="E4030">
        <v>14126.8</v>
      </c>
      <c r="F4030">
        <v>16.369299999999999</v>
      </c>
    </row>
    <row r="4031" spans="1:6" x14ac:dyDescent="0.25">
      <c r="A4031">
        <v>142.26</v>
      </c>
      <c r="B4031">
        <v>196.78</v>
      </c>
      <c r="C4031">
        <v>11072.7</v>
      </c>
      <c r="D4031">
        <v>1.6</v>
      </c>
      <c r="E4031">
        <v>13520.4</v>
      </c>
      <c r="F4031">
        <v>16.450199999999999</v>
      </c>
    </row>
    <row r="4032" spans="1:6" x14ac:dyDescent="0.25">
      <c r="A4032">
        <v>142.26</v>
      </c>
      <c r="B4032">
        <v>196.78</v>
      </c>
      <c r="C4032">
        <v>11072.7</v>
      </c>
      <c r="D4032">
        <v>1.9</v>
      </c>
      <c r="E4032">
        <v>13326.2</v>
      </c>
      <c r="F4032">
        <v>16.490600000000001</v>
      </c>
    </row>
    <row r="4033" spans="1:6" x14ac:dyDescent="0.25">
      <c r="A4033">
        <v>142.26</v>
      </c>
      <c r="B4033">
        <v>196.78</v>
      </c>
      <c r="C4033">
        <v>11072.7</v>
      </c>
      <c r="D4033">
        <v>2.2000000000000002</v>
      </c>
      <c r="E4033">
        <v>13019.4</v>
      </c>
      <c r="F4033">
        <v>15.9641</v>
      </c>
    </row>
    <row r="4034" spans="1:6" x14ac:dyDescent="0.25">
      <c r="A4034">
        <v>142.26</v>
      </c>
      <c r="B4034">
        <v>196.78</v>
      </c>
      <c r="C4034">
        <v>11072.7</v>
      </c>
      <c r="D4034">
        <v>2.5</v>
      </c>
      <c r="E4034">
        <v>12998.2</v>
      </c>
      <c r="F4034">
        <v>16.028099999999998</v>
      </c>
    </row>
    <row r="4035" spans="1:6" x14ac:dyDescent="0.25">
      <c r="A4035">
        <v>142.26</v>
      </c>
      <c r="B4035">
        <v>196.78</v>
      </c>
      <c r="C4035">
        <v>11072.7</v>
      </c>
      <c r="D4035">
        <v>2.8</v>
      </c>
      <c r="E4035">
        <v>12766</v>
      </c>
      <c r="F4035">
        <v>16.055</v>
      </c>
    </row>
    <row r="4036" spans="1:6" x14ac:dyDescent="0.25">
      <c r="A4036">
        <v>142.26</v>
      </c>
      <c r="B4036">
        <v>196.78</v>
      </c>
      <c r="C4036">
        <v>11072.7</v>
      </c>
      <c r="D4036">
        <v>3.1</v>
      </c>
      <c r="E4036">
        <v>12717.6</v>
      </c>
      <c r="F4036">
        <v>16.077300000000001</v>
      </c>
    </row>
    <row r="4037" spans="1:6" x14ac:dyDescent="0.25">
      <c r="A4037">
        <v>142.26</v>
      </c>
      <c r="B4037">
        <v>196.78</v>
      </c>
      <c r="C4037">
        <v>11072.7</v>
      </c>
      <c r="D4037">
        <v>3.4</v>
      </c>
      <c r="E4037">
        <v>12557</v>
      </c>
      <c r="F4037">
        <v>16.081800000000001</v>
      </c>
    </row>
    <row r="4038" spans="1:6" x14ac:dyDescent="0.25">
      <c r="A4038">
        <v>142.26</v>
      </c>
      <c r="B4038">
        <v>196.78</v>
      </c>
      <c r="C4038">
        <v>11072.7</v>
      </c>
      <c r="D4038">
        <v>3.7</v>
      </c>
      <c r="E4038">
        <v>12419.6</v>
      </c>
      <c r="F4038">
        <v>16.085699999999999</v>
      </c>
    </row>
    <row r="4039" spans="1:6" x14ac:dyDescent="0.25">
      <c r="A4039">
        <v>142.26</v>
      </c>
      <c r="B4039">
        <v>196.78</v>
      </c>
      <c r="C4039">
        <v>11072.7</v>
      </c>
      <c r="D4039">
        <v>4</v>
      </c>
      <c r="E4039">
        <v>12418.2</v>
      </c>
      <c r="F4039">
        <v>16.075900000000001</v>
      </c>
    </row>
    <row r="4040" spans="1:6" x14ac:dyDescent="0.25">
      <c r="A4040">
        <v>142.26</v>
      </c>
      <c r="B4040">
        <v>196.78</v>
      </c>
      <c r="C4040">
        <v>12618.2</v>
      </c>
      <c r="D4040">
        <v>1</v>
      </c>
      <c r="E4040">
        <v>16677.900000000001</v>
      </c>
      <c r="F4040">
        <v>15.405200000000001</v>
      </c>
    </row>
    <row r="4041" spans="1:6" x14ac:dyDescent="0.25">
      <c r="A4041">
        <v>142.26</v>
      </c>
      <c r="B4041">
        <v>196.78</v>
      </c>
      <c r="C4041">
        <v>12618.2</v>
      </c>
      <c r="D4041">
        <v>1.3</v>
      </c>
      <c r="E4041">
        <v>15683.8</v>
      </c>
      <c r="F4041">
        <v>16.369299999999999</v>
      </c>
    </row>
    <row r="4042" spans="1:6" x14ac:dyDescent="0.25">
      <c r="A4042">
        <v>142.26</v>
      </c>
      <c r="B4042">
        <v>196.78</v>
      </c>
      <c r="C4042">
        <v>12618.2</v>
      </c>
      <c r="D4042">
        <v>1.6</v>
      </c>
      <c r="E4042">
        <v>15051.8</v>
      </c>
      <c r="F4042">
        <v>16.450199999999999</v>
      </c>
    </row>
    <row r="4043" spans="1:6" x14ac:dyDescent="0.25">
      <c r="A4043">
        <v>142.26</v>
      </c>
      <c r="B4043">
        <v>196.78</v>
      </c>
      <c r="C4043">
        <v>12618.2</v>
      </c>
      <c r="D4043">
        <v>1.9</v>
      </c>
      <c r="E4043">
        <v>14678.4</v>
      </c>
      <c r="F4043">
        <v>16.490600000000001</v>
      </c>
    </row>
    <row r="4044" spans="1:6" x14ac:dyDescent="0.25">
      <c r="A4044">
        <v>142.26</v>
      </c>
      <c r="B4044">
        <v>196.78</v>
      </c>
      <c r="C4044">
        <v>12618.2</v>
      </c>
      <c r="D4044">
        <v>2.2000000000000002</v>
      </c>
      <c r="E4044">
        <v>14689.9</v>
      </c>
      <c r="F4044">
        <v>15.9641</v>
      </c>
    </row>
    <row r="4045" spans="1:6" x14ac:dyDescent="0.25">
      <c r="A4045">
        <v>142.26</v>
      </c>
      <c r="B4045">
        <v>196.78</v>
      </c>
      <c r="C4045">
        <v>12618.2</v>
      </c>
      <c r="D4045">
        <v>2.5</v>
      </c>
      <c r="E4045">
        <v>14462.5</v>
      </c>
      <c r="F4045">
        <v>16.028099999999998</v>
      </c>
    </row>
    <row r="4046" spans="1:6" x14ac:dyDescent="0.25">
      <c r="A4046">
        <v>142.26</v>
      </c>
      <c r="B4046">
        <v>196.78</v>
      </c>
      <c r="C4046">
        <v>12618.2</v>
      </c>
      <c r="D4046">
        <v>2.8</v>
      </c>
      <c r="E4046">
        <v>14311</v>
      </c>
      <c r="F4046">
        <v>16.055</v>
      </c>
    </row>
    <row r="4047" spans="1:6" x14ac:dyDescent="0.25">
      <c r="A4047">
        <v>142.26</v>
      </c>
      <c r="B4047">
        <v>196.78</v>
      </c>
      <c r="C4047">
        <v>12618.2</v>
      </c>
      <c r="D4047">
        <v>3.1</v>
      </c>
      <c r="E4047">
        <v>14186.6</v>
      </c>
      <c r="F4047">
        <v>16.077300000000001</v>
      </c>
    </row>
    <row r="4048" spans="1:6" x14ac:dyDescent="0.25">
      <c r="A4048">
        <v>142.26</v>
      </c>
      <c r="B4048">
        <v>196.78</v>
      </c>
      <c r="C4048">
        <v>12618.2</v>
      </c>
      <c r="D4048">
        <v>3.4</v>
      </c>
      <c r="E4048">
        <v>14072.4</v>
      </c>
      <c r="F4048">
        <v>16.081800000000001</v>
      </c>
    </row>
    <row r="4049" spans="1:6" x14ac:dyDescent="0.25">
      <c r="A4049">
        <v>142.26</v>
      </c>
      <c r="B4049">
        <v>196.78</v>
      </c>
      <c r="C4049">
        <v>12618.2</v>
      </c>
      <c r="D4049">
        <v>3.7</v>
      </c>
      <c r="E4049">
        <v>13992.5</v>
      </c>
      <c r="F4049">
        <v>16.085699999999999</v>
      </c>
    </row>
    <row r="4050" spans="1:6" x14ac:dyDescent="0.25">
      <c r="A4050">
        <v>142.26</v>
      </c>
      <c r="B4050">
        <v>196.78</v>
      </c>
      <c r="C4050">
        <v>12618.2</v>
      </c>
      <c r="D4050">
        <v>4</v>
      </c>
      <c r="E4050">
        <v>13891.8</v>
      </c>
      <c r="F4050">
        <v>16.075900000000001</v>
      </c>
    </row>
    <row r="4051" spans="1:6" x14ac:dyDescent="0.25">
      <c r="A4051">
        <v>142.26</v>
      </c>
      <c r="B4051">
        <v>196.78</v>
      </c>
      <c r="C4051">
        <v>14163.6</v>
      </c>
      <c r="D4051">
        <v>1</v>
      </c>
      <c r="E4051">
        <v>18011.8</v>
      </c>
      <c r="F4051">
        <v>15.405200000000001</v>
      </c>
    </row>
    <row r="4052" spans="1:6" x14ac:dyDescent="0.25">
      <c r="A4052">
        <v>142.26</v>
      </c>
      <c r="B4052">
        <v>196.78</v>
      </c>
      <c r="C4052">
        <v>14163.6</v>
      </c>
      <c r="D4052">
        <v>1.3</v>
      </c>
      <c r="E4052">
        <v>17073</v>
      </c>
      <c r="F4052">
        <v>16.369299999999999</v>
      </c>
    </row>
    <row r="4053" spans="1:6" x14ac:dyDescent="0.25">
      <c r="A4053">
        <v>142.26</v>
      </c>
      <c r="B4053">
        <v>196.78</v>
      </c>
      <c r="C4053">
        <v>14163.6</v>
      </c>
      <c r="D4053">
        <v>1.6</v>
      </c>
      <c r="E4053">
        <v>16614.7</v>
      </c>
      <c r="F4053">
        <v>16.450199999999999</v>
      </c>
    </row>
    <row r="4054" spans="1:6" x14ac:dyDescent="0.25">
      <c r="A4054">
        <v>142.26</v>
      </c>
      <c r="B4054">
        <v>196.78</v>
      </c>
      <c r="C4054">
        <v>14163.6</v>
      </c>
      <c r="D4054">
        <v>1.9</v>
      </c>
      <c r="E4054">
        <v>16339.1</v>
      </c>
      <c r="F4054">
        <v>16.490600000000001</v>
      </c>
    </row>
    <row r="4055" spans="1:6" x14ac:dyDescent="0.25">
      <c r="A4055">
        <v>142.26</v>
      </c>
      <c r="B4055">
        <v>196.78</v>
      </c>
      <c r="C4055">
        <v>14163.6</v>
      </c>
      <c r="D4055">
        <v>2.2000000000000002</v>
      </c>
      <c r="E4055">
        <v>16249.5</v>
      </c>
      <c r="F4055">
        <v>15.9641</v>
      </c>
    </row>
    <row r="4056" spans="1:6" x14ac:dyDescent="0.25">
      <c r="A4056">
        <v>142.26</v>
      </c>
      <c r="B4056">
        <v>196.78</v>
      </c>
      <c r="C4056">
        <v>14163.6</v>
      </c>
      <c r="D4056">
        <v>2.5</v>
      </c>
      <c r="E4056">
        <v>15998.7</v>
      </c>
      <c r="F4056">
        <v>16.028099999999998</v>
      </c>
    </row>
    <row r="4057" spans="1:6" x14ac:dyDescent="0.25">
      <c r="A4057">
        <v>142.26</v>
      </c>
      <c r="B4057">
        <v>196.78</v>
      </c>
      <c r="C4057">
        <v>14163.6</v>
      </c>
      <c r="D4057">
        <v>2.8</v>
      </c>
      <c r="E4057">
        <v>15802.5</v>
      </c>
      <c r="F4057">
        <v>16.055</v>
      </c>
    </row>
    <row r="4058" spans="1:6" x14ac:dyDescent="0.25">
      <c r="A4058">
        <v>142.26</v>
      </c>
      <c r="B4058">
        <v>196.78</v>
      </c>
      <c r="C4058">
        <v>14163.6</v>
      </c>
      <c r="D4058">
        <v>3.1</v>
      </c>
      <c r="E4058">
        <v>15791.3</v>
      </c>
      <c r="F4058">
        <v>16.077300000000001</v>
      </c>
    </row>
    <row r="4059" spans="1:6" x14ac:dyDescent="0.25">
      <c r="A4059">
        <v>142.26</v>
      </c>
      <c r="B4059">
        <v>196.78</v>
      </c>
      <c r="C4059">
        <v>14163.6</v>
      </c>
      <c r="D4059">
        <v>3.4</v>
      </c>
      <c r="E4059">
        <v>15655.7</v>
      </c>
      <c r="F4059">
        <v>16.081800000000001</v>
      </c>
    </row>
    <row r="4060" spans="1:6" x14ac:dyDescent="0.25">
      <c r="A4060">
        <v>142.26</v>
      </c>
      <c r="B4060">
        <v>196.78</v>
      </c>
      <c r="C4060">
        <v>14163.6</v>
      </c>
      <c r="D4060">
        <v>3.7</v>
      </c>
      <c r="E4060">
        <v>15536</v>
      </c>
      <c r="F4060">
        <v>16.085699999999999</v>
      </c>
    </row>
    <row r="4061" spans="1:6" x14ac:dyDescent="0.25">
      <c r="A4061">
        <v>142.26</v>
      </c>
      <c r="B4061">
        <v>196.78</v>
      </c>
      <c r="C4061">
        <v>14163.6</v>
      </c>
      <c r="D4061">
        <v>4</v>
      </c>
      <c r="E4061">
        <v>15425.9</v>
      </c>
      <c r="F4061">
        <v>16.075900000000001</v>
      </c>
    </row>
    <row r="4062" spans="1:6" x14ac:dyDescent="0.25">
      <c r="A4062">
        <v>142.26</v>
      </c>
      <c r="B4062">
        <v>196.78</v>
      </c>
      <c r="C4062">
        <v>15709.1</v>
      </c>
      <c r="D4062">
        <v>1</v>
      </c>
      <c r="E4062">
        <v>19521.599999999999</v>
      </c>
      <c r="F4062">
        <v>15.405200000000001</v>
      </c>
    </row>
    <row r="4063" spans="1:6" x14ac:dyDescent="0.25">
      <c r="A4063">
        <v>142.26</v>
      </c>
      <c r="B4063">
        <v>196.78</v>
      </c>
      <c r="C4063">
        <v>15709.1</v>
      </c>
      <c r="D4063">
        <v>1.3</v>
      </c>
      <c r="E4063">
        <v>18612.2</v>
      </c>
      <c r="F4063">
        <v>16.369299999999999</v>
      </c>
    </row>
    <row r="4064" spans="1:6" x14ac:dyDescent="0.25">
      <c r="A4064">
        <v>142.26</v>
      </c>
      <c r="B4064">
        <v>196.78</v>
      </c>
      <c r="C4064">
        <v>15709.1</v>
      </c>
      <c r="D4064">
        <v>1.6</v>
      </c>
      <c r="E4064">
        <v>18265.900000000001</v>
      </c>
      <c r="F4064">
        <v>16.450199999999999</v>
      </c>
    </row>
    <row r="4065" spans="1:6" x14ac:dyDescent="0.25">
      <c r="A4065">
        <v>142.26</v>
      </c>
      <c r="B4065">
        <v>196.78</v>
      </c>
      <c r="C4065">
        <v>15709.1</v>
      </c>
      <c r="D4065">
        <v>1.9</v>
      </c>
      <c r="E4065">
        <v>17831.599999999999</v>
      </c>
      <c r="F4065">
        <v>16.490600000000001</v>
      </c>
    </row>
    <row r="4066" spans="1:6" x14ac:dyDescent="0.25">
      <c r="A4066">
        <v>142.26</v>
      </c>
      <c r="B4066">
        <v>196.78</v>
      </c>
      <c r="C4066">
        <v>15709.1</v>
      </c>
      <c r="D4066">
        <v>2.2000000000000002</v>
      </c>
      <c r="E4066">
        <v>17746.900000000001</v>
      </c>
      <c r="F4066">
        <v>15.9641</v>
      </c>
    </row>
    <row r="4067" spans="1:6" x14ac:dyDescent="0.25">
      <c r="A4067">
        <v>142.26</v>
      </c>
      <c r="B4067">
        <v>196.78</v>
      </c>
      <c r="C4067">
        <v>15709.1</v>
      </c>
      <c r="D4067">
        <v>2.5</v>
      </c>
      <c r="E4067">
        <v>17529.099999999999</v>
      </c>
      <c r="F4067">
        <v>16.028099999999998</v>
      </c>
    </row>
    <row r="4068" spans="1:6" x14ac:dyDescent="0.25">
      <c r="A4068">
        <v>142.26</v>
      </c>
      <c r="B4068">
        <v>196.78</v>
      </c>
      <c r="C4068">
        <v>15709.1</v>
      </c>
      <c r="D4068">
        <v>2.8</v>
      </c>
      <c r="E4068">
        <v>17358.400000000001</v>
      </c>
      <c r="F4068">
        <v>16.055</v>
      </c>
    </row>
    <row r="4069" spans="1:6" x14ac:dyDescent="0.25">
      <c r="A4069">
        <v>142.26</v>
      </c>
      <c r="B4069">
        <v>196.78</v>
      </c>
      <c r="C4069">
        <v>15709.1</v>
      </c>
      <c r="D4069">
        <v>3.1</v>
      </c>
      <c r="E4069">
        <v>17346</v>
      </c>
      <c r="F4069">
        <v>16.077300000000001</v>
      </c>
    </row>
    <row r="4070" spans="1:6" x14ac:dyDescent="0.25">
      <c r="A4070">
        <v>142.26</v>
      </c>
      <c r="B4070">
        <v>196.78</v>
      </c>
      <c r="C4070">
        <v>15709.1</v>
      </c>
      <c r="D4070">
        <v>3.4</v>
      </c>
      <c r="E4070">
        <v>17205.8</v>
      </c>
      <c r="F4070">
        <v>16.081800000000001</v>
      </c>
    </row>
    <row r="4071" spans="1:6" x14ac:dyDescent="0.25">
      <c r="A4071">
        <v>142.26</v>
      </c>
      <c r="B4071">
        <v>196.78</v>
      </c>
      <c r="C4071">
        <v>15709.1</v>
      </c>
      <c r="D4071">
        <v>3.7</v>
      </c>
      <c r="E4071">
        <v>17081.5</v>
      </c>
      <c r="F4071">
        <v>16.085699999999999</v>
      </c>
    </row>
    <row r="4072" spans="1:6" x14ac:dyDescent="0.25">
      <c r="A4072">
        <v>142.26</v>
      </c>
      <c r="B4072">
        <v>196.78</v>
      </c>
      <c r="C4072">
        <v>15709.1</v>
      </c>
      <c r="D4072">
        <v>4</v>
      </c>
      <c r="E4072">
        <v>17093.3</v>
      </c>
      <c r="F4072">
        <v>16.075900000000001</v>
      </c>
    </row>
    <row r="4073" spans="1:6" x14ac:dyDescent="0.25">
      <c r="A4073">
        <v>142.26</v>
      </c>
      <c r="B4073">
        <v>196.78</v>
      </c>
      <c r="C4073">
        <v>17254.5</v>
      </c>
      <c r="D4073">
        <v>1</v>
      </c>
      <c r="E4073">
        <v>21234.799999999999</v>
      </c>
      <c r="F4073">
        <v>15.405200000000001</v>
      </c>
    </row>
    <row r="4074" spans="1:6" x14ac:dyDescent="0.25">
      <c r="A4074">
        <v>142.26</v>
      </c>
      <c r="B4074">
        <v>196.78</v>
      </c>
      <c r="C4074">
        <v>17254.5</v>
      </c>
      <c r="D4074">
        <v>1.3</v>
      </c>
      <c r="E4074">
        <v>20178.7</v>
      </c>
      <c r="F4074">
        <v>16.369299999999999</v>
      </c>
    </row>
    <row r="4075" spans="1:6" x14ac:dyDescent="0.25">
      <c r="A4075">
        <v>142.26</v>
      </c>
      <c r="B4075">
        <v>196.78</v>
      </c>
      <c r="C4075">
        <v>17254.5</v>
      </c>
      <c r="D4075">
        <v>1.6</v>
      </c>
      <c r="E4075">
        <v>19746.7</v>
      </c>
      <c r="F4075">
        <v>16.450199999999999</v>
      </c>
    </row>
    <row r="4076" spans="1:6" x14ac:dyDescent="0.25">
      <c r="A4076">
        <v>142.26</v>
      </c>
      <c r="B4076">
        <v>196.78</v>
      </c>
      <c r="C4076">
        <v>17254.5</v>
      </c>
      <c r="D4076">
        <v>1.9</v>
      </c>
      <c r="E4076">
        <v>19542.3</v>
      </c>
      <c r="F4076">
        <v>16.490600000000001</v>
      </c>
    </row>
    <row r="4077" spans="1:6" x14ac:dyDescent="0.25">
      <c r="A4077">
        <v>142.26</v>
      </c>
      <c r="B4077">
        <v>196.78</v>
      </c>
      <c r="C4077">
        <v>17254.5</v>
      </c>
      <c r="D4077">
        <v>2.2000000000000002</v>
      </c>
      <c r="E4077">
        <v>19339.599999999999</v>
      </c>
      <c r="F4077">
        <v>15.9641</v>
      </c>
    </row>
    <row r="4078" spans="1:6" x14ac:dyDescent="0.25">
      <c r="A4078">
        <v>142.26</v>
      </c>
      <c r="B4078">
        <v>196.78</v>
      </c>
      <c r="C4078">
        <v>17254.5</v>
      </c>
      <c r="D4078">
        <v>2.5</v>
      </c>
      <c r="E4078">
        <v>19142</v>
      </c>
      <c r="F4078">
        <v>16.028099999999998</v>
      </c>
    </row>
    <row r="4079" spans="1:6" x14ac:dyDescent="0.25">
      <c r="A4079">
        <v>142.26</v>
      </c>
      <c r="B4079">
        <v>196.78</v>
      </c>
      <c r="C4079">
        <v>17254.5</v>
      </c>
      <c r="D4079">
        <v>2.8</v>
      </c>
      <c r="E4079">
        <v>18968.8</v>
      </c>
      <c r="F4079">
        <v>16.055</v>
      </c>
    </row>
    <row r="4080" spans="1:6" x14ac:dyDescent="0.25">
      <c r="A4080">
        <v>142.26</v>
      </c>
      <c r="B4080">
        <v>196.78</v>
      </c>
      <c r="C4080">
        <v>17254.5</v>
      </c>
      <c r="D4080">
        <v>3.1</v>
      </c>
      <c r="E4080">
        <v>18863.099999999999</v>
      </c>
      <c r="F4080">
        <v>16.077300000000001</v>
      </c>
    </row>
    <row r="4081" spans="1:6" x14ac:dyDescent="0.25">
      <c r="A4081">
        <v>142.26</v>
      </c>
      <c r="B4081">
        <v>196.78</v>
      </c>
      <c r="C4081">
        <v>17254.5</v>
      </c>
      <c r="D4081">
        <v>3.4</v>
      </c>
      <c r="E4081">
        <v>18722.2</v>
      </c>
      <c r="F4081">
        <v>16.081800000000001</v>
      </c>
    </row>
    <row r="4082" spans="1:6" x14ac:dyDescent="0.25">
      <c r="A4082">
        <v>142.26</v>
      </c>
      <c r="B4082">
        <v>196.78</v>
      </c>
      <c r="C4082">
        <v>17254.5</v>
      </c>
      <c r="D4082">
        <v>3.7</v>
      </c>
      <c r="E4082">
        <v>18598.099999999999</v>
      </c>
      <c r="F4082">
        <v>16.085699999999999</v>
      </c>
    </row>
    <row r="4083" spans="1:6" x14ac:dyDescent="0.25">
      <c r="A4083">
        <v>142.26</v>
      </c>
      <c r="B4083">
        <v>196.78</v>
      </c>
      <c r="C4083">
        <v>17254.5</v>
      </c>
      <c r="D4083">
        <v>4</v>
      </c>
      <c r="E4083">
        <v>18656.599999999999</v>
      </c>
      <c r="F4083">
        <v>16.075900000000001</v>
      </c>
    </row>
    <row r="4084" spans="1:6" x14ac:dyDescent="0.25">
      <c r="A4084">
        <v>142.26</v>
      </c>
      <c r="B4084">
        <v>196.78</v>
      </c>
      <c r="C4084">
        <v>18800</v>
      </c>
      <c r="D4084">
        <v>1</v>
      </c>
      <c r="E4084">
        <v>22596.7</v>
      </c>
      <c r="F4084">
        <v>15.405200000000001</v>
      </c>
    </row>
    <row r="4085" spans="1:6" x14ac:dyDescent="0.25">
      <c r="A4085">
        <v>142.26</v>
      </c>
      <c r="B4085">
        <v>196.78</v>
      </c>
      <c r="C4085">
        <v>18800</v>
      </c>
      <c r="D4085">
        <v>1.3</v>
      </c>
      <c r="E4085">
        <v>21653</v>
      </c>
      <c r="F4085">
        <v>16.369299999999999</v>
      </c>
    </row>
    <row r="4086" spans="1:6" x14ac:dyDescent="0.25">
      <c r="A4086">
        <v>142.26</v>
      </c>
      <c r="B4086">
        <v>196.78</v>
      </c>
      <c r="C4086">
        <v>18800</v>
      </c>
      <c r="D4086">
        <v>1.6</v>
      </c>
      <c r="E4086">
        <v>21358.3</v>
      </c>
      <c r="F4086">
        <v>16.450199999999999</v>
      </c>
    </row>
    <row r="4087" spans="1:6" x14ac:dyDescent="0.25">
      <c r="A4087">
        <v>142.26</v>
      </c>
      <c r="B4087">
        <v>196.78</v>
      </c>
      <c r="C4087">
        <v>18800</v>
      </c>
      <c r="D4087">
        <v>1.9</v>
      </c>
      <c r="E4087">
        <v>21062.7</v>
      </c>
      <c r="F4087">
        <v>16.490600000000001</v>
      </c>
    </row>
    <row r="4088" spans="1:6" x14ac:dyDescent="0.25">
      <c r="A4088">
        <v>142.26</v>
      </c>
      <c r="B4088">
        <v>196.78</v>
      </c>
      <c r="C4088">
        <v>18800</v>
      </c>
      <c r="D4088">
        <v>2.2000000000000002</v>
      </c>
      <c r="E4088">
        <v>20887</v>
      </c>
      <c r="F4088">
        <v>15.9641</v>
      </c>
    </row>
    <row r="4089" spans="1:6" x14ac:dyDescent="0.25">
      <c r="A4089">
        <v>142.26</v>
      </c>
      <c r="B4089">
        <v>196.78</v>
      </c>
      <c r="C4089">
        <v>18800</v>
      </c>
      <c r="D4089">
        <v>2.5</v>
      </c>
      <c r="E4089">
        <v>20575.099999999999</v>
      </c>
      <c r="F4089">
        <v>16.028099999999998</v>
      </c>
    </row>
    <row r="4090" spans="1:6" x14ac:dyDescent="0.25">
      <c r="A4090">
        <v>142.26</v>
      </c>
      <c r="B4090">
        <v>196.78</v>
      </c>
      <c r="C4090">
        <v>18800</v>
      </c>
      <c r="D4090">
        <v>2.8</v>
      </c>
      <c r="E4090">
        <v>20486.3</v>
      </c>
      <c r="F4090">
        <v>16.055</v>
      </c>
    </row>
    <row r="4091" spans="1:6" x14ac:dyDescent="0.25">
      <c r="A4091">
        <v>142.26</v>
      </c>
      <c r="B4091">
        <v>196.78</v>
      </c>
      <c r="C4091">
        <v>18800</v>
      </c>
      <c r="D4091">
        <v>3.1</v>
      </c>
      <c r="E4091">
        <v>20311.3</v>
      </c>
      <c r="F4091">
        <v>16.077300000000001</v>
      </c>
    </row>
    <row r="4092" spans="1:6" x14ac:dyDescent="0.25">
      <c r="A4092">
        <v>142.26</v>
      </c>
      <c r="B4092">
        <v>196.78</v>
      </c>
      <c r="C4092">
        <v>18800</v>
      </c>
      <c r="D4092">
        <v>3.4</v>
      </c>
      <c r="E4092">
        <v>20333.900000000001</v>
      </c>
      <c r="F4092">
        <v>16.081800000000001</v>
      </c>
    </row>
    <row r="4093" spans="1:6" x14ac:dyDescent="0.25">
      <c r="A4093">
        <v>142.26</v>
      </c>
      <c r="B4093">
        <v>196.78</v>
      </c>
      <c r="C4093">
        <v>18800</v>
      </c>
      <c r="D4093">
        <v>3.7</v>
      </c>
      <c r="E4093">
        <v>20177</v>
      </c>
      <c r="F4093">
        <v>16.085699999999999</v>
      </c>
    </row>
    <row r="4094" spans="1:6" x14ac:dyDescent="0.25">
      <c r="A4094">
        <v>142.26</v>
      </c>
      <c r="B4094">
        <v>196.78</v>
      </c>
      <c r="C4094">
        <v>18800</v>
      </c>
      <c r="D4094">
        <v>4</v>
      </c>
      <c r="E4094">
        <v>20061.599999999999</v>
      </c>
      <c r="F4094">
        <v>16.075900000000001</v>
      </c>
    </row>
    <row r="4095" spans="1:6" x14ac:dyDescent="0.25">
      <c r="A4095">
        <v>142.26</v>
      </c>
      <c r="B4095">
        <v>200.41</v>
      </c>
      <c r="C4095">
        <v>1800</v>
      </c>
      <c r="D4095">
        <v>1</v>
      </c>
      <c r="E4095">
        <v>5630.42</v>
      </c>
      <c r="F4095">
        <v>55.694600000000001</v>
      </c>
    </row>
    <row r="4096" spans="1:6" x14ac:dyDescent="0.25">
      <c r="A4096">
        <v>142.26</v>
      </c>
      <c r="B4096">
        <v>200.41</v>
      </c>
      <c r="C4096">
        <v>1800</v>
      </c>
      <c r="D4096">
        <v>1.3</v>
      </c>
      <c r="E4096">
        <v>5038.91</v>
      </c>
      <c r="F4096">
        <v>68.851100000000002</v>
      </c>
    </row>
    <row r="4097" spans="1:6" x14ac:dyDescent="0.25">
      <c r="A4097">
        <v>142.26</v>
      </c>
      <c r="B4097">
        <v>200.41</v>
      </c>
      <c r="C4097">
        <v>1800</v>
      </c>
      <c r="D4097">
        <v>1.6</v>
      </c>
      <c r="E4097">
        <v>4580.29</v>
      </c>
      <c r="F4097">
        <v>76.487499999999997</v>
      </c>
    </row>
    <row r="4098" spans="1:6" x14ac:dyDescent="0.25">
      <c r="A4098">
        <v>142.26</v>
      </c>
      <c r="B4098">
        <v>200.41</v>
      </c>
      <c r="C4098">
        <v>1800</v>
      </c>
      <c r="D4098">
        <v>1.9</v>
      </c>
      <c r="E4098">
        <v>4276.71</v>
      </c>
      <c r="F4098">
        <v>84.554900000000004</v>
      </c>
    </row>
    <row r="4099" spans="1:6" x14ac:dyDescent="0.25">
      <c r="A4099">
        <v>142.26</v>
      </c>
      <c r="B4099">
        <v>200.41</v>
      </c>
      <c r="C4099">
        <v>1800</v>
      </c>
      <c r="D4099">
        <v>2.2000000000000002</v>
      </c>
      <c r="E4099">
        <v>4052.64</v>
      </c>
      <c r="F4099">
        <v>87.619500000000002</v>
      </c>
    </row>
    <row r="4100" spans="1:6" x14ac:dyDescent="0.25">
      <c r="A4100">
        <v>142.26</v>
      </c>
      <c r="B4100">
        <v>200.41</v>
      </c>
      <c r="C4100">
        <v>1800</v>
      </c>
      <c r="D4100">
        <v>2.5</v>
      </c>
      <c r="E4100">
        <v>3862.43</v>
      </c>
      <c r="F4100">
        <v>92.676400000000001</v>
      </c>
    </row>
    <row r="4101" spans="1:6" x14ac:dyDescent="0.25">
      <c r="A4101">
        <v>142.26</v>
      </c>
      <c r="B4101">
        <v>200.41</v>
      </c>
      <c r="C4101">
        <v>1800</v>
      </c>
      <c r="D4101">
        <v>2.8</v>
      </c>
      <c r="E4101">
        <v>3708.28</v>
      </c>
      <c r="F4101">
        <v>97.774100000000004</v>
      </c>
    </row>
    <row r="4102" spans="1:6" x14ac:dyDescent="0.25">
      <c r="A4102">
        <v>142.26</v>
      </c>
      <c r="B4102">
        <v>200.41</v>
      </c>
      <c r="C4102">
        <v>1800</v>
      </c>
      <c r="D4102">
        <v>3.1</v>
      </c>
      <c r="E4102">
        <v>3579.08</v>
      </c>
      <c r="F4102">
        <v>103.911</v>
      </c>
    </row>
    <row r="4103" spans="1:6" x14ac:dyDescent="0.25">
      <c r="A4103">
        <v>142.26</v>
      </c>
      <c r="B4103">
        <v>200.41</v>
      </c>
      <c r="C4103">
        <v>1800</v>
      </c>
      <c r="D4103">
        <v>3.4</v>
      </c>
      <c r="E4103">
        <v>3508.53</v>
      </c>
      <c r="F4103">
        <v>104.395</v>
      </c>
    </row>
    <row r="4104" spans="1:6" x14ac:dyDescent="0.25">
      <c r="A4104">
        <v>142.26</v>
      </c>
      <c r="B4104">
        <v>200.41</v>
      </c>
      <c r="C4104">
        <v>1800</v>
      </c>
      <c r="D4104">
        <v>3.7</v>
      </c>
      <c r="E4104">
        <v>3419.69</v>
      </c>
      <c r="F4104">
        <v>108.489</v>
      </c>
    </row>
    <row r="4105" spans="1:6" x14ac:dyDescent="0.25">
      <c r="A4105">
        <v>142.26</v>
      </c>
      <c r="B4105">
        <v>200.41</v>
      </c>
      <c r="C4105">
        <v>1800</v>
      </c>
      <c r="D4105">
        <v>4</v>
      </c>
      <c r="E4105">
        <v>3357.79</v>
      </c>
      <c r="F4105">
        <v>113.348</v>
      </c>
    </row>
    <row r="4106" spans="1:6" x14ac:dyDescent="0.25">
      <c r="A4106">
        <v>142.26</v>
      </c>
      <c r="B4106">
        <v>200.41</v>
      </c>
      <c r="C4106">
        <v>3345.45</v>
      </c>
      <c r="D4106">
        <v>1</v>
      </c>
      <c r="E4106">
        <v>6839.5</v>
      </c>
      <c r="F4106">
        <v>27.985399999999998</v>
      </c>
    </row>
    <row r="4107" spans="1:6" x14ac:dyDescent="0.25">
      <c r="A4107">
        <v>142.26</v>
      </c>
      <c r="B4107">
        <v>200.41</v>
      </c>
      <c r="C4107">
        <v>3345.45</v>
      </c>
      <c r="D4107">
        <v>1.3</v>
      </c>
      <c r="E4107">
        <v>6336.96</v>
      </c>
      <c r="F4107">
        <v>32.643500000000003</v>
      </c>
    </row>
    <row r="4108" spans="1:6" x14ac:dyDescent="0.25">
      <c r="A4108">
        <v>142.26</v>
      </c>
      <c r="B4108">
        <v>200.41</v>
      </c>
      <c r="C4108">
        <v>3345.45</v>
      </c>
      <c r="D4108">
        <v>1.6</v>
      </c>
      <c r="E4108">
        <v>6024.89</v>
      </c>
      <c r="F4108">
        <v>39.701999999999998</v>
      </c>
    </row>
    <row r="4109" spans="1:6" x14ac:dyDescent="0.25">
      <c r="A4109">
        <v>142.26</v>
      </c>
      <c r="B4109">
        <v>200.41</v>
      </c>
      <c r="C4109">
        <v>3345.45</v>
      </c>
      <c r="D4109">
        <v>1.9</v>
      </c>
      <c r="E4109">
        <v>5762.39</v>
      </c>
      <c r="F4109">
        <v>41.216799999999999</v>
      </c>
    </row>
    <row r="4110" spans="1:6" x14ac:dyDescent="0.25">
      <c r="A4110">
        <v>142.26</v>
      </c>
      <c r="B4110">
        <v>200.41</v>
      </c>
      <c r="C4110">
        <v>3345.45</v>
      </c>
      <c r="D4110">
        <v>2.2000000000000002</v>
      </c>
      <c r="E4110">
        <v>5508.65</v>
      </c>
      <c r="F4110">
        <v>49.104900000000001</v>
      </c>
    </row>
    <row r="4111" spans="1:6" x14ac:dyDescent="0.25">
      <c r="A4111">
        <v>142.26</v>
      </c>
      <c r="B4111">
        <v>200.41</v>
      </c>
      <c r="C4111">
        <v>3345.45</v>
      </c>
      <c r="D4111">
        <v>2.5</v>
      </c>
      <c r="E4111">
        <v>5333.76</v>
      </c>
      <c r="F4111">
        <v>51.404299999999999</v>
      </c>
    </row>
    <row r="4112" spans="1:6" x14ac:dyDescent="0.25">
      <c r="A4112">
        <v>142.26</v>
      </c>
      <c r="B4112">
        <v>200.41</v>
      </c>
      <c r="C4112">
        <v>3345.45</v>
      </c>
      <c r="D4112">
        <v>2.8</v>
      </c>
      <c r="E4112">
        <v>5149.3599999999997</v>
      </c>
      <c r="F4112">
        <v>54.9754</v>
      </c>
    </row>
    <row r="4113" spans="1:6" x14ac:dyDescent="0.25">
      <c r="A4113">
        <v>142.26</v>
      </c>
      <c r="B4113">
        <v>200.41</v>
      </c>
      <c r="C4113">
        <v>3345.45</v>
      </c>
      <c r="D4113">
        <v>3.1</v>
      </c>
      <c r="E4113">
        <v>5041.8500000000004</v>
      </c>
      <c r="F4113">
        <v>54.912199999999999</v>
      </c>
    </row>
    <row r="4114" spans="1:6" x14ac:dyDescent="0.25">
      <c r="A4114">
        <v>142.26</v>
      </c>
      <c r="B4114">
        <v>200.41</v>
      </c>
      <c r="C4114">
        <v>3345.45</v>
      </c>
      <c r="D4114">
        <v>3.4</v>
      </c>
      <c r="E4114">
        <v>4910.79</v>
      </c>
      <c r="F4114">
        <v>60.842300000000002</v>
      </c>
    </row>
    <row r="4115" spans="1:6" x14ac:dyDescent="0.25">
      <c r="A4115">
        <v>142.26</v>
      </c>
      <c r="B4115">
        <v>200.41</v>
      </c>
      <c r="C4115">
        <v>3345.45</v>
      </c>
      <c r="D4115">
        <v>3.7</v>
      </c>
      <c r="E4115">
        <v>4825.6099999999997</v>
      </c>
      <c r="F4115">
        <v>63.638500000000001</v>
      </c>
    </row>
    <row r="4116" spans="1:6" x14ac:dyDescent="0.25">
      <c r="A4116">
        <v>142.26</v>
      </c>
      <c r="B4116">
        <v>200.41</v>
      </c>
      <c r="C4116">
        <v>3345.45</v>
      </c>
      <c r="D4116">
        <v>4</v>
      </c>
      <c r="E4116">
        <v>4797.5600000000004</v>
      </c>
      <c r="F4116">
        <v>66.675399999999996</v>
      </c>
    </row>
    <row r="4117" spans="1:6" x14ac:dyDescent="0.25">
      <c r="A4117">
        <v>142.26</v>
      </c>
      <c r="B4117">
        <v>200.41</v>
      </c>
      <c r="C4117">
        <v>4890.8999999999996</v>
      </c>
      <c r="D4117">
        <v>1</v>
      </c>
      <c r="E4117">
        <v>8203.69</v>
      </c>
      <c r="F4117">
        <v>11.8453</v>
      </c>
    </row>
    <row r="4118" spans="1:6" x14ac:dyDescent="0.25">
      <c r="A4118">
        <v>142.26</v>
      </c>
      <c r="B4118">
        <v>200.41</v>
      </c>
      <c r="C4118">
        <v>4890.8999999999996</v>
      </c>
      <c r="D4118">
        <v>1.3</v>
      </c>
      <c r="E4118">
        <v>7906.16</v>
      </c>
      <c r="F4118">
        <v>14.283200000000001</v>
      </c>
    </row>
    <row r="4119" spans="1:6" x14ac:dyDescent="0.25">
      <c r="A4119">
        <v>142.26</v>
      </c>
      <c r="B4119">
        <v>200.41</v>
      </c>
      <c r="C4119">
        <v>4890.8999999999996</v>
      </c>
      <c r="D4119">
        <v>1.6</v>
      </c>
      <c r="E4119">
        <v>7255.39</v>
      </c>
      <c r="F4119">
        <v>14.173400000000001</v>
      </c>
    </row>
    <row r="4120" spans="1:6" x14ac:dyDescent="0.25">
      <c r="A4120">
        <v>142.26</v>
      </c>
      <c r="B4120">
        <v>200.41</v>
      </c>
      <c r="C4120">
        <v>4890.8999999999996</v>
      </c>
      <c r="D4120">
        <v>1.9</v>
      </c>
      <c r="E4120">
        <v>7131.17</v>
      </c>
      <c r="F4120">
        <v>13.783799999999999</v>
      </c>
    </row>
    <row r="4121" spans="1:6" x14ac:dyDescent="0.25">
      <c r="A4121">
        <v>142.26</v>
      </c>
      <c r="B4121">
        <v>200.41</v>
      </c>
      <c r="C4121">
        <v>4890.8999999999996</v>
      </c>
      <c r="D4121">
        <v>2.2000000000000002</v>
      </c>
      <c r="E4121">
        <v>6925.05</v>
      </c>
      <c r="F4121">
        <v>14.2498</v>
      </c>
    </row>
    <row r="4122" spans="1:6" x14ac:dyDescent="0.25">
      <c r="A4122">
        <v>142.26</v>
      </c>
      <c r="B4122">
        <v>200.41</v>
      </c>
      <c r="C4122">
        <v>4890.8999999999996</v>
      </c>
      <c r="D4122">
        <v>2.5</v>
      </c>
      <c r="E4122">
        <v>6780.3</v>
      </c>
      <c r="F4122">
        <v>14.093999999999999</v>
      </c>
    </row>
    <row r="4123" spans="1:6" x14ac:dyDescent="0.25">
      <c r="A4123">
        <v>142.26</v>
      </c>
      <c r="B4123">
        <v>200.41</v>
      </c>
      <c r="C4123">
        <v>4890.8999999999996</v>
      </c>
      <c r="D4123">
        <v>2.8</v>
      </c>
      <c r="E4123">
        <v>6583.69</v>
      </c>
      <c r="F4123">
        <v>13.511100000000001</v>
      </c>
    </row>
    <row r="4124" spans="1:6" x14ac:dyDescent="0.25">
      <c r="A4124">
        <v>142.26</v>
      </c>
      <c r="B4124">
        <v>200.41</v>
      </c>
      <c r="C4124">
        <v>4890.8999999999996</v>
      </c>
      <c r="D4124">
        <v>3.1</v>
      </c>
      <c r="E4124">
        <v>6501.5</v>
      </c>
      <c r="F4124">
        <v>17.065999999999999</v>
      </c>
    </row>
    <row r="4125" spans="1:6" x14ac:dyDescent="0.25">
      <c r="A4125">
        <v>142.26</v>
      </c>
      <c r="B4125">
        <v>200.41</v>
      </c>
      <c r="C4125">
        <v>4890.8999999999996</v>
      </c>
      <c r="D4125">
        <v>3.4</v>
      </c>
      <c r="E4125">
        <v>6489.58</v>
      </c>
      <c r="F4125">
        <v>19.985099999999999</v>
      </c>
    </row>
    <row r="4126" spans="1:6" x14ac:dyDescent="0.25">
      <c r="A4126">
        <v>142.26</v>
      </c>
      <c r="B4126">
        <v>200.41</v>
      </c>
      <c r="C4126">
        <v>4890.8999999999996</v>
      </c>
      <c r="D4126">
        <v>3.7</v>
      </c>
      <c r="E4126">
        <v>6269.73</v>
      </c>
      <c r="F4126">
        <v>22.044799999999999</v>
      </c>
    </row>
    <row r="4127" spans="1:6" x14ac:dyDescent="0.25">
      <c r="A4127">
        <v>142.26</v>
      </c>
      <c r="B4127">
        <v>200.41</v>
      </c>
      <c r="C4127">
        <v>4890.8999999999996</v>
      </c>
      <c r="D4127">
        <v>4</v>
      </c>
      <c r="E4127">
        <v>6220.78</v>
      </c>
      <c r="F4127">
        <v>23.9756</v>
      </c>
    </row>
    <row r="4128" spans="1:6" x14ac:dyDescent="0.25">
      <c r="A4128">
        <v>142.26</v>
      </c>
      <c r="B4128">
        <v>200.41</v>
      </c>
      <c r="C4128">
        <v>6436.35</v>
      </c>
      <c r="D4128">
        <v>1</v>
      </c>
      <c r="E4128">
        <v>10424.799999999999</v>
      </c>
      <c r="F4128">
        <v>15.405200000000001</v>
      </c>
    </row>
    <row r="4129" spans="1:6" x14ac:dyDescent="0.25">
      <c r="A4129">
        <v>142.26</v>
      </c>
      <c r="B4129">
        <v>200.41</v>
      </c>
      <c r="C4129">
        <v>6436.35</v>
      </c>
      <c r="D4129">
        <v>1.3</v>
      </c>
      <c r="E4129">
        <v>9396.5</v>
      </c>
      <c r="F4129">
        <v>14.7537</v>
      </c>
    </row>
    <row r="4130" spans="1:6" x14ac:dyDescent="0.25">
      <c r="A4130">
        <v>142.26</v>
      </c>
      <c r="B4130">
        <v>200.41</v>
      </c>
      <c r="C4130">
        <v>6436.35</v>
      </c>
      <c r="D4130">
        <v>1.6</v>
      </c>
      <c r="E4130">
        <v>9042.59</v>
      </c>
      <c r="F4130">
        <v>14.1135</v>
      </c>
    </row>
    <row r="4131" spans="1:6" x14ac:dyDescent="0.25">
      <c r="A4131">
        <v>142.26</v>
      </c>
      <c r="B4131">
        <v>200.41</v>
      </c>
      <c r="C4131">
        <v>6436.35</v>
      </c>
      <c r="D4131">
        <v>1.9</v>
      </c>
      <c r="E4131">
        <v>8559.5300000000007</v>
      </c>
      <c r="F4131">
        <v>14.279400000000001</v>
      </c>
    </row>
    <row r="4132" spans="1:6" x14ac:dyDescent="0.25">
      <c r="A4132">
        <v>142.26</v>
      </c>
      <c r="B4132">
        <v>200.41</v>
      </c>
      <c r="C4132">
        <v>6436.35</v>
      </c>
      <c r="D4132">
        <v>2.2000000000000002</v>
      </c>
      <c r="E4132">
        <v>8497.2099999999991</v>
      </c>
      <c r="F4132">
        <v>15.9641</v>
      </c>
    </row>
    <row r="4133" spans="1:6" x14ac:dyDescent="0.25">
      <c r="A4133">
        <v>142.26</v>
      </c>
      <c r="B4133">
        <v>200.41</v>
      </c>
      <c r="C4133">
        <v>6436.35</v>
      </c>
      <c r="D4133">
        <v>2.5</v>
      </c>
      <c r="E4133">
        <v>8273.94</v>
      </c>
      <c r="F4133">
        <v>16.028099999999998</v>
      </c>
    </row>
    <row r="4134" spans="1:6" x14ac:dyDescent="0.25">
      <c r="A4134">
        <v>142.26</v>
      </c>
      <c r="B4134">
        <v>200.41</v>
      </c>
      <c r="C4134">
        <v>6436.35</v>
      </c>
      <c r="D4134">
        <v>2.8</v>
      </c>
      <c r="E4134">
        <v>8133.21</v>
      </c>
      <c r="F4134">
        <v>16.055</v>
      </c>
    </row>
    <row r="4135" spans="1:6" x14ac:dyDescent="0.25">
      <c r="A4135">
        <v>142.26</v>
      </c>
      <c r="B4135">
        <v>200.41</v>
      </c>
      <c r="C4135">
        <v>6436.35</v>
      </c>
      <c r="D4135">
        <v>3.1</v>
      </c>
      <c r="E4135">
        <v>8019.84</v>
      </c>
      <c r="F4135">
        <v>16.066299999999998</v>
      </c>
    </row>
    <row r="4136" spans="1:6" x14ac:dyDescent="0.25">
      <c r="A4136">
        <v>142.26</v>
      </c>
      <c r="B4136">
        <v>200.41</v>
      </c>
      <c r="C4136">
        <v>6436.35</v>
      </c>
      <c r="D4136">
        <v>3.4</v>
      </c>
      <c r="E4136">
        <v>7925.14</v>
      </c>
      <c r="F4136">
        <v>15.8484</v>
      </c>
    </row>
    <row r="4137" spans="1:6" x14ac:dyDescent="0.25">
      <c r="A4137">
        <v>142.26</v>
      </c>
      <c r="B4137">
        <v>200.41</v>
      </c>
      <c r="C4137">
        <v>6436.35</v>
      </c>
      <c r="D4137">
        <v>3.7</v>
      </c>
      <c r="E4137">
        <v>7788.34</v>
      </c>
      <c r="F4137">
        <v>15.674799999999999</v>
      </c>
    </row>
    <row r="4138" spans="1:6" x14ac:dyDescent="0.25">
      <c r="A4138">
        <v>142.26</v>
      </c>
      <c r="B4138">
        <v>200.41</v>
      </c>
      <c r="C4138">
        <v>6436.35</v>
      </c>
      <c r="D4138">
        <v>4</v>
      </c>
      <c r="E4138">
        <v>7781.15</v>
      </c>
      <c r="F4138">
        <v>15.530900000000001</v>
      </c>
    </row>
    <row r="4139" spans="1:6" x14ac:dyDescent="0.25">
      <c r="A4139">
        <v>142.26</v>
      </c>
      <c r="B4139">
        <v>200.41</v>
      </c>
      <c r="C4139">
        <v>7981.8</v>
      </c>
      <c r="D4139">
        <v>1</v>
      </c>
      <c r="E4139">
        <v>11848.6</v>
      </c>
      <c r="F4139">
        <v>15.405200000000001</v>
      </c>
    </row>
    <row r="4140" spans="1:6" x14ac:dyDescent="0.25">
      <c r="A4140">
        <v>142.26</v>
      </c>
      <c r="B4140">
        <v>200.41</v>
      </c>
      <c r="C4140">
        <v>7981.8</v>
      </c>
      <c r="D4140">
        <v>1.3</v>
      </c>
      <c r="E4140">
        <v>10974.7</v>
      </c>
      <c r="F4140">
        <v>16.369299999999999</v>
      </c>
    </row>
    <row r="4141" spans="1:6" x14ac:dyDescent="0.25">
      <c r="A4141">
        <v>142.26</v>
      </c>
      <c r="B4141">
        <v>200.41</v>
      </c>
      <c r="C4141">
        <v>7981.8</v>
      </c>
      <c r="D4141">
        <v>1.6</v>
      </c>
      <c r="E4141">
        <v>10420</v>
      </c>
      <c r="F4141">
        <v>16.450199999999999</v>
      </c>
    </row>
    <row r="4142" spans="1:6" x14ac:dyDescent="0.25">
      <c r="A4142">
        <v>142.26</v>
      </c>
      <c r="B4142">
        <v>200.41</v>
      </c>
      <c r="C4142">
        <v>7981.8</v>
      </c>
      <c r="D4142">
        <v>1.9</v>
      </c>
      <c r="E4142">
        <v>10263</v>
      </c>
      <c r="F4142">
        <v>16.490600000000001</v>
      </c>
    </row>
    <row r="4143" spans="1:6" x14ac:dyDescent="0.25">
      <c r="A4143">
        <v>142.26</v>
      </c>
      <c r="B4143">
        <v>200.41</v>
      </c>
      <c r="C4143">
        <v>7981.8</v>
      </c>
      <c r="D4143">
        <v>2.2000000000000002</v>
      </c>
      <c r="E4143">
        <v>9971.16</v>
      </c>
      <c r="F4143">
        <v>15.9641</v>
      </c>
    </row>
    <row r="4144" spans="1:6" x14ac:dyDescent="0.25">
      <c r="A4144">
        <v>142.26</v>
      </c>
      <c r="B4144">
        <v>200.41</v>
      </c>
      <c r="C4144">
        <v>7981.8</v>
      </c>
      <c r="D4144">
        <v>2.5</v>
      </c>
      <c r="E4144">
        <v>9749.34</v>
      </c>
      <c r="F4144">
        <v>16.028099999999998</v>
      </c>
    </row>
    <row r="4145" spans="1:6" x14ac:dyDescent="0.25">
      <c r="A4145">
        <v>142.26</v>
      </c>
      <c r="B4145">
        <v>200.41</v>
      </c>
      <c r="C4145">
        <v>7981.8</v>
      </c>
      <c r="D4145">
        <v>2.8</v>
      </c>
      <c r="E4145">
        <v>9599.32</v>
      </c>
      <c r="F4145">
        <v>16.055</v>
      </c>
    </row>
    <row r="4146" spans="1:6" x14ac:dyDescent="0.25">
      <c r="A4146">
        <v>142.26</v>
      </c>
      <c r="B4146">
        <v>200.41</v>
      </c>
      <c r="C4146">
        <v>7981.8</v>
      </c>
      <c r="D4146">
        <v>3.1</v>
      </c>
      <c r="E4146">
        <v>9477.3799999999992</v>
      </c>
      <c r="F4146">
        <v>16.077300000000001</v>
      </c>
    </row>
    <row r="4147" spans="1:6" x14ac:dyDescent="0.25">
      <c r="A4147">
        <v>142.26</v>
      </c>
      <c r="B4147">
        <v>200.41</v>
      </c>
      <c r="C4147">
        <v>7981.8</v>
      </c>
      <c r="D4147">
        <v>3.4</v>
      </c>
      <c r="E4147">
        <v>9450.5499999999993</v>
      </c>
      <c r="F4147">
        <v>16.081800000000001</v>
      </c>
    </row>
    <row r="4148" spans="1:6" x14ac:dyDescent="0.25">
      <c r="A4148">
        <v>142.26</v>
      </c>
      <c r="B4148">
        <v>200.41</v>
      </c>
      <c r="C4148">
        <v>7981.8</v>
      </c>
      <c r="D4148">
        <v>3.7</v>
      </c>
      <c r="E4148">
        <v>9340.6200000000008</v>
      </c>
      <c r="F4148">
        <v>16.085699999999999</v>
      </c>
    </row>
    <row r="4149" spans="1:6" x14ac:dyDescent="0.25">
      <c r="A4149">
        <v>142.26</v>
      </c>
      <c r="B4149">
        <v>200.41</v>
      </c>
      <c r="C4149">
        <v>7981.8</v>
      </c>
      <c r="D4149">
        <v>4</v>
      </c>
      <c r="E4149">
        <v>9244.81</v>
      </c>
      <c r="F4149">
        <v>16.075900000000001</v>
      </c>
    </row>
    <row r="4150" spans="1:6" x14ac:dyDescent="0.25">
      <c r="A4150">
        <v>142.26</v>
      </c>
      <c r="B4150">
        <v>200.41</v>
      </c>
      <c r="C4150">
        <v>9527.25</v>
      </c>
      <c r="D4150">
        <v>1</v>
      </c>
      <c r="E4150">
        <v>13395.1</v>
      </c>
      <c r="F4150">
        <v>15.405200000000001</v>
      </c>
    </row>
    <row r="4151" spans="1:6" x14ac:dyDescent="0.25">
      <c r="A4151">
        <v>142.26</v>
      </c>
      <c r="B4151">
        <v>200.41</v>
      </c>
      <c r="C4151">
        <v>9527.25</v>
      </c>
      <c r="D4151">
        <v>1.3</v>
      </c>
      <c r="E4151">
        <v>12706.3</v>
      </c>
      <c r="F4151">
        <v>16.369299999999999</v>
      </c>
    </row>
    <row r="4152" spans="1:6" x14ac:dyDescent="0.25">
      <c r="A4152">
        <v>142.26</v>
      </c>
      <c r="B4152">
        <v>200.41</v>
      </c>
      <c r="C4152">
        <v>9527.25</v>
      </c>
      <c r="D4152">
        <v>1.6</v>
      </c>
      <c r="E4152">
        <v>11977.3</v>
      </c>
      <c r="F4152">
        <v>16.450199999999999</v>
      </c>
    </row>
    <row r="4153" spans="1:6" x14ac:dyDescent="0.25">
      <c r="A4153">
        <v>142.26</v>
      </c>
      <c r="B4153">
        <v>200.41</v>
      </c>
      <c r="C4153">
        <v>9527.25</v>
      </c>
      <c r="D4153">
        <v>1.9</v>
      </c>
      <c r="E4153">
        <v>11615.5</v>
      </c>
      <c r="F4153">
        <v>16.490600000000001</v>
      </c>
    </row>
    <row r="4154" spans="1:6" x14ac:dyDescent="0.25">
      <c r="A4154">
        <v>142.26</v>
      </c>
      <c r="B4154">
        <v>200.41</v>
      </c>
      <c r="C4154">
        <v>9527.25</v>
      </c>
      <c r="D4154">
        <v>2.2000000000000002</v>
      </c>
      <c r="E4154">
        <v>11575.4</v>
      </c>
      <c r="F4154">
        <v>15.9641</v>
      </c>
    </row>
    <row r="4155" spans="1:6" x14ac:dyDescent="0.25">
      <c r="A4155">
        <v>142.26</v>
      </c>
      <c r="B4155">
        <v>200.41</v>
      </c>
      <c r="C4155">
        <v>9527.25</v>
      </c>
      <c r="D4155">
        <v>2.5</v>
      </c>
      <c r="E4155">
        <v>11323.6</v>
      </c>
      <c r="F4155">
        <v>16.028099999999998</v>
      </c>
    </row>
    <row r="4156" spans="1:6" x14ac:dyDescent="0.25">
      <c r="A4156">
        <v>142.26</v>
      </c>
      <c r="B4156">
        <v>200.41</v>
      </c>
      <c r="C4156">
        <v>9527.25</v>
      </c>
      <c r="D4156">
        <v>2.8</v>
      </c>
      <c r="E4156">
        <v>11167.6</v>
      </c>
      <c r="F4156">
        <v>16.055</v>
      </c>
    </row>
    <row r="4157" spans="1:6" x14ac:dyDescent="0.25">
      <c r="A4157">
        <v>142.26</v>
      </c>
      <c r="B4157">
        <v>200.41</v>
      </c>
      <c r="C4157">
        <v>9527.25</v>
      </c>
      <c r="D4157">
        <v>3.1</v>
      </c>
      <c r="E4157">
        <v>11135.8</v>
      </c>
      <c r="F4157">
        <v>16.077300000000001</v>
      </c>
    </row>
    <row r="4158" spans="1:6" x14ac:dyDescent="0.25">
      <c r="A4158">
        <v>142.26</v>
      </c>
      <c r="B4158">
        <v>200.41</v>
      </c>
      <c r="C4158">
        <v>9527.25</v>
      </c>
      <c r="D4158">
        <v>3.4</v>
      </c>
      <c r="E4158">
        <v>10994.3</v>
      </c>
      <c r="F4158">
        <v>16.081800000000001</v>
      </c>
    </row>
    <row r="4159" spans="1:6" x14ac:dyDescent="0.25">
      <c r="A4159">
        <v>142.26</v>
      </c>
      <c r="B4159">
        <v>200.41</v>
      </c>
      <c r="C4159">
        <v>9527.25</v>
      </c>
      <c r="D4159">
        <v>3.7</v>
      </c>
      <c r="E4159">
        <v>10874.8</v>
      </c>
      <c r="F4159">
        <v>16.085699999999999</v>
      </c>
    </row>
    <row r="4160" spans="1:6" x14ac:dyDescent="0.25">
      <c r="A4160">
        <v>142.26</v>
      </c>
      <c r="B4160">
        <v>200.41</v>
      </c>
      <c r="C4160">
        <v>9527.25</v>
      </c>
      <c r="D4160">
        <v>4</v>
      </c>
      <c r="E4160">
        <v>10877.1</v>
      </c>
      <c r="F4160">
        <v>16.075900000000001</v>
      </c>
    </row>
    <row r="4161" spans="1:6" x14ac:dyDescent="0.25">
      <c r="A4161">
        <v>142.26</v>
      </c>
      <c r="B4161">
        <v>200.41</v>
      </c>
      <c r="C4161">
        <v>11072.7</v>
      </c>
      <c r="D4161">
        <v>1</v>
      </c>
      <c r="E4161">
        <v>14999.4</v>
      </c>
      <c r="F4161">
        <v>15.405200000000001</v>
      </c>
    </row>
    <row r="4162" spans="1:6" x14ac:dyDescent="0.25">
      <c r="A4162">
        <v>142.26</v>
      </c>
      <c r="B4162">
        <v>200.41</v>
      </c>
      <c r="C4162">
        <v>11072.7</v>
      </c>
      <c r="D4162">
        <v>1.3</v>
      </c>
      <c r="E4162">
        <v>14126.8</v>
      </c>
      <c r="F4162">
        <v>16.369299999999999</v>
      </c>
    </row>
    <row r="4163" spans="1:6" x14ac:dyDescent="0.25">
      <c r="A4163">
        <v>142.26</v>
      </c>
      <c r="B4163">
        <v>200.41</v>
      </c>
      <c r="C4163">
        <v>11072.7</v>
      </c>
      <c r="D4163">
        <v>1.6</v>
      </c>
      <c r="E4163">
        <v>13520.4</v>
      </c>
      <c r="F4163">
        <v>16.450199999999999</v>
      </c>
    </row>
    <row r="4164" spans="1:6" x14ac:dyDescent="0.25">
      <c r="A4164">
        <v>142.26</v>
      </c>
      <c r="B4164">
        <v>200.41</v>
      </c>
      <c r="C4164">
        <v>11072.7</v>
      </c>
      <c r="D4164">
        <v>1.9</v>
      </c>
      <c r="E4164">
        <v>13326.2</v>
      </c>
      <c r="F4164">
        <v>16.490600000000001</v>
      </c>
    </row>
    <row r="4165" spans="1:6" x14ac:dyDescent="0.25">
      <c r="A4165">
        <v>142.26</v>
      </c>
      <c r="B4165">
        <v>200.41</v>
      </c>
      <c r="C4165">
        <v>11072.7</v>
      </c>
      <c r="D4165">
        <v>2.2000000000000002</v>
      </c>
      <c r="E4165">
        <v>13019.4</v>
      </c>
      <c r="F4165">
        <v>15.9641</v>
      </c>
    </row>
    <row r="4166" spans="1:6" x14ac:dyDescent="0.25">
      <c r="A4166">
        <v>142.26</v>
      </c>
      <c r="B4166">
        <v>200.41</v>
      </c>
      <c r="C4166">
        <v>11072.7</v>
      </c>
      <c r="D4166">
        <v>2.5</v>
      </c>
      <c r="E4166">
        <v>12978.5</v>
      </c>
      <c r="F4166">
        <v>16.028099999999998</v>
      </c>
    </row>
    <row r="4167" spans="1:6" x14ac:dyDescent="0.25">
      <c r="A4167">
        <v>142.26</v>
      </c>
      <c r="B4167">
        <v>200.41</v>
      </c>
      <c r="C4167">
        <v>11072.7</v>
      </c>
      <c r="D4167">
        <v>2.8</v>
      </c>
      <c r="E4167">
        <v>12749.8</v>
      </c>
      <c r="F4167">
        <v>16.055</v>
      </c>
    </row>
    <row r="4168" spans="1:6" x14ac:dyDescent="0.25">
      <c r="A4168">
        <v>142.26</v>
      </c>
      <c r="B4168">
        <v>200.41</v>
      </c>
      <c r="C4168">
        <v>11072.7</v>
      </c>
      <c r="D4168">
        <v>3.1</v>
      </c>
      <c r="E4168">
        <v>12687.1</v>
      </c>
      <c r="F4168">
        <v>16.077300000000001</v>
      </c>
    </row>
    <row r="4169" spans="1:6" x14ac:dyDescent="0.25">
      <c r="A4169">
        <v>142.26</v>
      </c>
      <c r="B4169">
        <v>200.41</v>
      </c>
      <c r="C4169">
        <v>11072.7</v>
      </c>
      <c r="D4169">
        <v>3.4</v>
      </c>
      <c r="E4169">
        <v>12530.7</v>
      </c>
      <c r="F4169">
        <v>16.081800000000001</v>
      </c>
    </row>
    <row r="4170" spans="1:6" x14ac:dyDescent="0.25">
      <c r="A4170">
        <v>142.26</v>
      </c>
      <c r="B4170">
        <v>200.41</v>
      </c>
      <c r="C4170">
        <v>11072.7</v>
      </c>
      <c r="D4170">
        <v>3.7</v>
      </c>
      <c r="E4170">
        <v>12399.2</v>
      </c>
      <c r="F4170">
        <v>16.085699999999999</v>
      </c>
    </row>
    <row r="4171" spans="1:6" x14ac:dyDescent="0.25">
      <c r="A4171">
        <v>142.26</v>
      </c>
      <c r="B4171">
        <v>200.41</v>
      </c>
      <c r="C4171">
        <v>11072.7</v>
      </c>
      <c r="D4171">
        <v>4</v>
      </c>
      <c r="E4171">
        <v>12418.2</v>
      </c>
      <c r="F4171">
        <v>16.075900000000001</v>
      </c>
    </row>
    <row r="4172" spans="1:6" x14ac:dyDescent="0.25">
      <c r="A4172">
        <v>142.26</v>
      </c>
      <c r="B4172">
        <v>200.41</v>
      </c>
      <c r="C4172">
        <v>12618.2</v>
      </c>
      <c r="D4172">
        <v>1</v>
      </c>
      <c r="E4172">
        <v>16677.900000000001</v>
      </c>
      <c r="F4172">
        <v>15.405200000000001</v>
      </c>
    </row>
    <row r="4173" spans="1:6" x14ac:dyDescent="0.25">
      <c r="A4173">
        <v>142.26</v>
      </c>
      <c r="B4173">
        <v>200.41</v>
      </c>
      <c r="C4173">
        <v>12618.2</v>
      </c>
      <c r="D4173">
        <v>1.3</v>
      </c>
      <c r="E4173">
        <v>15683.8</v>
      </c>
      <c r="F4173">
        <v>16.369299999999999</v>
      </c>
    </row>
    <row r="4174" spans="1:6" x14ac:dyDescent="0.25">
      <c r="A4174">
        <v>142.26</v>
      </c>
      <c r="B4174">
        <v>200.41</v>
      </c>
      <c r="C4174">
        <v>12618.2</v>
      </c>
      <c r="D4174">
        <v>1.6</v>
      </c>
      <c r="E4174">
        <v>15051.8</v>
      </c>
      <c r="F4174">
        <v>16.450199999999999</v>
      </c>
    </row>
    <row r="4175" spans="1:6" x14ac:dyDescent="0.25">
      <c r="A4175">
        <v>142.26</v>
      </c>
      <c r="B4175">
        <v>200.41</v>
      </c>
      <c r="C4175">
        <v>12618.2</v>
      </c>
      <c r="D4175">
        <v>1.9</v>
      </c>
      <c r="E4175">
        <v>14678.4</v>
      </c>
      <c r="F4175">
        <v>16.490600000000001</v>
      </c>
    </row>
    <row r="4176" spans="1:6" x14ac:dyDescent="0.25">
      <c r="A4176">
        <v>142.26</v>
      </c>
      <c r="B4176">
        <v>200.41</v>
      </c>
      <c r="C4176">
        <v>12618.2</v>
      </c>
      <c r="D4176">
        <v>2.2000000000000002</v>
      </c>
      <c r="E4176">
        <v>14689.9</v>
      </c>
      <c r="F4176">
        <v>15.9641</v>
      </c>
    </row>
    <row r="4177" spans="1:6" x14ac:dyDescent="0.25">
      <c r="A4177">
        <v>142.26</v>
      </c>
      <c r="B4177">
        <v>200.41</v>
      </c>
      <c r="C4177">
        <v>12618.2</v>
      </c>
      <c r="D4177">
        <v>2.5</v>
      </c>
      <c r="E4177">
        <v>14462.5</v>
      </c>
      <c r="F4177">
        <v>16.028099999999998</v>
      </c>
    </row>
    <row r="4178" spans="1:6" x14ac:dyDescent="0.25">
      <c r="A4178">
        <v>142.26</v>
      </c>
      <c r="B4178">
        <v>200.41</v>
      </c>
      <c r="C4178">
        <v>12618.2</v>
      </c>
      <c r="D4178">
        <v>2.8</v>
      </c>
      <c r="E4178">
        <v>14283.9</v>
      </c>
      <c r="F4178">
        <v>16.055</v>
      </c>
    </row>
    <row r="4179" spans="1:6" x14ac:dyDescent="0.25">
      <c r="A4179">
        <v>142.26</v>
      </c>
      <c r="B4179">
        <v>200.41</v>
      </c>
      <c r="C4179">
        <v>12618.2</v>
      </c>
      <c r="D4179">
        <v>3.1</v>
      </c>
      <c r="E4179">
        <v>14133.5</v>
      </c>
      <c r="F4179">
        <v>16.077300000000001</v>
      </c>
    </row>
    <row r="4180" spans="1:6" x14ac:dyDescent="0.25">
      <c r="A4180">
        <v>142.26</v>
      </c>
      <c r="B4180">
        <v>200.41</v>
      </c>
      <c r="C4180">
        <v>12618.2</v>
      </c>
      <c r="D4180">
        <v>3.4</v>
      </c>
      <c r="E4180">
        <v>14055.2</v>
      </c>
      <c r="F4180">
        <v>16.081800000000001</v>
      </c>
    </row>
    <row r="4181" spans="1:6" x14ac:dyDescent="0.25">
      <c r="A4181">
        <v>142.26</v>
      </c>
      <c r="B4181">
        <v>200.41</v>
      </c>
      <c r="C4181">
        <v>12618.2</v>
      </c>
      <c r="D4181">
        <v>3.7</v>
      </c>
      <c r="E4181">
        <v>13952.9</v>
      </c>
      <c r="F4181">
        <v>16.085699999999999</v>
      </c>
    </row>
    <row r="4182" spans="1:6" x14ac:dyDescent="0.25">
      <c r="A4182">
        <v>142.26</v>
      </c>
      <c r="B4182">
        <v>200.41</v>
      </c>
      <c r="C4182">
        <v>12618.2</v>
      </c>
      <c r="D4182">
        <v>4</v>
      </c>
      <c r="E4182">
        <v>13952.1</v>
      </c>
      <c r="F4182">
        <v>16.075900000000001</v>
      </c>
    </row>
    <row r="4183" spans="1:6" x14ac:dyDescent="0.25">
      <c r="A4183">
        <v>142.26</v>
      </c>
      <c r="B4183">
        <v>200.41</v>
      </c>
      <c r="C4183">
        <v>14163.6</v>
      </c>
      <c r="D4183">
        <v>1</v>
      </c>
      <c r="E4183">
        <v>18011.8</v>
      </c>
      <c r="F4183">
        <v>15.405200000000001</v>
      </c>
    </row>
    <row r="4184" spans="1:6" x14ac:dyDescent="0.25">
      <c r="A4184">
        <v>142.26</v>
      </c>
      <c r="B4184">
        <v>200.41</v>
      </c>
      <c r="C4184">
        <v>14163.6</v>
      </c>
      <c r="D4184">
        <v>1.3</v>
      </c>
      <c r="E4184">
        <v>17073</v>
      </c>
      <c r="F4184">
        <v>16.369299999999999</v>
      </c>
    </row>
    <row r="4185" spans="1:6" x14ac:dyDescent="0.25">
      <c r="A4185">
        <v>142.26</v>
      </c>
      <c r="B4185">
        <v>200.41</v>
      </c>
      <c r="C4185">
        <v>14163.6</v>
      </c>
      <c r="D4185">
        <v>1.6</v>
      </c>
      <c r="E4185">
        <v>16614.7</v>
      </c>
      <c r="F4185">
        <v>16.450199999999999</v>
      </c>
    </row>
    <row r="4186" spans="1:6" x14ac:dyDescent="0.25">
      <c r="A4186">
        <v>142.26</v>
      </c>
      <c r="B4186">
        <v>200.41</v>
      </c>
      <c r="C4186">
        <v>14163.6</v>
      </c>
      <c r="D4186">
        <v>1.9</v>
      </c>
      <c r="E4186">
        <v>16339.1</v>
      </c>
      <c r="F4186">
        <v>16.490600000000001</v>
      </c>
    </row>
    <row r="4187" spans="1:6" x14ac:dyDescent="0.25">
      <c r="A4187">
        <v>142.26</v>
      </c>
      <c r="B4187">
        <v>200.41</v>
      </c>
      <c r="C4187">
        <v>14163.6</v>
      </c>
      <c r="D4187">
        <v>2.2000000000000002</v>
      </c>
      <c r="E4187">
        <v>16233.3</v>
      </c>
      <c r="F4187">
        <v>15.9641</v>
      </c>
    </row>
    <row r="4188" spans="1:6" x14ac:dyDescent="0.25">
      <c r="A4188">
        <v>142.26</v>
      </c>
      <c r="B4188">
        <v>200.41</v>
      </c>
      <c r="C4188">
        <v>14163.6</v>
      </c>
      <c r="D4188">
        <v>2.5</v>
      </c>
      <c r="E4188">
        <v>15985.2</v>
      </c>
      <c r="F4188">
        <v>16.028099999999998</v>
      </c>
    </row>
    <row r="4189" spans="1:6" x14ac:dyDescent="0.25">
      <c r="A4189">
        <v>142.26</v>
      </c>
      <c r="B4189">
        <v>200.41</v>
      </c>
      <c r="C4189">
        <v>14163.6</v>
      </c>
      <c r="D4189">
        <v>2.8</v>
      </c>
      <c r="E4189">
        <v>15871.2</v>
      </c>
      <c r="F4189">
        <v>16.055</v>
      </c>
    </row>
    <row r="4190" spans="1:6" x14ac:dyDescent="0.25">
      <c r="A4190">
        <v>142.26</v>
      </c>
      <c r="B4190">
        <v>200.41</v>
      </c>
      <c r="C4190">
        <v>14163.6</v>
      </c>
      <c r="D4190">
        <v>3.1</v>
      </c>
      <c r="E4190">
        <v>15745.5</v>
      </c>
      <c r="F4190">
        <v>16.077300000000001</v>
      </c>
    </row>
    <row r="4191" spans="1:6" x14ac:dyDescent="0.25">
      <c r="A4191">
        <v>142.26</v>
      </c>
      <c r="B4191">
        <v>200.41</v>
      </c>
      <c r="C4191">
        <v>14163.6</v>
      </c>
      <c r="D4191">
        <v>3.4</v>
      </c>
      <c r="E4191">
        <v>15607.4</v>
      </c>
      <c r="F4191">
        <v>16.081800000000001</v>
      </c>
    </row>
    <row r="4192" spans="1:6" x14ac:dyDescent="0.25">
      <c r="A4192">
        <v>142.26</v>
      </c>
      <c r="B4192">
        <v>200.41</v>
      </c>
      <c r="C4192">
        <v>14163.6</v>
      </c>
      <c r="D4192">
        <v>3.7</v>
      </c>
      <c r="E4192">
        <v>15637.2</v>
      </c>
      <c r="F4192">
        <v>16.085699999999999</v>
      </c>
    </row>
    <row r="4193" spans="1:6" x14ac:dyDescent="0.25">
      <c r="A4193">
        <v>142.26</v>
      </c>
      <c r="B4193">
        <v>200.41</v>
      </c>
      <c r="C4193">
        <v>14163.6</v>
      </c>
      <c r="D4193">
        <v>4</v>
      </c>
      <c r="E4193">
        <v>15518.2</v>
      </c>
      <c r="F4193">
        <v>16.075900000000001</v>
      </c>
    </row>
    <row r="4194" spans="1:6" x14ac:dyDescent="0.25">
      <c r="A4194">
        <v>142.26</v>
      </c>
      <c r="B4194">
        <v>200.41</v>
      </c>
      <c r="C4194">
        <v>15709.1</v>
      </c>
      <c r="D4194">
        <v>1</v>
      </c>
      <c r="E4194">
        <v>19521.599999999999</v>
      </c>
      <c r="F4194">
        <v>15.405200000000001</v>
      </c>
    </row>
    <row r="4195" spans="1:6" x14ac:dyDescent="0.25">
      <c r="A4195">
        <v>142.26</v>
      </c>
      <c r="B4195">
        <v>200.41</v>
      </c>
      <c r="C4195">
        <v>15709.1</v>
      </c>
      <c r="D4195">
        <v>1.3</v>
      </c>
      <c r="E4195">
        <v>18612.2</v>
      </c>
      <c r="F4195">
        <v>16.369299999999999</v>
      </c>
    </row>
    <row r="4196" spans="1:6" x14ac:dyDescent="0.25">
      <c r="A4196">
        <v>142.26</v>
      </c>
      <c r="B4196">
        <v>200.41</v>
      </c>
      <c r="C4196">
        <v>15709.1</v>
      </c>
      <c r="D4196">
        <v>1.6</v>
      </c>
      <c r="E4196">
        <v>18265.900000000001</v>
      </c>
      <c r="F4196">
        <v>16.450199999999999</v>
      </c>
    </row>
    <row r="4197" spans="1:6" x14ac:dyDescent="0.25">
      <c r="A4197">
        <v>142.26</v>
      </c>
      <c r="B4197">
        <v>200.41</v>
      </c>
      <c r="C4197">
        <v>15709.1</v>
      </c>
      <c r="D4197">
        <v>1.9</v>
      </c>
      <c r="E4197">
        <v>17831.599999999999</v>
      </c>
      <c r="F4197">
        <v>16.490600000000001</v>
      </c>
    </row>
    <row r="4198" spans="1:6" x14ac:dyDescent="0.25">
      <c r="A4198">
        <v>142.26</v>
      </c>
      <c r="B4198">
        <v>200.41</v>
      </c>
      <c r="C4198">
        <v>15709.1</v>
      </c>
      <c r="D4198">
        <v>2.2000000000000002</v>
      </c>
      <c r="E4198">
        <v>17739.599999999999</v>
      </c>
      <c r="F4198">
        <v>15.9641</v>
      </c>
    </row>
    <row r="4199" spans="1:6" x14ac:dyDescent="0.25">
      <c r="A4199">
        <v>142.26</v>
      </c>
      <c r="B4199">
        <v>200.41</v>
      </c>
      <c r="C4199">
        <v>15709.1</v>
      </c>
      <c r="D4199">
        <v>2.5</v>
      </c>
      <c r="E4199">
        <v>17592.599999999999</v>
      </c>
      <c r="F4199">
        <v>16.028099999999998</v>
      </c>
    </row>
    <row r="4200" spans="1:6" x14ac:dyDescent="0.25">
      <c r="A4200">
        <v>142.26</v>
      </c>
      <c r="B4200">
        <v>200.41</v>
      </c>
      <c r="C4200">
        <v>15709.1</v>
      </c>
      <c r="D4200">
        <v>2.8</v>
      </c>
      <c r="E4200">
        <v>17455.900000000001</v>
      </c>
      <c r="F4200">
        <v>16.055</v>
      </c>
    </row>
    <row r="4201" spans="1:6" x14ac:dyDescent="0.25">
      <c r="A4201">
        <v>142.26</v>
      </c>
      <c r="B4201">
        <v>200.41</v>
      </c>
      <c r="C4201">
        <v>15709.1</v>
      </c>
      <c r="D4201">
        <v>3.1</v>
      </c>
      <c r="E4201">
        <v>17297.8</v>
      </c>
      <c r="F4201">
        <v>16.077300000000001</v>
      </c>
    </row>
    <row r="4202" spans="1:6" x14ac:dyDescent="0.25">
      <c r="A4202">
        <v>142.26</v>
      </c>
      <c r="B4202">
        <v>200.41</v>
      </c>
      <c r="C4202">
        <v>15709.1</v>
      </c>
      <c r="D4202">
        <v>3.4</v>
      </c>
      <c r="E4202">
        <v>17157.8</v>
      </c>
      <c r="F4202">
        <v>16.081800000000001</v>
      </c>
    </row>
    <row r="4203" spans="1:6" x14ac:dyDescent="0.25">
      <c r="A4203">
        <v>142.26</v>
      </c>
      <c r="B4203">
        <v>200.41</v>
      </c>
      <c r="C4203">
        <v>15709.1</v>
      </c>
      <c r="D4203">
        <v>3.7</v>
      </c>
      <c r="E4203">
        <v>17034.7</v>
      </c>
      <c r="F4203">
        <v>16.085699999999999</v>
      </c>
    </row>
    <row r="4204" spans="1:6" x14ac:dyDescent="0.25">
      <c r="A4204">
        <v>142.26</v>
      </c>
      <c r="B4204">
        <v>200.41</v>
      </c>
      <c r="C4204">
        <v>15709.1</v>
      </c>
      <c r="D4204">
        <v>4</v>
      </c>
      <c r="E4204">
        <v>17036.8</v>
      </c>
      <c r="F4204">
        <v>16.075900000000001</v>
      </c>
    </row>
    <row r="4205" spans="1:6" x14ac:dyDescent="0.25">
      <c r="A4205">
        <v>142.26</v>
      </c>
      <c r="B4205">
        <v>200.41</v>
      </c>
      <c r="C4205">
        <v>17254.5</v>
      </c>
      <c r="D4205">
        <v>1</v>
      </c>
      <c r="E4205">
        <v>21234.799999999999</v>
      </c>
      <c r="F4205">
        <v>15.405200000000001</v>
      </c>
    </row>
    <row r="4206" spans="1:6" x14ac:dyDescent="0.25">
      <c r="A4206">
        <v>142.26</v>
      </c>
      <c r="B4206">
        <v>200.41</v>
      </c>
      <c r="C4206">
        <v>17254.5</v>
      </c>
      <c r="D4206">
        <v>1.3</v>
      </c>
      <c r="E4206">
        <v>20178.7</v>
      </c>
      <c r="F4206">
        <v>16.369299999999999</v>
      </c>
    </row>
    <row r="4207" spans="1:6" x14ac:dyDescent="0.25">
      <c r="A4207">
        <v>142.26</v>
      </c>
      <c r="B4207">
        <v>200.41</v>
      </c>
      <c r="C4207">
        <v>17254.5</v>
      </c>
      <c r="D4207">
        <v>1.6</v>
      </c>
      <c r="E4207">
        <v>19746.7</v>
      </c>
      <c r="F4207">
        <v>16.450199999999999</v>
      </c>
    </row>
    <row r="4208" spans="1:6" x14ac:dyDescent="0.25">
      <c r="A4208">
        <v>142.26</v>
      </c>
      <c r="B4208">
        <v>200.41</v>
      </c>
      <c r="C4208">
        <v>17254.5</v>
      </c>
      <c r="D4208">
        <v>1.9</v>
      </c>
      <c r="E4208">
        <v>19516.599999999999</v>
      </c>
      <c r="F4208">
        <v>16.490600000000001</v>
      </c>
    </row>
    <row r="4209" spans="1:6" x14ac:dyDescent="0.25">
      <c r="A4209">
        <v>142.26</v>
      </c>
      <c r="B4209">
        <v>200.41</v>
      </c>
      <c r="C4209">
        <v>17254.5</v>
      </c>
      <c r="D4209">
        <v>2.2000000000000002</v>
      </c>
      <c r="E4209">
        <v>19292</v>
      </c>
      <c r="F4209">
        <v>15.9641</v>
      </c>
    </row>
    <row r="4210" spans="1:6" x14ac:dyDescent="0.25">
      <c r="A4210">
        <v>142.26</v>
      </c>
      <c r="B4210">
        <v>200.41</v>
      </c>
      <c r="C4210">
        <v>17254.5</v>
      </c>
      <c r="D4210">
        <v>2.5</v>
      </c>
      <c r="E4210">
        <v>19110.2</v>
      </c>
      <c r="F4210">
        <v>16.028099999999998</v>
      </c>
    </row>
    <row r="4211" spans="1:6" x14ac:dyDescent="0.25">
      <c r="A4211">
        <v>142.26</v>
      </c>
      <c r="B4211">
        <v>200.41</v>
      </c>
      <c r="C4211">
        <v>17254.5</v>
      </c>
      <c r="D4211">
        <v>2.8</v>
      </c>
      <c r="E4211">
        <v>18938.8</v>
      </c>
      <c r="F4211">
        <v>16.055</v>
      </c>
    </row>
    <row r="4212" spans="1:6" x14ac:dyDescent="0.25">
      <c r="A4212">
        <v>142.26</v>
      </c>
      <c r="B4212">
        <v>200.41</v>
      </c>
      <c r="C4212">
        <v>17254.5</v>
      </c>
      <c r="D4212">
        <v>3.1</v>
      </c>
      <c r="E4212">
        <v>18792.099999999999</v>
      </c>
      <c r="F4212">
        <v>16.077300000000001</v>
      </c>
    </row>
    <row r="4213" spans="1:6" x14ac:dyDescent="0.25">
      <c r="A4213">
        <v>142.26</v>
      </c>
      <c r="B4213">
        <v>200.41</v>
      </c>
      <c r="C4213">
        <v>17254.5</v>
      </c>
      <c r="D4213">
        <v>3.4</v>
      </c>
      <c r="E4213">
        <v>18773.3</v>
      </c>
      <c r="F4213">
        <v>16.081800000000001</v>
      </c>
    </row>
    <row r="4214" spans="1:6" x14ac:dyDescent="0.25">
      <c r="A4214">
        <v>142.26</v>
      </c>
      <c r="B4214">
        <v>200.41</v>
      </c>
      <c r="C4214">
        <v>17254.5</v>
      </c>
      <c r="D4214">
        <v>3.7</v>
      </c>
      <c r="E4214">
        <v>18646.599999999999</v>
      </c>
      <c r="F4214">
        <v>16.085699999999999</v>
      </c>
    </row>
    <row r="4215" spans="1:6" x14ac:dyDescent="0.25">
      <c r="A4215">
        <v>142.26</v>
      </c>
      <c r="B4215">
        <v>200.41</v>
      </c>
      <c r="C4215">
        <v>17254.5</v>
      </c>
      <c r="D4215">
        <v>4</v>
      </c>
      <c r="E4215">
        <v>18525.599999999999</v>
      </c>
      <c r="F4215">
        <v>16.075900000000001</v>
      </c>
    </row>
    <row r="4216" spans="1:6" x14ac:dyDescent="0.25">
      <c r="A4216">
        <v>142.26</v>
      </c>
      <c r="B4216">
        <v>200.41</v>
      </c>
      <c r="C4216">
        <v>18800</v>
      </c>
      <c r="D4216">
        <v>1</v>
      </c>
      <c r="E4216">
        <v>22596.7</v>
      </c>
      <c r="F4216">
        <v>15.405200000000001</v>
      </c>
    </row>
    <row r="4217" spans="1:6" x14ac:dyDescent="0.25">
      <c r="A4217">
        <v>142.26</v>
      </c>
      <c r="B4217">
        <v>200.41</v>
      </c>
      <c r="C4217">
        <v>18800</v>
      </c>
      <c r="D4217">
        <v>1.3</v>
      </c>
      <c r="E4217">
        <v>21976</v>
      </c>
      <c r="F4217">
        <v>16.369299999999999</v>
      </c>
    </row>
    <row r="4218" spans="1:6" x14ac:dyDescent="0.25">
      <c r="A4218">
        <v>142.26</v>
      </c>
      <c r="B4218">
        <v>200.41</v>
      </c>
      <c r="C4218">
        <v>18800</v>
      </c>
      <c r="D4218">
        <v>1.6</v>
      </c>
      <c r="E4218">
        <v>21323.7</v>
      </c>
      <c r="F4218">
        <v>16.450199999999999</v>
      </c>
    </row>
    <row r="4219" spans="1:6" x14ac:dyDescent="0.25">
      <c r="A4219">
        <v>142.26</v>
      </c>
      <c r="B4219">
        <v>200.41</v>
      </c>
      <c r="C4219">
        <v>18800</v>
      </c>
      <c r="D4219">
        <v>1.9</v>
      </c>
      <c r="E4219">
        <v>21062.7</v>
      </c>
      <c r="F4219">
        <v>16.490600000000001</v>
      </c>
    </row>
    <row r="4220" spans="1:6" x14ac:dyDescent="0.25">
      <c r="A4220">
        <v>142.26</v>
      </c>
      <c r="B4220">
        <v>200.41</v>
      </c>
      <c r="C4220">
        <v>18800</v>
      </c>
      <c r="D4220">
        <v>2.2000000000000002</v>
      </c>
      <c r="E4220">
        <v>20887</v>
      </c>
      <c r="F4220">
        <v>15.9641</v>
      </c>
    </row>
    <row r="4221" spans="1:6" x14ac:dyDescent="0.25">
      <c r="A4221">
        <v>142.26</v>
      </c>
      <c r="B4221">
        <v>200.41</v>
      </c>
      <c r="C4221">
        <v>18800</v>
      </c>
      <c r="D4221">
        <v>2.5</v>
      </c>
      <c r="E4221">
        <v>20575.099999999999</v>
      </c>
      <c r="F4221">
        <v>16.028099999999998</v>
      </c>
    </row>
    <row r="4222" spans="1:6" x14ac:dyDescent="0.25">
      <c r="A4222">
        <v>142.26</v>
      </c>
      <c r="B4222">
        <v>200.41</v>
      </c>
      <c r="C4222">
        <v>18800</v>
      </c>
      <c r="D4222">
        <v>2.8</v>
      </c>
      <c r="E4222">
        <v>20445.599999999999</v>
      </c>
      <c r="F4222">
        <v>16.055</v>
      </c>
    </row>
    <row r="4223" spans="1:6" x14ac:dyDescent="0.25">
      <c r="A4223">
        <v>142.26</v>
      </c>
      <c r="B4223">
        <v>200.41</v>
      </c>
      <c r="C4223">
        <v>18800</v>
      </c>
      <c r="D4223">
        <v>3.1</v>
      </c>
      <c r="E4223">
        <v>20414.7</v>
      </c>
      <c r="F4223">
        <v>16.077300000000001</v>
      </c>
    </row>
    <row r="4224" spans="1:6" x14ac:dyDescent="0.25">
      <c r="A4224">
        <v>142.26</v>
      </c>
      <c r="B4224">
        <v>200.41</v>
      </c>
      <c r="C4224">
        <v>18800</v>
      </c>
      <c r="D4224">
        <v>3.4</v>
      </c>
      <c r="E4224">
        <v>20333.900000000001</v>
      </c>
      <c r="F4224">
        <v>16.081800000000001</v>
      </c>
    </row>
    <row r="4225" spans="1:6" x14ac:dyDescent="0.25">
      <c r="A4225">
        <v>142.26</v>
      </c>
      <c r="B4225">
        <v>200.41</v>
      </c>
      <c r="C4225">
        <v>18800</v>
      </c>
      <c r="D4225">
        <v>3.7</v>
      </c>
      <c r="E4225">
        <v>20177</v>
      </c>
      <c r="F4225">
        <v>16.085699999999999</v>
      </c>
    </row>
    <row r="4226" spans="1:6" x14ac:dyDescent="0.25">
      <c r="A4226">
        <v>142.26</v>
      </c>
      <c r="B4226">
        <v>200.41</v>
      </c>
      <c r="C4226">
        <v>18800</v>
      </c>
      <c r="D4226">
        <v>4</v>
      </c>
      <c r="E4226">
        <v>20061.599999999999</v>
      </c>
      <c r="F4226">
        <v>16.075900000000001</v>
      </c>
    </row>
    <row r="4227" spans="1:6" x14ac:dyDescent="0.25">
      <c r="A4227">
        <v>142.26</v>
      </c>
      <c r="B4227">
        <v>204.04</v>
      </c>
      <c r="C4227">
        <v>1800</v>
      </c>
      <c r="D4227">
        <v>1</v>
      </c>
      <c r="E4227">
        <v>5630.42</v>
      </c>
      <c r="F4227">
        <v>55.694600000000001</v>
      </c>
    </row>
    <row r="4228" spans="1:6" x14ac:dyDescent="0.25">
      <c r="A4228">
        <v>142.26</v>
      </c>
      <c r="B4228">
        <v>204.04</v>
      </c>
      <c r="C4228">
        <v>1800</v>
      </c>
      <c r="D4228">
        <v>1.3</v>
      </c>
      <c r="E4228">
        <v>5038.91</v>
      </c>
      <c r="F4228">
        <v>68.851100000000002</v>
      </c>
    </row>
    <row r="4229" spans="1:6" x14ac:dyDescent="0.25">
      <c r="A4229">
        <v>142.26</v>
      </c>
      <c r="B4229">
        <v>204.04</v>
      </c>
      <c r="C4229">
        <v>1800</v>
      </c>
      <c r="D4229">
        <v>1.6</v>
      </c>
      <c r="E4229">
        <v>4580.29</v>
      </c>
      <c r="F4229">
        <v>76.487499999999997</v>
      </c>
    </row>
    <row r="4230" spans="1:6" x14ac:dyDescent="0.25">
      <c r="A4230">
        <v>142.26</v>
      </c>
      <c r="B4230">
        <v>204.04</v>
      </c>
      <c r="C4230">
        <v>1800</v>
      </c>
      <c r="D4230">
        <v>1.9</v>
      </c>
      <c r="E4230">
        <v>4276.71</v>
      </c>
      <c r="F4230">
        <v>84.554900000000004</v>
      </c>
    </row>
    <row r="4231" spans="1:6" x14ac:dyDescent="0.25">
      <c r="A4231">
        <v>142.26</v>
      </c>
      <c r="B4231">
        <v>204.04</v>
      </c>
      <c r="C4231">
        <v>1800</v>
      </c>
      <c r="D4231">
        <v>2.2000000000000002</v>
      </c>
      <c r="E4231">
        <v>4053.45</v>
      </c>
      <c r="F4231">
        <v>87.619500000000002</v>
      </c>
    </row>
    <row r="4232" spans="1:6" x14ac:dyDescent="0.25">
      <c r="A4232">
        <v>142.26</v>
      </c>
      <c r="B4232">
        <v>204.04</v>
      </c>
      <c r="C4232">
        <v>1800</v>
      </c>
      <c r="D4232">
        <v>2.5</v>
      </c>
      <c r="E4232">
        <v>3835.43</v>
      </c>
      <c r="F4232">
        <v>92.676400000000001</v>
      </c>
    </row>
    <row r="4233" spans="1:6" x14ac:dyDescent="0.25">
      <c r="A4233">
        <v>142.26</v>
      </c>
      <c r="B4233">
        <v>204.04</v>
      </c>
      <c r="C4233">
        <v>1800</v>
      </c>
      <c r="D4233">
        <v>2.8</v>
      </c>
      <c r="E4233">
        <v>3709.8</v>
      </c>
      <c r="F4233">
        <v>96.816299999999998</v>
      </c>
    </row>
    <row r="4234" spans="1:6" x14ac:dyDescent="0.25">
      <c r="A4234">
        <v>142.26</v>
      </c>
      <c r="B4234">
        <v>204.04</v>
      </c>
      <c r="C4234">
        <v>1800</v>
      </c>
      <c r="D4234">
        <v>3.1</v>
      </c>
      <c r="E4234">
        <v>3580.2</v>
      </c>
      <c r="F4234">
        <v>100.46899999999999</v>
      </c>
    </row>
    <row r="4235" spans="1:6" x14ac:dyDescent="0.25">
      <c r="A4235">
        <v>142.26</v>
      </c>
      <c r="B4235">
        <v>204.04</v>
      </c>
      <c r="C4235">
        <v>1800</v>
      </c>
      <c r="D4235">
        <v>3.4</v>
      </c>
      <c r="E4235">
        <v>3472.64</v>
      </c>
      <c r="F4235">
        <v>101.44</v>
      </c>
    </row>
    <row r="4236" spans="1:6" x14ac:dyDescent="0.25">
      <c r="A4236">
        <v>142.26</v>
      </c>
      <c r="B4236">
        <v>204.04</v>
      </c>
      <c r="C4236">
        <v>1800</v>
      </c>
      <c r="D4236">
        <v>3.7</v>
      </c>
      <c r="E4236">
        <v>3413.57</v>
      </c>
      <c r="F4236">
        <v>106.03400000000001</v>
      </c>
    </row>
    <row r="4237" spans="1:6" x14ac:dyDescent="0.25">
      <c r="A4237">
        <v>142.26</v>
      </c>
      <c r="B4237">
        <v>204.04</v>
      </c>
      <c r="C4237">
        <v>1800</v>
      </c>
      <c r="D4237">
        <v>4</v>
      </c>
      <c r="E4237">
        <v>3319.44</v>
      </c>
      <c r="F4237">
        <v>111.94199999999999</v>
      </c>
    </row>
    <row r="4238" spans="1:6" x14ac:dyDescent="0.25">
      <c r="A4238">
        <v>142.26</v>
      </c>
      <c r="B4238">
        <v>204.04</v>
      </c>
      <c r="C4238">
        <v>3345.45</v>
      </c>
      <c r="D4238">
        <v>1</v>
      </c>
      <c r="E4238">
        <v>6839.5</v>
      </c>
      <c r="F4238">
        <v>27.985399999999998</v>
      </c>
    </row>
    <row r="4239" spans="1:6" x14ac:dyDescent="0.25">
      <c r="A4239">
        <v>142.26</v>
      </c>
      <c r="B4239">
        <v>204.04</v>
      </c>
      <c r="C4239">
        <v>3345.45</v>
      </c>
      <c r="D4239">
        <v>1.3</v>
      </c>
      <c r="E4239">
        <v>6336.96</v>
      </c>
      <c r="F4239">
        <v>32.643500000000003</v>
      </c>
    </row>
    <row r="4240" spans="1:6" x14ac:dyDescent="0.25">
      <c r="A4240">
        <v>142.26</v>
      </c>
      <c r="B4240">
        <v>204.04</v>
      </c>
      <c r="C4240">
        <v>3345.45</v>
      </c>
      <c r="D4240">
        <v>1.6</v>
      </c>
      <c r="E4240">
        <v>6024.89</v>
      </c>
      <c r="F4240">
        <v>39.701999999999998</v>
      </c>
    </row>
    <row r="4241" spans="1:6" x14ac:dyDescent="0.25">
      <c r="A4241">
        <v>142.26</v>
      </c>
      <c r="B4241">
        <v>204.04</v>
      </c>
      <c r="C4241">
        <v>3345.45</v>
      </c>
      <c r="D4241">
        <v>1.9</v>
      </c>
      <c r="E4241">
        <v>5762.39</v>
      </c>
      <c r="F4241">
        <v>41.216799999999999</v>
      </c>
    </row>
    <row r="4242" spans="1:6" x14ac:dyDescent="0.25">
      <c r="A4242">
        <v>142.26</v>
      </c>
      <c r="B4242">
        <v>204.04</v>
      </c>
      <c r="C4242">
        <v>3345.45</v>
      </c>
      <c r="D4242">
        <v>2.2000000000000002</v>
      </c>
      <c r="E4242">
        <v>5508.65</v>
      </c>
      <c r="F4242">
        <v>49.104900000000001</v>
      </c>
    </row>
    <row r="4243" spans="1:6" x14ac:dyDescent="0.25">
      <c r="A4243">
        <v>142.26</v>
      </c>
      <c r="B4243">
        <v>204.04</v>
      </c>
      <c r="C4243">
        <v>3345.45</v>
      </c>
      <c r="D4243">
        <v>2.5</v>
      </c>
      <c r="E4243">
        <v>5333.76</v>
      </c>
      <c r="F4243">
        <v>51.404299999999999</v>
      </c>
    </row>
    <row r="4244" spans="1:6" x14ac:dyDescent="0.25">
      <c r="A4244">
        <v>142.26</v>
      </c>
      <c r="B4244">
        <v>204.04</v>
      </c>
      <c r="C4244">
        <v>3345.45</v>
      </c>
      <c r="D4244">
        <v>2.8</v>
      </c>
      <c r="E4244">
        <v>5149.3599999999997</v>
      </c>
      <c r="F4244">
        <v>54.9754</v>
      </c>
    </row>
    <row r="4245" spans="1:6" x14ac:dyDescent="0.25">
      <c r="A4245">
        <v>142.26</v>
      </c>
      <c r="B4245">
        <v>204.04</v>
      </c>
      <c r="C4245">
        <v>3345.45</v>
      </c>
      <c r="D4245">
        <v>3.1</v>
      </c>
      <c r="E4245">
        <v>5041.8500000000004</v>
      </c>
      <c r="F4245">
        <v>54.842199999999998</v>
      </c>
    </row>
    <row r="4246" spans="1:6" x14ac:dyDescent="0.25">
      <c r="A4246">
        <v>142.26</v>
      </c>
      <c r="B4246">
        <v>204.04</v>
      </c>
      <c r="C4246">
        <v>3345.45</v>
      </c>
      <c r="D4246">
        <v>3.4</v>
      </c>
      <c r="E4246">
        <v>4910.79</v>
      </c>
      <c r="F4246">
        <v>58.383699999999997</v>
      </c>
    </row>
    <row r="4247" spans="1:6" x14ac:dyDescent="0.25">
      <c r="A4247">
        <v>142.26</v>
      </c>
      <c r="B4247">
        <v>204.04</v>
      </c>
      <c r="C4247">
        <v>3345.45</v>
      </c>
      <c r="D4247">
        <v>3.7</v>
      </c>
      <c r="E4247">
        <v>4825.6099999999997</v>
      </c>
      <c r="F4247">
        <v>60.483699999999999</v>
      </c>
    </row>
    <row r="4248" spans="1:6" x14ac:dyDescent="0.25">
      <c r="A4248">
        <v>142.26</v>
      </c>
      <c r="B4248">
        <v>204.04</v>
      </c>
      <c r="C4248">
        <v>3345.45</v>
      </c>
      <c r="D4248">
        <v>4</v>
      </c>
      <c r="E4248">
        <v>4796.1400000000003</v>
      </c>
      <c r="F4248">
        <v>63.755200000000002</v>
      </c>
    </row>
    <row r="4249" spans="1:6" x14ac:dyDescent="0.25">
      <c r="A4249">
        <v>142.26</v>
      </c>
      <c r="B4249">
        <v>204.04</v>
      </c>
      <c r="C4249">
        <v>4890.8999999999996</v>
      </c>
      <c r="D4249">
        <v>1</v>
      </c>
      <c r="E4249">
        <v>8203.69</v>
      </c>
      <c r="F4249">
        <v>11.8453</v>
      </c>
    </row>
    <row r="4250" spans="1:6" x14ac:dyDescent="0.25">
      <c r="A4250">
        <v>142.26</v>
      </c>
      <c r="B4250">
        <v>204.04</v>
      </c>
      <c r="C4250">
        <v>4890.8999999999996</v>
      </c>
      <c r="D4250">
        <v>1.3</v>
      </c>
      <c r="E4250">
        <v>7906.16</v>
      </c>
      <c r="F4250">
        <v>14.283200000000001</v>
      </c>
    </row>
    <row r="4251" spans="1:6" x14ac:dyDescent="0.25">
      <c r="A4251">
        <v>142.26</v>
      </c>
      <c r="B4251">
        <v>204.04</v>
      </c>
      <c r="C4251">
        <v>4890.8999999999996</v>
      </c>
      <c r="D4251">
        <v>1.6</v>
      </c>
      <c r="E4251">
        <v>7255.39</v>
      </c>
      <c r="F4251">
        <v>14.173400000000001</v>
      </c>
    </row>
    <row r="4252" spans="1:6" x14ac:dyDescent="0.25">
      <c r="A4252">
        <v>142.26</v>
      </c>
      <c r="B4252">
        <v>204.04</v>
      </c>
      <c r="C4252">
        <v>4890.8999999999996</v>
      </c>
      <c r="D4252">
        <v>1.9</v>
      </c>
      <c r="E4252">
        <v>7131.17</v>
      </c>
      <c r="F4252">
        <v>13.783799999999999</v>
      </c>
    </row>
    <row r="4253" spans="1:6" x14ac:dyDescent="0.25">
      <c r="A4253">
        <v>142.26</v>
      </c>
      <c r="B4253">
        <v>204.04</v>
      </c>
      <c r="C4253">
        <v>4890.8999999999996</v>
      </c>
      <c r="D4253">
        <v>2.2000000000000002</v>
      </c>
      <c r="E4253">
        <v>6925.05</v>
      </c>
      <c r="F4253">
        <v>14.2498</v>
      </c>
    </row>
    <row r="4254" spans="1:6" x14ac:dyDescent="0.25">
      <c r="A4254">
        <v>142.26</v>
      </c>
      <c r="B4254">
        <v>204.04</v>
      </c>
      <c r="C4254">
        <v>4890.8999999999996</v>
      </c>
      <c r="D4254">
        <v>2.5</v>
      </c>
      <c r="E4254">
        <v>6780.3</v>
      </c>
      <c r="F4254">
        <v>14.093999999999999</v>
      </c>
    </row>
    <row r="4255" spans="1:6" x14ac:dyDescent="0.25">
      <c r="A4255">
        <v>142.26</v>
      </c>
      <c r="B4255">
        <v>204.04</v>
      </c>
      <c r="C4255">
        <v>4890.8999999999996</v>
      </c>
      <c r="D4255">
        <v>2.8</v>
      </c>
      <c r="E4255">
        <v>6583.69</v>
      </c>
      <c r="F4255">
        <v>13.511100000000001</v>
      </c>
    </row>
    <row r="4256" spans="1:6" x14ac:dyDescent="0.25">
      <c r="A4256">
        <v>142.26</v>
      </c>
      <c r="B4256">
        <v>204.04</v>
      </c>
      <c r="C4256">
        <v>4890.8999999999996</v>
      </c>
      <c r="D4256">
        <v>3.1</v>
      </c>
      <c r="E4256">
        <v>6501.5</v>
      </c>
      <c r="F4256">
        <v>14.8764</v>
      </c>
    </row>
    <row r="4257" spans="1:6" x14ac:dyDescent="0.25">
      <c r="A4257">
        <v>142.26</v>
      </c>
      <c r="B4257">
        <v>204.04</v>
      </c>
      <c r="C4257">
        <v>4890.8999999999996</v>
      </c>
      <c r="D4257">
        <v>3.4</v>
      </c>
      <c r="E4257">
        <v>6397.06</v>
      </c>
      <c r="F4257">
        <v>15.3142</v>
      </c>
    </row>
    <row r="4258" spans="1:6" x14ac:dyDescent="0.25">
      <c r="A4258">
        <v>142.26</v>
      </c>
      <c r="B4258">
        <v>204.04</v>
      </c>
      <c r="C4258">
        <v>4890.8999999999996</v>
      </c>
      <c r="D4258">
        <v>3.7</v>
      </c>
      <c r="E4258">
        <v>6269.73</v>
      </c>
      <c r="F4258">
        <v>19.847799999999999</v>
      </c>
    </row>
    <row r="4259" spans="1:6" x14ac:dyDescent="0.25">
      <c r="A4259">
        <v>142.26</v>
      </c>
      <c r="B4259">
        <v>204.04</v>
      </c>
      <c r="C4259">
        <v>4890.8999999999996</v>
      </c>
      <c r="D4259">
        <v>4</v>
      </c>
      <c r="E4259">
        <v>6220.78</v>
      </c>
      <c r="F4259">
        <v>21.8049</v>
      </c>
    </row>
    <row r="4260" spans="1:6" x14ac:dyDescent="0.25">
      <c r="A4260">
        <v>142.26</v>
      </c>
      <c r="B4260">
        <v>204.04</v>
      </c>
      <c r="C4260">
        <v>6436.35</v>
      </c>
      <c r="D4260">
        <v>1</v>
      </c>
      <c r="E4260">
        <v>10424.799999999999</v>
      </c>
      <c r="F4260">
        <v>15.405200000000001</v>
      </c>
    </row>
    <row r="4261" spans="1:6" x14ac:dyDescent="0.25">
      <c r="A4261">
        <v>142.26</v>
      </c>
      <c r="B4261">
        <v>204.04</v>
      </c>
      <c r="C4261">
        <v>6436.35</v>
      </c>
      <c r="D4261">
        <v>1.3</v>
      </c>
      <c r="E4261">
        <v>9396.5</v>
      </c>
      <c r="F4261">
        <v>14.7537</v>
      </c>
    </row>
    <row r="4262" spans="1:6" x14ac:dyDescent="0.25">
      <c r="A4262">
        <v>142.26</v>
      </c>
      <c r="B4262">
        <v>204.04</v>
      </c>
      <c r="C4262">
        <v>6436.35</v>
      </c>
      <c r="D4262">
        <v>1.6</v>
      </c>
      <c r="E4262">
        <v>9042.59</v>
      </c>
      <c r="F4262">
        <v>14.1135</v>
      </c>
    </row>
    <row r="4263" spans="1:6" x14ac:dyDescent="0.25">
      <c r="A4263">
        <v>142.26</v>
      </c>
      <c r="B4263">
        <v>204.04</v>
      </c>
      <c r="C4263">
        <v>6436.35</v>
      </c>
      <c r="D4263">
        <v>1.9</v>
      </c>
      <c r="E4263">
        <v>8559.5300000000007</v>
      </c>
      <c r="F4263">
        <v>14.279400000000001</v>
      </c>
    </row>
    <row r="4264" spans="1:6" x14ac:dyDescent="0.25">
      <c r="A4264">
        <v>142.26</v>
      </c>
      <c r="B4264">
        <v>204.04</v>
      </c>
      <c r="C4264">
        <v>6436.35</v>
      </c>
      <c r="D4264">
        <v>2.2000000000000002</v>
      </c>
      <c r="E4264">
        <v>8497.2099999999991</v>
      </c>
      <c r="F4264">
        <v>15.9641</v>
      </c>
    </row>
    <row r="4265" spans="1:6" x14ac:dyDescent="0.25">
      <c r="A4265">
        <v>142.26</v>
      </c>
      <c r="B4265">
        <v>204.04</v>
      </c>
      <c r="C4265">
        <v>6436.35</v>
      </c>
      <c r="D4265">
        <v>2.5</v>
      </c>
      <c r="E4265">
        <v>8273.94</v>
      </c>
      <c r="F4265">
        <v>16.028099999999998</v>
      </c>
    </row>
    <row r="4266" spans="1:6" x14ac:dyDescent="0.25">
      <c r="A4266">
        <v>142.26</v>
      </c>
      <c r="B4266">
        <v>204.04</v>
      </c>
      <c r="C4266">
        <v>6436.35</v>
      </c>
      <c r="D4266">
        <v>2.8</v>
      </c>
      <c r="E4266">
        <v>8107.44</v>
      </c>
      <c r="F4266">
        <v>16.055</v>
      </c>
    </row>
    <row r="4267" spans="1:6" x14ac:dyDescent="0.25">
      <c r="A4267">
        <v>142.26</v>
      </c>
      <c r="B4267">
        <v>204.04</v>
      </c>
      <c r="C4267">
        <v>6436.35</v>
      </c>
      <c r="D4267">
        <v>3.1</v>
      </c>
      <c r="E4267">
        <v>8008.38</v>
      </c>
      <c r="F4267">
        <v>16.066299999999998</v>
      </c>
    </row>
    <row r="4268" spans="1:6" x14ac:dyDescent="0.25">
      <c r="A4268">
        <v>142.26</v>
      </c>
      <c r="B4268">
        <v>204.04</v>
      </c>
      <c r="C4268">
        <v>6436.35</v>
      </c>
      <c r="D4268">
        <v>3.4</v>
      </c>
      <c r="E4268">
        <v>7876.17</v>
      </c>
      <c r="F4268">
        <v>15.8484</v>
      </c>
    </row>
    <row r="4269" spans="1:6" x14ac:dyDescent="0.25">
      <c r="A4269">
        <v>142.26</v>
      </c>
      <c r="B4269">
        <v>204.04</v>
      </c>
      <c r="C4269">
        <v>6436.35</v>
      </c>
      <c r="D4269">
        <v>3.7</v>
      </c>
      <c r="E4269">
        <v>7826.42</v>
      </c>
      <c r="F4269">
        <v>15.674799999999999</v>
      </c>
    </row>
    <row r="4270" spans="1:6" x14ac:dyDescent="0.25">
      <c r="A4270">
        <v>142.26</v>
      </c>
      <c r="B4270">
        <v>204.04</v>
      </c>
      <c r="C4270">
        <v>6436.35</v>
      </c>
      <c r="D4270">
        <v>4</v>
      </c>
      <c r="E4270">
        <v>7734.86</v>
      </c>
      <c r="F4270">
        <v>15.530900000000001</v>
      </c>
    </row>
    <row r="4271" spans="1:6" x14ac:dyDescent="0.25">
      <c r="A4271">
        <v>142.26</v>
      </c>
      <c r="B4271">
        <v>204.04</v>
      </c>
      <c r="C4271">
        <v>7981.8</v>
      </c>
      <c r="D4271">
        <v>1</v>
      </c>
      <c r="E4271">
        <v>11848.6</v>
      </c>
      <c r="F4271">
        <v>15.405200000000001</v>
      </c>
    </row>
    <row r="4272" spans="1:6" x14ac:dyDescent="0.25">
      <c r="A4272">
        <v>142.26</v>
      </c>
      <c r="B4272">
        <v>204.04</v>
      </c>
      <c r="C4272">
        <v>7981.8</v>
      </c>
      <c r="D4272">
        <v>1.3</v>
      </c>
      <c r="E4272">
        <v>10974.7</v>
      </c>
      <c r="F4272">
        <v>16.369299999999999</v>
      </c>
    </row>
    <row r="4273" spans="1:6" x14ac:dyDescent="0.25">
      <c r="A4273">
        <v>142.26</v>
      </c>
      <c r="B4273">
        <v>204.04</v>
      </c>
      <c r="C4273">
        <v>7981.8</v>
      </c>
      <c r="D4273">
        <v>1.6</v>
      </c>
      <c r="E4273">
        <v>10420</v>
      </c>
      <c r="F4273">
        <v>16.450199999999999</v>
      </c>
    </row>
    <row r="4274" spans="1:6" x14ac:dyDescent="0.25">
      <c r="A4274">
        <v>142.26</v>
      </c>
      <c r="B4274">
        <v>204.04</v>
      </c>
      <c r="C4274">
        <v>7981.8</v>
      </c>
      <c r="D4274">
        <v>1.9</v>
      </c>
      <c r="E4274">
        <v>10263</v>
      </c>
      <c r="F4274">
        <v>16.490600000000001</v>
      </c>
    </row>
    <row r="4275" spans="1:6" x14ac:dyDescent="0.25">
      <c r="A4275">
        <v>142.26</v>
      </c>
      <c r="B4275">
        <v>204.04</v>
      </c>
      <c r="C4275">
        <v>7981.8</v>
      </c>
      <c r="D4275">
        <v>2.2000000000000002</v>
      </c>
      <c r="E4275">
        <v>9971.16</v>
      </c>
      <c r="F4275">
        <v>15.9641</v>
      </c>
    </row>
    <row r="4276" spans="1:6" x14ac:dyDescent="0.25">
      <c r="A4276">
        <v>142.26</v>
      </c>
      <c r="B4276">
        <v>204.04</v>
      </c>
      <c r="C4276">
        <v>7981.8</v>
      </c>
      <c r="D4276">
        <v>2.5</v>
      </c>
      <c r="E4276">
        <v>9736.5300000000007</v>
      </c>
      <c r="F4276">
        <v>16.028099999999998</v>
      </c>
    </row>
    <row r="4277" spans="1:6" x14ac:dyDescent="0.25">
      <c r="A4277">
        <v>142.26</v>
      </c>
      <c r="B4277">
        <v>204.04</v>
      </c>
      <c r="C4277">
        <v>7981.8</v>
      </c>
      <c r="D4277">
        <v>2.8</v>
      </c>
      <c r="E4277">
        <v>9705.7999999999993</v>
      </c>
      <c r="F4277">
        <v>16.055</v>
      </c>
    </row>
    <row r="4278" spans="1:6" x14ac:dyDescent="0.25">
      <c r="A4278">
        <v>142.26</v>
      </c>
      <c r="B4278">
        <v>204.04</v>
      </c>
      <c r="C4278">
        <v>7981.8</v>
      </c>
      <c r="D4278">
        <v>3.1</v>
      </c>
      <c r="E4278">
        <v>9576.64</v>
      </c>
      <c r="F4278">
        <v>16.077300000000001</v>
      </c>
    </row>
    <row r="4279" spans="1:6" x14ac:dyDescent="0.25">
      <c r="A4279">
        <v>142.26</v>
      </c>
      <c r="B4279">
        <v>204.04</v>
      </c>
      <c r="C4279">
        <v>7981.8</v>
      </c>
      <c r="D4279">
        <v>3.4</v>
      </c>
      <c r="E4279">
        <v>9466.8700000000008</v>
      </c>
      <c r="F4279">
        <v>16.081800000000001</v>
      </c>
    </row>
    <row r="4280" spans="1:6" x14ac:dyDescent="0.25">
      <c r="A4280">
        <v>142.26</v>
      </c>
      <c r="B4280">
        <v>204.04</v>
      </c>
      <c r="C4280">
        <v>7981.8</v>
      </c>
      <c r="D4280">
        <v>3.7</v>
      </c>
      <c r="E4280">
        <v>9333.69</v>
      </c>
      <c r="F4280">
        <v>16.085699999999999</v>
      </c>
    </row>
    <row r="4281" spans="1:6" x14ac:dyDescent="0.25">
      <c r="A4281">
        <v>142.26</v>
      </c>
      <c r="B4281">
        <v>204.04</v>
      </c>
      <c r="C4281">
        <v>7981.8</v>
      </c>
      <c r="D4281">
        <v>4</v>
      </c>
      <c r="E4281">
        <v>9237.5400000000009</v>
      </c>
      <c r="F4281">
        <v>16.075900000000001</v>
      </c>
    </row>
    <row r="4282" spans="1:6" x14ac:dyDescent="0.25">
      <c r="A4282">
        <v>142.26</v>
      </c>
      <c r="B4282">
        <v>204.04</v>
      </c>
      <c r="C4282">
        <v>9527.25</v>
      </c>
      <c r="D4282">
        <v>1</v>
      </c>
      <c r="E4282">
        <v>13395.1</v>
      </c>
      <c r="F4282">
        <v>15.405200000000001</v>
      </c>
    </row>
    <row r="4283" spans="1:6" x14ac:dyDescent="0.25">
      <c r="A4283">
        <v>142.26</v>
      </c>
      <c r="B4283">
        <v>204.04</v>
      </c>
      <c r="C4283">
        <v>9527.25</v>
      </c>
      <c r="D4283">
        <v>1.3</v>
      </c>
      <c r="E4283">
        <v>12706.3</v>
      </c>
      <c r="F4283">
        <v>16.369299999999999</v>
      </c>
    </row>
    <row r="4284" spans="1:6" x14ac:dyDescent="0.25">
      <c r="A4284">
        <v>142.26</v>
      </c>
      <c r="B4284">
        <v>204.04</v>
      </c>
      <c r="C4284">
        <v>9527.25</v>
      </c>
      <c r="D4284">
        <v>1.6</v>
      </c>
      <c r="E4284">
        <v>11977.3</v>
      </c>
      <c r="F4284">
        <v>16.450199999999999</v>
      </c>
    </row>
    <row r="4285" spans="1:6" x14ac:dyDescent="0.25">
      <c r="A4285">
        <v>142.26</v>
      </c>
      <c r="B4285">
        <v>204.04</v>
      </c>
      <c r="C4285">
        <v>9527.25</v>
      </c>
      <c r="D4285">
        <v>1.9</v>
      </c>
      <c r="E4285">
        <v>11615.5</v>
      </c>
      <c r="F4285">
        <v>16.490600000000001</v>
      </c>
    </row>
    <row r="4286" spans="1:6" x14ac:dyDescent="0.25">
      <c r="A4286">
        <v>142.26</v>
      </c>
      <c r="B4286">
        <v>204.04</v>
      </c>
      <c r="C4286">
        <v>9527.25</v>
      </c>
      <c r="D4286">
        <v>2.2000000000000002</v>
      </c>
      <c r="E4286">
        <v>11575.4</v>
      </c>
      <c r="F4286">
        <v>15.9641</v>
      </c>
    </row>
    <row r="4287" spans="1:6" x14ac:dyDescent="0.25">
      <c r="A4287">
        <v>142.26</v>
      </c>
      <c r="B4287">
        <v>204.04</v>
      </c>
      <c r="C4287">
        <v>9527.25</v>
      </c>
      <c r="D4287">
        <v>2.5</v>
      </c>
      <c r="E4287">
        <v>11323.6</v>
      </c>
      <c r="F4287">
        <v>16.028099999999998</v>
      </c>
    </row>
    <row r="4288" spans="1:6" x14ac:dyDescent="0.25">
      <c r="A4288">
        <v>142.26</v>
      </c>
      <c r="B4288">
        <v>204.04</v>
      </c>
      <c r="C4288">
        <v>9527.25</v>
      </c>
      <c r="D4288">
        <v>2.8</v>
      </c>
      <c r="E4288">
        <v>11167.6</v>
      </c>
      <c r="F4288">
        <v>16.055</v>
      </c>
    </row>
    <row r="4289" spans="1:6" x14ac:dyDescent="0.25">
      <c r="A4289">
        <v>142.26</v>
      </c>
      <c r="B4289">
        <v>204.04</v>
      </c>
      <c r="C4289">
        <v>9527.25</v>
      </c>
      <c r="D4289">
        <v>3.1</v>
      </c>
      <c r="E4289">
        <v>11123.2</v>
      </c>
      <c r="F4289">
        <v>16.077300000000001</v>
      </c>
    </row>
    <row r="4290" spans="1:6" x14ac:dyDescent="0.25">
      <c r="A4290">
        <v>142.26</v>
      </c>
      <c r="B4290">
        <v>204.04</v>
      </c>
      <c r="C4290">
        <v>9527.25</v>
      </c>
      <c r="D4290">
        <v>3.4</v>
      </c>
      <c r="E4290">
        <v>10983.3</v>
      </c>
      <c r="F4290">
        <v>16.081800000000001</v>
      </c>
    </row>
    <row r="4291" spans="1:6" x14ac:dyDescent="0.25">
      <c r="A4291">
        <v>142.26</v>
      </c>
      <c r="B4291">
        <v>204.04</v>
      </c>
      <c r="C4291">
        <v>9527.25</v>
      </c>
      <c r="D4291">
        <v>3.7</v>
      </c>
      <c r="E4291">
        <v>10864.9</v>
      </c>
      <c r="F4291">
        <v>16.085699999999999</v>
      </c>
    </row>
    <row r="4292" spans="1:6" x14ac:dyDescent="0.25">
      <c r="A4292">
        <v>142.26</v>
      </c>
      <c r="B4292">
        <v>204.04</v>
      </c>
      <c r="C4292">
        <v>9527.25</v>
      </c>
      <c r="D4292">
        <v>4</v>
      </c>
      <c r="E4292">
        <v>10858</v>
      </c>
      <c r="F4292">
        <v>16.075900000000001</v>
      </c>
    </row>
    <row r="4293" spans="1:6" x14ac:dyDescent="0.25">
      <c r="A4293">
        <v>142.26</v>
      </c>
      <c r="B4293">
        <v>204.04</v>
      </c>
      <c r="C4293">
        <v>11072.7</v>
      </c>
      <c r="D4293">
        <v>1</v>
      </c>
      <c r="E4293">
        <v>14999.4</v>
      </c>
      <c r="F4293">
        <v>15.405200000000001</v>
      </c>
    </row>
    <row r="4294" spans="1:6" x14ac:dyDescent="0.25">
      <c r="A4294">
        <v>142.26</v>
      </c>
      <c r="B4294">
        <v>204.04</v>
      </c>
      <c r="C4294">
        <v>11072.7</v>
      </c>
      <c r="D4294">
        <v>1.3</v>
      </c>
      <c r="E4294">
        <v>14126.8</v>
      </c>
      <c r="F4294">
        <v>16.369299999999999</v>
      </c>
    </row>
    <row r="4295" spans="1:6" x14ac:dyDescent="0.25">
      <c r="A4295">
        <v>142.26</v>
      </c>
      <c r="B4295">
        <v>204.04</v>
      </c>
      <c r="C4295">
        <v>11072.7</v>
      </c>
      <c r="D4295">
        <v>1.6</v>
      </c>
      <c r="E4295">
        <v>13520.4</v>
      </c>
      <c r="F4295">
        <v>16.450199999999999</v>
      </c>
    </row>
    <row r="4296" spans="1:6" x14ac:dyDescent="0.25">
      <c r="A4296">
        <v>142.26</v>
      </c>
      <c r="B4296">
        <v>204.04</v>
      </c>
      <c r="C4296">
        <v>11072.7</v>
      </c>
      <c r="D4296">
        <v>1.9</v>
      </c>
      <c r="E4296">
        <v>13326.2</v>
      </c>
      <c r="F4296">
        <v>16.490600000000001</v>
      </c>
    </row>
    <row r="4297" spans="1:6" x14ac:dyDescent="0.25">
      <c r="A4297">
        <v>142.26</v>
      </c>
      <c r="B4297">
        <v>204.04</v>
      </c>
      <c r="C4297">
        <v>11072.7</v>
      </c>
      <c r="D4297">
        <v>2.2000000000000002</v>
      </c>
      <c r="E4297">
        <v>13019.4</v>
      </c>
      <c r="F4297">
        <v>15.9641</v>
      </c>
    </row>
    <row r="4298" spans="1:6" x14ac:dyDescent="0.25">
      <c r="A4298">
        <v>142.26</v>
      </c>
      <c r="B4298">
        <v>204.04</v>
      </c>
      <c r="C4298">
        <v>11072.7</v>
      </c>
      <c r="D4298">
        <v>2.5</v>
      </c>
      <c r="E4298">
        <v>12968.4</v>
      </c>
      <c r="F4298">
        <v>16.028099999999998</v>
      </c>
    </row>
    <row r="4299" spans="1:6" x14ac:dyDescent="0.25">
      <c r="A4299">
        <v>142.26</v>
      </c>
      <c r="B4299">
        <v>204.04</v>
      </c>
      <c r="C4299">
        <v>11072.7</v>
      </c>
      <c r="D4299">
        <v>2.8</v>
      </c>
      <c r="E4299">
        <v>12745.1</v>
      </c>
      <c r="F4299">
        <v>16.055</v>
      </c>
    </row>
    <row r="4300" spans="1:6" x14ac:dyDescent="0.25">
      <c r="A4300">
        <v>142.26</v>
      </c>
      <c r="B4300">
        <v>204.04</v>
      </c>
      <c r="C4300">
        <v>11072.7</v>
      </c>
      <c r="D4300">
        <v>3.1</v>
      </c>
      <c r="E4300">
        <v>12685.1</v>
      </c>
      <c r="F4300">
        <v>16.077300000000001</v>
      </c>
    </row>
    <row r="4301" spans="1:6" x14ac:dyDescent="0.25">
      <c r="A4301">
        <v>142.26</v>
      </c>
      <c r="B4301">
        <v>204.04</v>
      </c>
      <c r="C4301">
        <v>11072.7</v>
      </c>
      <c r="D4301">
        <v>3.4</v>
      </c>
      <c r="E4301">
        <v>12530.7</v>
      </c>
      <c r="F4301">
        <v>16.081800000000001</v>
      </c>
    </row>
    <row r="4302" spans="1:6" x14ac:dyDescent="0.25">
      <c r="A4302">
        <v>142.26</v>
      </c>
      <c r="B4302">
        <v>204.04</v>
      </c>
      <c r="C4302">
        <v>11072.7</v>
      </c>
      <c r="D4302">
        <v>3.7</v>
      </c>
      <c r="E4302">
        <v>12399.2</v>
      </c>
      <c r="F4302">
        <v>16.085699999999999</v>
      </c>
    </row>
    <row r="4303" spans="1:6" x14ac:dyDescent="0.25">
      <c r="A4303">
        <v>142.26</v>
      </c>
      <c r="B4303">
        <v>204.04</v>
      </c>
      <c r="C4303">
        <v>11072.7</v>
      </c>
      <c r="D4303">
        <v>4</v>
      </c>
      <c r="E4303">
        <v>12377.8</v>
      </c>
      <c r="F4303">
        <v>16.075900000000001</v>
      </c>
    </row>
    <row r="4304" spans="1:6" x14ac:dyDescent="0.25">
      <c r="A4304">
        <v>142.26</v>
      </c>
      <c r="B4304">
        <v>204.04</v>
      </c>
      <c r="C4304">
        <v>12618.2</v>
      </c>
      <c r="D4304">
        <v>1</v>
      </c>
      <c r="E4304">
        <v>16677.900000000001</v>
      </c>
      <c r="F4304">
        <v>15.405200000000001</v>
      </c>
    </row>
    <row r="4305" spans="1:6" x14ac:dyDescent="0.25">
      <c r="A4305">
        <v>142.26</v>
      </c>
      <c r="B4305">
        <v>204.04</v>
      </c>
      <c r="C4305">
        <v>12618.2</v>
      </c>
      <c r="D4305">
        <v>1.3</v>
      </c>
      <c r="E4305">
        <v>15683.8</v>
      </c>
      <c r="F4305">
        <v>16.369299999999999</v>
      </c>
    </row>
    <row r="4306" spans="1:6" x14ac:dyDescent="0.25">
      <c r="A4306">
        <v>142.26</v>
      </c>
      <c r="B4306">
        <v>204.04</v>
      </c>
      <c r="C4306">
        <v>12618.2</v>
      </c>
      <c r="D4306">
        <v>1.6</v>
      </c>
      <c r="E4306">
        <v>15051.8</v>
      </c>
      <c r="F4306">
        <v>16.450199999999999</v>
      </c>
    </row>
    <row r="4307" spans="1:6" x14ac:dyDescent="0.25">
      <c r="A4307">
        <v>142.26</v>
      </c>
      <c r="B4307">
        <v>204.04</v>
      </c>
      <c r="C4307">
        <v>12618.2</v>
      </c>
      <c r="D4307">
        <v>1.9</v>
      </c>
      <c r="E4307">
        <v>14678.4</v>
      </c>
      <c r="F4307">
        <v>16.490600000000001</v>
      </c>
    </row>
    <row r="4308" spans="1:6" x14ac:dyDescent="0.25">
      <c r="A4308">
        <v>142.26</v>
      </c>
      <c r="B4308">
        <v>204.04</v>
      </c>
      <c r="C4308">
        <v>12618.2</v>
      </c>
      <c r="D4308">
        <v>2.2000000000000002</v>
      </c>
      <c r="E4308">
        <v>14689.9</v>
      </c>
      <c r="F4308">
        <v>15.9641</v>
      </c>
    </row>
    <row r="4309" spans="1:6" x14ac:dyDescent="0.25">
      <c r="A4309">
        <v>142.26</v>
      </c>
      <c r="B4309">
        <v>204.04</v>
      </c>
      <c r="C4309">
        <v>12618.2</v>
      </c>
      <c r="D4309">
        <v>2.5</v>
      </c>
      <c r="E4309">
        <v>14462.5</v>
      </c>
      <c r="F4309">
        <v>16.028099999999998</v>
      </c>
    </row>
    <row r="4310" spans="1:6" x14ac:dyDescent="0.25">
      <c r="A4310">
        <v>142.26</v>
      </c>
      <c r="B4310">
        <v>204.04</v>
      </c>
      <c r="C4310">
        <v>12618.2</v>
      </c>
      <c r="D4310">
        <v>2.8</v>
      </c>
      <c r="E4310">
        <v>14282.2</v>
      </c>
      <c r="F4310">
        <v>16.055</v>
      </c>
    </row>
    <row r="4311" spans="1:6" x14ac:dyDescent="0.25">
      <c r="A4311">
        <v>142.26</v>
      </c>
      <c r="B4311">
        <v>204.04</v>
      </c>
      <c r="C4311">
        <v>12618.2</v>
      </c>
      <c r="D4311">
        <v>3.1</v>
      </c>
      <c r="E4311">
        <v>14151.6</v>
      </c>
      <c r="F4311">
        <v>16.077300000000001</v>
      </c>
    </row>
    <row r="4312" spans="1:6" x14ac:dyDescent="0.25">
      <c r="A4312">
        <v>142.26</v>
      </c>
      <c r="B4312">
        <v>204.04</v>
      </c>
      <c r="C4312">
        <v>12618.2</v>
      </c>
      <c r="D4312">
        <v>3.4</v>
      </c>
      <c r="E4312">
        <v>14040.3</v>
      </c>
      <c r="F4312">
        <v>16.081800000000001</v>
      </c>
    </row>
    <row r="4313" spans="1:6" x14ac:dyDescent="0.25">
      <c r="A4313">
        <v>142.26</v>
      </c>
      <c r="B4313">
        <v>204.04</v>
      </c>
      <c r="C4313">
        <v>12618.2</v>
      </c>
      <c r="D4313">
        <v>3.7</v>
      </c>
      <c r="E4313">
        <v>14044.8</v>
      </c>
      <c r="F4313">
        <v>16.085699999999999</v>
      </c>
    </row>
    <row r="4314" spans="1:6" x14ac:dyDescent="0.25">
      <c r="A4314">
        <v>142.26</v>
      </c>
      <c r="B4314">
        <v>204.04</v>
      </c>
      <c r="C4314">
        <v>12618.2</v>
      </c>
      <c r="D4314">
        <v>4</v>
      </c>
      <c r="E4314">
        <v>13947.7</v>
      </c>
      <c r="F4314">
        <v>16.075900000000001</v>
      </c>
    </row>
    <row r="4315" spans="1:6" x14ac:dyDescent="0.25">
      <c r="A4315">
        <v>142.26</v>
      </c>
      <c r="B4315">
        <v>204.04</v>
      </c>
      <c r="C4315">
        <v>14163.6</v>
      </c>
      <c r="D4315">
        <v>1</v>
      </c>
      <c r="E4315">
        <v>18011.8</v>
      </c>
      <c r="F4315">
        <v>15.405200000000001</v>
      </c>
    </row>
    <row r="4316" spans="1:6" x14ac:dyDescent="0.25">
      <c r="A4316">
        <v>142.26</v>
      </c>
      <c r="B4316">
        <v>204.04</v>
      </c>
      <c r="C4316">
        <v>14163.6</v>
      </c>
      <c r="D4316">
        <v>1.3</v>
      </c>
      <c r="E4316">
        <v>17073</v>
      </c>
      <c r="F4316">
        <v>16.369299999999999</v>
      </c>
    </row>
    <row r="4317" spans="1:6" x14ac:dyDescent="0.25">
      <c r="A4317">
        <v>142.26</v>
      </c>
      <c r="B4317">
        <v>204.04</v>
      </c>
      <c r="C4317">
        <v>14163.6</v>
      </c>
      <c r="D4317">
        <v>1.6</v>
      </c>
      <c r="E4317">
        <v>16614.7</v>
      </c>
      <c r="F4317">
        <v>16.450199999999999</v>
      </c>
    </row>
    <row r="4318" spans="1:6" x14ac:dyDescent="0.25">
      <c r="A4318">
        <v>142.26</v>
      </c>
      <c r="B4318">
        <v>204.04</v>
      </c>
      <c r="C4318">
        <v>14163.6</v>
      </c>
      <c r="D4318">
        <v>1.9</v>
      </c>
      <c r="E4318">
        <v>16339.1</v>
      </c>
      <c r="F4318">
        <v>16.490600000000001</v>
      </c>
    </row>
    <row r="4319" spans="1:6" x14ac:dyDescent="0.25">
      <c r="A4319">
        <v>142.26</v>
      </c>
      <c r="B4319">
        <v>204.04</v>
      </c>
      <c r="C4319">
        <v>14163.6</v>
      </c>
      <c r="D4319">
        <v>2.2000000000000002</v>
      </c>
      <c r="E4319">
        <v>16233.3</v>
      </c>
      <c r="F4319">
        <v>15.9641</v>
      </c>
    </row>
    <row r="4320" spans="1:6" x14ac:dyDescent="0.25">
      <c r="A4320">
        <v>142.26</v>
      </c>
      <c r="B4320">
        <v>204.04</v>
      </c>
      <c r="C4320">
        <v>14163.6</v>
      </c>
      <c r="D4320">
        <v>2.5</v>
      </c>
      <c r="E4320">
        <v>15985.2</v>
      </c>
      <c r="F4320">
        <v>16.028099999999998</v>
      </c>
    </row>
    <row r="4321" spans="1:6" x14ac:dyDescent="0.25">
      <c r="A4321">
        <v>142.26</v>
      </c>
      <c r="B4321">
        <v>204.04</v>
      </c>
      <c r="C4321">
        <v>14163.6</v>
      </c>
      <c r="D4321">
        <v>2.8</v>
      </c>
      <c r="E4321">
        <v>15867.2</v>
      </c>
      <c r="F4321">
        <v>16.055</v>
      </c>
    </row>
    <row r="4322" spans="1:6" x14ac:dyDescent="0.25">
      <c r="A4322">
        <v>142.26</v>
      </c>
      <c r="B4322">
        <v>204.04</v>
      </c>
      <c r="C4322">
        <v>14163.6</v>
      </c>
      <c r="D4322">
        <v>3.1</v>
      </c>
      <c r="E4322">
        <v>15694.6</v>
      </c>
      <c r="F4322">
        <v>16.077300000000001</v>
      </c>
    </row>
    <row r="4323" spans="1:6" x14ac:dyDescent="0.25">
      <c r="A4323">
        <v>142.26</v>
      </c>
      <c r="B4323">
        <v>204.04</v>
      </c>
      <c r="C4323">
        <v>14163.6</v>
      </c>
      <c r="D4323">
        <v>3.4</v>
      </c>
      <c r="E4323">
        <v>15593.2</v>
      </c>
      <c r="F4323">
        <v>16.081800000000001</v>
      </c>
    </row>
    <row r="4324" spans="1:6" x14ac:dyDescent="0.25">
      <c r="A4324">
        <v>142.26</v>
      </c>
      <c r="B4324">
        <v>204.04</v>
      </c>
      <c r="C4324">
        <v>14163.6</v>
      </c>
      <c r="D4324">
        <v>3.7</v>
      </c>
      <c r="E4324">
        <v>15578.6</v>
      </c>
      <c r="F4324">
        <v>16.085699999999999</v>
      </c>
    </row>
    <row r="4325" spans="1:6" x14ac:dyDescent="0.25">
      <c r="A4325">
        <v>142.26</v>
      </c>
      <c r="B4325">
        <v>204.04</v>
      </c>
      <c r="C4325">
        <v>14163.6</v>
      </c>
      <c r="D4325">
        <v>4</v>
      </c>
      <c r="E4325">
        <v>15472.3</v>
      </c>
      <c r="F4325">
        <v>16.075900000000001</v>
      </c>
    </row>
    <row r="4326" spans="1:6" x14ac:dyDescent="0.25">
      <c r="A4326">
        <v>142.26</v>
      </c>
      <c r="B4326">
        <v>204.04</v>
      </c>
      <c r="C4326">
        <v>15709.1</v>
      </c>
      <c r="D4326">
        <v>1</v>
      </c>
      <c r="E4326">
        <v>19521.599999999999</v>
      </c>
      <c r="F4326">
        <v>15.405200000000001</v>
      </c>
    </row>
    <row r="4327" spans="1:6" x14ac:dyDescent="0.25">
      <c r="A4327">
        <v>142.26</v>
      </c>
      <c r="B4327">
        <v>204.04</v>
      </c>
      <c r="C4327">
        <v>15709.1</v>
      </c>
      <c r="D4327">
        <v>1.3</v>
      </c>
      <c r="E4327">
        <v>18612.2</v>
      </c>
      <c r="F4327">
        <v>16.369299999999999</v>
      </c>
    </row>
    <row r="4328" spans="1:6" x14ac:dyDescent="0.25">
      <c r="A4328">
        <v>142.26</v>
      </c>
      <c r="B4328">
        <v>204.04</v>
      </c>
      <c r="C4328">
        <v>15709.1</v>
      </c>
      <c r="D4328">
        <v>1.6</v>
      </c>
      <c r="E4328">
        <v>18265.900000000001</v>
      </c>
      <c r="F4328">
        <v>16.450199999999999</v>
      </c>
    </row>
    <row r="4329" spans="1:6" x14ac:dyDescent="0.25">
      <c r="A4329">
        <v>142.26</v>
      </c>
      <c r="B4329">
        <v>204.04</v>
      </c>
      <c r="C4329">
        <v>15709.1</v>
      </c>
      <c r="D4329">
        <v>1.9</v>
      </c>
      <c r="E4329">
        <v>17831.599999999999</v>
      </c>
      <c r="F4329">
        <v>16.490600000000001</v>
      </c>
    </row>
    <row r="4330" spans="1:6" x14ac:dyDescent="0.25">
      <c r="A4330">
        <v>142.26</v>
      </c>
      <c r="B4330">
        <v>204.04</v>
      </c>
      <c r="C4330">
        <v>15709.1</v>
      </c>
      <c r="D4330">
        <v>2.2000000000000002</v>
      </c>
      <c r="E4330">
        <v>17739.599999999999</v>
      </c>
      <c r="F4330">
        <v>15.9641</v>
      </c>
    </row>
    <row r="4331" spans="1:6" x14ac:dyDescent="0.25">
      <c r="A4331">
        <v>142.26</v>
      </c>
      <c r="B4331">
        <v>204.04</v>
      </c>
      <c r="C4331">
        <v>15709.1</v>
      </c>
      <c r="D4331">
        <v>2.5</v>
      </c>
      <c r="E4331">
        <v>17584</v>
      </c>
      <c r="F4331">
        <v>16.028099999999998</v>
      </c>
    </row>
    <row r="4332" spans="1:6" x14ac:dyDescent="0.25">
      <c r="A4332">
        <v>142.26</v>
      </c>
      <c r="B4332">
        <v>204.04</v>
      </c>
      <c r="C4332">
        <v>15709.1</v>
      </c>
      <c r="D4332">
        <v>2.8</v>
      </c>
      <c r="E4332">
        <v>17394.8</v>
      </c>
      <c r="F4332">
        <v>16.055</v>
      </c>
    </row>
    <row r="4333" spans="1:6" x14ac:dyDescent="0.25">
      <c r="A4333">
        <v>142.26</v>
      </c>
      <c r="B4333">
        <v>204.04</v>
      </c>
      <c r="C4333">
        <v>15709.1</v>
      </c>
      <c r="D4333">
        <v>3.1</v>
      </c>
      <c r="E4333">
        <v>17241.099999999999</v>
      </c>
      <c r="F4333">
        <v>16.077300000000001</v>
      </c>
    </row>
    <row r="4334" spans="1:6" x14ac:dyDescent="0.25">
      <c r="A4334">
        <v>142.26</v>
      </c>
      <c r="B4334">
        <v>204.04</v>
      </c>
      <c r="C4334">
        <v>15709.1</v>
      </c>
      <c r="D4334">
        <v>3.4</v>
      </c>
      <c r="E4334">
        <v>17136.2</v>
      </c>
      <c r="F4334">
        <v>16.081800000000001</v>
      </c>
    </row>
    <row r="4335" spans="1:6" x14ac:dyDescent="0.25">
      <c r="A4335">
        <v>142.26</v>
      </c>
      <c r="B4335">
        <v>204.04</v>
      </c>
      <c r="C4335">
        <v>15709.1</v>
      </c>
      <c r="D4335">
        <v>3.7</v>
      </c>
      <c r="E4335">
        <v>17117.400000000001</v>
      </c>
      <c r="F4335">
        <v>16.085699999999999</v>
      </c>
    </row>
    <row r="4336" spans="1:6" x14ac:dyDescent="0.25">
      <c r="A4336">
        <v>142.26</v>
      </c>
      <c r="B4336">
        <v>204.04</v>
      </c>
      <c r="C4336">
        <v>15709.1</v>
      </c>
      <c r="D4336">
        <v>4</v>
      </c>
      <c r="E4336">
        <v>17013.2</v>
      </c>
      <c r="F4336">
        <v>16.075900000000001</v>
      </c>
    </row>
    <row r="4337" spans="1:6" x14ac:dyDescent="0.25">
      <c r="A4337">
        <v>142.26</v>
      </c>
      <c r="B4337">
        <v>204.04</v>
      </c>
      <c r="C4337">
        <v>17254.5</v>
      </c>
      <c r="D4337">
        <v>1</v>
      </c>
      <c r="E4337">
        <v>21234.799999999999</v>
      </c>
      <c r="F4337">
        <v>15.405200000000001</v>
      </c>
    </row>
    <row r="4338" spans="1:6" x14ac:dyDescent="0.25">
      <c r="A4338">
        <v>142.26</v>
      </c>
      <c r="B4338">
        <v>204.04</v>
      </c>
      <c r="C4338">
        <v>17254.5</v>
      </c>
      <c r="D4338">
        <v>1.3</v>
      </c>
      <c r="E4338">
        <v>20178.7</v>
      </c>
      <c r="F4338">
        <v>16.369299999999999</v>
      </c>
    </row>
    <row r="4339" spans="1:6" x14ac:dyDescent="0.25">
      <c r="A4339">
        <v>142.26</v>
      </c>
      <c r="B4339">
        <v>204.04</v>
      </c>
      <c r="C4339">
        <v>17254.5</v>
      </c>
      <c r="D4339">
        <v>1.6</v>
      </c>
      <c r="E4339">
        <v>19746.7</v>
      </c>
      <c r="F4339">
        <v>16.450199999999999</v>
      </c>
    </row>
    <row r="4340" spans="1:6" x14ac:dyDescent="0.25">
      <c r="A4340">
        <v>142.26</v>
      </c>
      <c r="B4340">
        <v>204.04</v>
      </c>
      <c r="C4340">
        <v>17254.5</v>
      </c>
      <c r="D4340">
        <v>1.9</v>
      </c>
      <c r="E4340">
        <v>19509.7</v>
      </c>
      <c r="F4340">
        <v>16.490600000000001</v>
      </c>
    </row>
    <row r="4341" spans="1:6" x14ac:dyDescent="0.25">
      <c r="A4341">
        <v>142.26</v>
      </c>
      <c r="B4341">
        <v>204.04</v>
      </c>
      <c r="C4341">
        <v>17254.5</v>
      </c>
      <c r="D4341">
        <v>2.2000000000000002</v>
      </c>
      <c r="E4341">
        <v>19268.7</v>
      </c>
      <c r="F4341">
        <v>15.9641</v>
      </c>
    </row>
    <row r="4342" spans="1:6" x14ac:dyDescent="0.25">
      <c r="A4342">
        <v>142.26</v>
      </c>
      <c r="B4342">
        <v>204.04</v>
      </c>
      <c r="C4342">
        <v>17254.5</v>
      </c>
      <c r="D4342">
        <v>2.5</v>
      </c>
      <c r="E4342">
        <v>19099.2</v>
      </c>
      <c r="F4342">
        <v>16.028099999999998</v>
      </c>
    </row>
    <row r="4343" spans="1:6" x14ac:dyDescent="0.25">
      <c r="A4343">
        <v>142.26</v>
      </c>
      <c r="B4343">
        <v>204.04</v>
      </c>
      <c r="C4343">
        <v>17254.5</v>
      </c>
      <c r="D4343">
        <v>2.8</v>
      </c>
      <c r="E4343">
        <v>18923.3</v>
      </c>
      <c r="F4343">
        <v>16.055</v>
      </c>
    </row>
    <row r="4344" spans="1:6" x14ac:dyDescent="0.25">
      <c r="A4344">
        <v>142.26</v>
      </c>
      <c r="B4344">
        <v>204.04</v>
      </c>
      <c r="C4344">
        <v>17254.5</v>
      </c>
      <c r="D4344">
        <v>3.1</v>
      </c>
      <c r="E4344">
        <v>18774.3</v>
      </c>
      <c r="F4344">
        <v>16.077300000000001</v>
      </c>
    </row>
    <row r="4345" spans="1:6" x14ac:dyDescent="0.25">
      <c r="A4345">
        <v>142.26</v>
      </c>
      <c r="B4345">
        <v>204.04</v>
      </c>
      <c r="C4345">
        <v>17254.5</v>
      </c>
      <c r="D4345">
        <v>3.4</v>
      </c>
      <c r="E4345">
        <v>18748.400000000001</v>
      </c>
      <c r="F4345">
        <v>16.081800000000001</v>
      </c>
    </row>
    <row r="4346" spans="1:6" x14ac:dyDescent="0.25">
      <c r="A4346">
        <v>142.26</v>
      </c>
      <c r="B4346">
        <v>204.04</v>
      </c>
      <c r="C4346">
        <v>17254.5</v>
      </c>
      <c r="D4346">
        <v>3.7</v>
      </c>
      <c r="E4346">
        <v>18623.2</v>
      </c>
      <c r="F4346">
        <v>16.085699999999999</v>
      </c>
    </row>
    <row r="4347" spans="1:6" x14ac:dyDescent="0.25">
      <c r="A4347">
        <v>142.26</v>
      </c>
      <c r="B4347">
        <v>204.04</v>
      </c>
      <c r="C4347">
        <v>17254.5</v>
      </c>
      <c r="D4347">
        <v>4</v>
      </c>
      <c r="E4347">
        <v>18621.7</v>
      </c>
      <c r="F4347">
        <v>16.075900000000001</v>
      </c>
    </row>
    <row r="4348" spans="1:6" x14ac:dyDescent="0.25">
      <c r="A4348">
        <v>142.26</v>
      </c>
      <c r="B4348">
        <v>204.04</v>
      </c>
      <c r="C4348">
        <v>18800</v>
      </c>
      <c r="D4348">
        <v>1</v>
      </c>
      <c r="E4348">
        <v>22596.7</v>
      </c>
      <c r="F4348">
        <v>15.405200000000001</v>
      </c>
    </row>
    <row r="4349" spans="1:6" x14ac:dyDescent="0.25">
      <c r="A4349">
        <v>142.26</v>
      </c>
      <c r="B4349">
        <v>204.04</v>
      </c>
      <c r="C4349">
        <v>18800</v>
      </c>
      <c r="D4349">
        <v>1.3</v>
      </c>
      <c r="E4349">
        <v>21930.3</v>
      </c>
      <c r="F4349">
        <v>16.369299999999999</v>
      </c>
    </row>
    <row r="4350" spans="1:6" x14ac:dyDescent="0.25">
      <c r="A4350">
        <v>142.26</v>
      </c>
      <c r="B4350">
        <v>204.04</v>
      </c>
      <c r="C4350">
        <v>18800</v>
      </c>
      <c r="D4350">
        <v>1.6</v>
      </c>
      <c r="E4350">
        <v>21353.9</v>
      </c>
      <c r="F4350">
        <v>16.450199999999999</v>
      </c>
    </row>
    <row r="4351" spans="1:6" x14ac:dyDescent="0.25">
      <c r="A4351">
        <v>142.26</v>
      </c>
      <c r="B4351">
        <v>204.04</v>
      </c>
      <c r="C4351">
        <v>18800</v>
      </c>
      <c r="D4351">
        <v>1.9</v>
      </c>
      <c r="E4351">
        <v>21062.7</v>
      </c>
      <c r="F4351">
        <v>16.490600000000001</v>
      </c>
    </row>
    <row r="4352" spans="1:6" x14ac:dyDescent="0.25">
      <c r="A4352">
        <v>142.26</v>
      </c>
      <c r="B4352">
        <v>204.04</v>
      </c>
      <c r="C4352">
        <v>18800</v>
      </c>
      <c r="D4352">
        <v>2.2000000000000002</v>
      </c>
      <c r="E4352">
        <v>20887</v>
      </c>
      <c r="F4352">
        <v>15.9641</v>
      </c>
    </row>
    <row r="4353" spans="1:6" x14ac:dyDescent="0.25">
      <c r="A4353">
        <v>142.26</v>
      </c>
      <c r="B4353">
        <v>204.04</v>
      </c>
      <c r="C4353">
        <v>18800</v>
      </c>
      <c r="D4353">
        <v>2.5</v>
      </c>
      <c r="E4353">
        <v>20575.099999999999</v>
      </c>
      <c r="F4353">
        <v>16.028099999999998</v>
      </c>
    </row>
    <row r="4354" spans="1:6" x14ac:dyDescent="0.25">
      <c r="A4354">
        <v>142.26</v>
      </c>
      <c r="B4354">
        <v>204.04</v>
      </c>
      <c r="C4354">
        <v>18800</v>
      </c>
      <c r="D4354">
        <v>2.8</v>
      </c>
      <c r="E4354">
        <v>20445.599999999999</v>
      </c>
      <c r="F4354">
        <v>16.055</v>
      </c>
    </row>
    <row r="4355" spans="1:6" x14ac:dyDescent="0.25">
      <c r="A4355">
        <v>142.26</v>
      </c>
      <c r="B4355">
        <v>204.04</v>
      </c>
      <c r="C4355">
        <v>18800</v>
      </c>
      <c r="D4355">
        <v>3.1</v>
      </c>
      <c r="E4355">
        <v>20412.7</v>
      </c>
      <c r="F4355">
        <v>16.077300000000001</v>
      </c>
    </row>
    <row r="4356" spans="1:6" x14ac:dyDescent="0.25">
      <c r="A4356">
        <v>142.26</v>
      </c>
      <c r="B4356">
        <v>204.04</v>
      </c>
      <c r="C4356">
        <v>18800</v>
      </c>
      <c r="D4356">
        <v>3.4</v>
      </c>
      <c r="E4356">
        <v>20333.900000000001</v>
      </c>
      <c r="F4356">
        <v>16.081800000000001</v>
      </c>
    </row>
    <row r="4357" spans="1:6" x14ac:dyDescent="0.25">
      <c r="A4357">
        <v>142.26</v>
      </c>
      <c r="B4357">
        <v>204.04</v>
      </c>
      <c r="C4357">
        <v>18800</v>
      </c>
      <c r="D4357">
        <v>3.7</v>
      </c>
      <c r="E4357">
        <v>20177</v>
      </c>
      <c r="F4357">
        <v>16.085699999999999</v>
      </c>
    </row>
    <row r="4358" spans="1:6" x14ac:dyDescent="0.25">
      <c r="A4358">
        <v>142.26</v>
      </c>
      <c r="B4358">
        <v>204.04</v>
      </c>
      <c r="C4358">
        <v>18800</v>
      </c>
      <c r="D4358">
        <v>4</v>
      </c>
      <c r="E4358">
        <v>20061.599999999999</v>
      </c>
      <c r="F4358">
        <v>16.075900000000001</v>
      </c>
    </row>
    <row r="4359" spans="1:6" x14ac:dyDescent="0.25">
      <c r="A4359">
        <v>142.26</v>
      </c>
      <c r="B4359">
        <v>207.67</v>
      </c>
      <c r="C4359">
        <v>1800</v>
      </c>
      <c r="D4359">
        <v>1</v>
      </c>
      <c r="E4359">
        <v>5630.42</v>
      </c>
      <c r="F4359">
        <v>55.694600000000001</v>
      </c>
    </row>
    <row r="4360" spans="1:6" x14ac:dyDescent="0.25">
      <c r="A4360">
        <v>142.26</v>
      </c>
      <c r="B4360">
        <v>207.67</v>
      </c>
      <c r="C4360">
        <v>1800</v>
      </c>
      <c r="D4360">
        <v>1.3</v>
      </c>
      <c r="E4360">
        <v>5038.91</v>
      </c>
      <c r="F4360">
        <v>68.851100000000002</v>
      </c>
    </row>
    <row r="4361" spans="1:6" x14ac:dyDescent="0.25">
      <c r="A4361">
        <v>142.26</v>
      </c>
      <c r="B4361">
        <v>207.67</v>
      </c>
      <c r="C4361">
        <v>1800</v>
      </c>
      <c r="D4361">
        <v>1.6</v>
      </c>
      <c r="E4361">
        <v>4580.29</v>
      </c>
      <c r="F4361">
        <v>76.487499999999997</v>
      </c>
    </row>
    <row r="4362" spans="1:6" x14ac:dyDescent="0.25">
      <c r="A4362">
        <v>142.26</v>
      </c>
      <c r="B4362">
        <v>207.67</v>
      </c>
      <c r="C4362">
        <v>1800</v>
      </c>
      <c r="D4362">
        <v>1.9</v>
      </c>
      <c r="E4362">
        <v>4276.71</v>
      </c>
      <c r="F4362">
        <v>84.554900000000004</v>
      </c>
    </row>
    <row r="4363" spans="1:6" x14ac:dyDescent="0.25">
      <c r="A4363">
        <v>142.26</v>
      </c>
      <c r="B4363">
        <v>207.67</v>
      </c>
      <c r="C4363">
        <v>1800</v>
      </c>
      <c r="D4363">
        <v>2.2000000000000002</v>
      </c>
      <c r="E4363">
        <v>4053.45</v>
      </c>
      <c r="F4363">
        <v>87.619500000000002</v>
      </c>
    </row>
    <row r="4364" spans="1:6" x14ac:dyDescent="0.25">
      <c r="A4364">
        <v>142.26</v>
      </c>
      <c r="B4364">
        <v>207.67</v>
      </c>
      <c r="C4364">
        <v>1800</v>
      </c>
      <c r="D4364">
        <v>2.5</v>
      </c>
      <c r="E4364">
        <v>3835.43</v>
      </c>
      <c r="F4364">
        <v>92.676400000000001</v>
      </c>
    </row>
    <row r="4365" spans="1:6" x14ac:dyDescent="0.25">
      <c r="A4365">
        <v>142.26</v>
      </c>
      <c r="B4365">
        <v>207.67</v>
      </c>
      <c r="C4365">
        <v>1800</v>
      </c>
      <c r="D4365">
        <v>2.8</v>
      </c>
      <c r="E4365">
        <v>3711.16</v>
      </c>
      <c r="F4365">
        <v>96.816299999999998</v>
      </c>
    </row>
    <row r="4366" spans="1:6" x14ac:dyDescent="0.25">
      <c r="A4366">
        <v>142.26</v>
      </c>
      <c r="B4366">
        <v>207.67</v>
      </c>
      <c r="C4366">
        <v>1800</v>
      </c>
      <c r="D4366">
        <v>3.1</v>
      </c>
      <c r="E4366">
        <v>3581.56</v>
      </c>
      <c r="F4366">
        <v>99.588099999999997</v>
      </c>
    </row>
    <row r="4367" spans="1:6" x14ac:dyDescent="0.25">
      <c r="A4367">
        <v>142.26</v>
      </c>
      <c r="B4367">
        <v>207.67</v>
      </c>
      <c r="C4367">
        <v>1800</v>
      </c>
      <c r="D4367">
        <v>3.4</v>
      </c>
      <c r="E4367">
        <v>3472.63</v>
      </c>
      <c r="F4367">
        <v>98.003</v>
      </c>
    </row>
    <row r="4368" spans="1:6" x14ac:dyDescent="0.25">
      <c r="A4368">
        <v>142.26</v>
      </c>
      <c r="B4368">
        <v>207.67</v>
      </c>
      <c r="C4368">
        <v>1800</v>
      </c>
      <c r="D4368">
        <v>3.7</v>
      </c>
      <c r="E4368">
        <v>3373.3</v>
      </c>
      <c r="F4368">
        <v>102.78</v>
      </c>
    </row>
    <row r="4369" spans="1:6" x14ac:dyDescent="0.25">
      <c r="A4369">
        <v>142.26</v>
      </c>
      <c r="B4369">
        <v>207.67</v>
      </c>
      <c r="C4369">
        <v>1800</v>
      </c>
      <c r="D4369">
        <v>4</v>
      </c>
      <c r="E4369">
        <v>3317</v>
      </c>
      <c r="F4369">
        <v>109.277</v>
      </c>
    </row>
    <row r="4370" spans="1:6" x14ac:dyDescent="0.25">
      <c r="A4370">
        <v>142.26</v>
      </c>
      <c r="B4370">
        <v>207.67</v>
      </c>
      <c r="C4370">
        <v>3345.45</v>
      </c>
      <c r="D4370">
        <v>1</v>
      </c>
      <c r="E4370">
        <v>6839.5</v>
      </c>
      <c r="F4370">
        <v>27.985399999999998</v>
      </c>
    </row>
    <row r="4371" spans="1:6" x14ac:dyDescent="0.25">
      <c r="A4371">
        <v>142.26</v>
      </c>
      <c r="B4371">
        <v>207.67</v>
      </c>
      <c r="C4371">
        <v>3345.45</v>
      </c>
      <c r="D4371">
        <v>1.3</v>
      </c>
      <c r="E4371">
        <v>6336.96</v>
      </c>
      <c r="F4371">
        <v>32.643500000000003</v>
      </c>
    </row>
    <row r="4372" spans="1:6" x14ac:dyDescent="0.25">
      <c r="A4372">
        <v>142.26</v>
      </c>
      <c r="B4372">
        <v>207.67</v>
      </c>
      <c r="C4372">
        <v>3345.45</v>
      </c>
      <c r="D4372">
        <v>1.6</v>
      </c>
      <c r="E4372">
        <v>6024.89</v>
      </c>
      <c r="F4372">
        <v>39.701999999999998</v>
      </c>
    </row>
    <row r="4373" spans="1:6" x14ac:dyDescent="0.25">
      <c r="A4373">
        <v>142.26</v>
      </c>
      <c r="B4373">
        <v>207.67</v>
      </c>
      <c r="C4373">
        <v>3345.45</v>
      </c>
      <c r="D4373">
        <v>1.9</v>
      </c>
      <c r="E4373">
        <v>5762.39</v>
      </c>
      <c r="F4373">
        <v>41.216799999999999</v>
      </c>
    </row>
    <row r="4374" spans="1:6" x14ac:dyDescent="0.25">
      <c r="A4374">
        <v>142.26</v>
      </c>
      <c r="B4374">
        <v>207.67</v>
      </c>
      <c r="C4374">
        <v>3345.45</v>
      </c>
      <c r="D4374">
        <v>2.2000000000000002</v>
      </c>
      <c r="E4374">
        <v>5508.65</v>
      </c>
      <c r="F4374">
        <v>49.104900000000001</v>
      </c>
    </row>
    <row r="4375" spans="1:6" x14ac:dyDescent="0.25">
      <c r="A4375">
        <v>142.26</v>
      </c>
      <c r="B4375">
        <v>207.67</v>
      </c>
      <c r="C4375">
        <v>3345.45</v>
      </c>
      <c r="D4375">
        <v>2.5</v>
      </c>
      <c r="E4375">
        <v>5333.76</v>
      </c>
      <c r="F4375">
        <v>51.404299999999999</v>
      </c>
    </row>
    <row r="4376" spans="1:6" x14ac:dyDescent="0.25">
      <c r="A4376">
        <v>142.26</v>
      </c>
      <c r="B4376">
        <v>207.67</v>
      </c>
      <c r="C4376">
        <v>3345.45</v>
      </c>
      <c r="D4376">
        <v>2.8</v>
      </c>
      <c r="E4376">
        <v>5149.3599999999997</v>
      </c>
      <c r="F4376">
        <v>54.9754</v>
      </c>
    </row>
    <row r="4377" spans="1:6" x14ac:dyDescent="0.25">
      <c r="A4377">
        <v>142.26</v>
      </c>
      <c r="B4377">
        <v>207.67</v>
      </c>
      <c r="C4377">
        <v>3345.45</v>
      </c>
      <c r="D4377">
        <v>3.1</v>
      </c>
      <c r="E4377">
        <v>5041.8500000000004</v>
      </c>
      <c r="F4377">
        <v>54.842199999999998</v>
      </c>
    </row>
    <row r="4378" spans="1:6" x14ac:dyDescent="0.25">
      <c r="A4378">
        <v>142.26</v>
      </c>
      <c r="B4378">
        <v>207.67</v>
      </c>
      <c r="C4378">
        <v>3345.45</v>
      </c>
      <c r="D4378">
        <v>3.4</v>
      </c>
      <c r="E4378">
        <v>4910.79</v>
      </c>
      <c r="F4378">
        <v>58.383699999999997</v>
      </c>
    </row>
    <row r="4379" spans="1:6" x14ac:dyDescent="0.25">
      <c r="A4379">
        <v>142.26</v>
      </c>
      <c r="B4379">
        <v>207.67</v>
      </c>
      <c r="C4379">
        <v>3345.45</v>
      </c>
      <c r="D4379">
        <v>3.7</v>
      </c>
      <c r="E4379">
        <v>4825.6099999999997</v>
      </c>
      <c r="F4379">
        <v>59.0931</v>
      </c>
    </row>
    <row r="4380" spans="1:6" x14ac:dyDescent="0.25">
      <c r="A4380">
        <v>142.26</v>
      </c>
      <c r="B4380">
        <v>207.67</v>
      </c>
      <c r="C4380">
        <v>3345.45</v>
      </c>
      <c r="D4380">
        <v>4</v>
      </c>
      <c r="E4380">
        <v>4742.13</v>
      </c>
      <c r="F4380">
        <v>60.4163</v>
      </c>
    </row>
    <row r="4381" spans="1:6" x14ac:dyDescent="0.25">
      <c r="A4381">
        <v>142.26</v>
      </c>
      <c r="B4381">
        <v>207.67</v>
      </c>
      <c r="C4381">
        <v>4890.8999999999996</v>
      </c>
      <c r="D4381">
        <v>1</v>
      </c>
      <c r="E4381">
        <v>8203.69</v>
      </c>
      <c r="F4381">
        <v>11.8453</v>
      </c>
    </row>
    <row r="4382" spans="1:6" x14ac:dyDescent="0.25">
      <c r="A4382">
        <v>142.26</v>
      </c>
      <c r="B4382">
        <v>207.67</v>
      </c>
      <c r="C4382">
        <v>4890.8999999999996</v>
      </c>
      <c r="D4382">
        <v>1.3</v>
      </c>
      <c r="E4382">
        <v>7906.16</v>
      </c>
      <c r="F4382">
        <v>14.283200000000001</v>
      </c>
    </row>
    <row r="4383" spans="1:6" x14ac:dyDescent="0.25">
      <c r="A4383">
        <v>142.26</v>
      </c>
      <c r="B4383">
        <v>207.67</v>
      </c>
      <c r="C4383">
        <v>4890.8999999999996</v>
      </c>
      <c r="D4383">
        <v>1.6</v>
      </c>
      <c r="E4383">
        <v>7255.39</v>
      </c>
      <c r="F4383">
        <v>14.173400000000001</v>
      </c>
    </row>
    <row r="4384" spans="1:6" x14ac:dyDescent="0.25">
      <c r="A4384">
        <v>142.26</v>
      </c>
      <c r="B4384">
        <v>207.67</v>
      </c>
      <c r="C4384">
        <v>4890.8999999999996</v>
      </c>
      <c r="D4384">
        <v>1.9</v>
      </c>
      <c r="E4384">
        <v>7131.17</v>
      </c>
      <c r="F4384">
        <v>13.783799999999999</v>
      </c>
    </row>
    <row r="4385" spans="1:6" x14ac:dyDescent="0.25">
      <c r="A4385">
        <v>142.26</v>
      </c>
      <c r="B4385">
        <v>207.67</v>
      </c>
      <c r="C4385">
        <v>4890.8999999999996</v>
      </c>
      <c r="D4385">
        <v>2.2000000000000002</v>
      </c>
      <c r="E4385">
        <v>6925.05</v>
      </c>
      <c r="F4385">
        <v>14.2498</v>
      </c>
    </row>
    <row r="4386" spans="1:6" x14ac:dyDescent="0.25">
      <c r="A4386">
        <v>142.26</v>
      </c>
      <c r="B4386">
        <v>207.67</v>
      </c>
      <c r="C4386">
        <v>4890.8999999999996</v>
      </c>
      <c r="D4386">
        <v>2.5</v>
      </c>
      <c r="E4386">
        <v>6780.3</v>
      </c>
      <c r="F4386">
        <v>14.093999999999999</v>
      </c>
    </row>
    <row r="4387" spans="1:6" x14ac:dyDescent="0.25">
      <c r="A4387">
        <v>142.26</v>
      </c>
      <c r="B4387">
        <v>207.67</v>
      </c>
      <c r="C4387">
        <v>4890.8999999999996</v>
      </c>
      <c r="D4387">
        <v>2.8</v>
      </c>
      <c r="E4387">
        <v>6583.69</v>
      </c>
      <c r="F4387">
        <v>13.511100000000001</v>
      </c>
    </row>
    <row r="4388" spans="1:6" x14ac:dyDescent="0.25">
      <c r="A4388">
        <v>142.26</v>
      </c>
      <c r="B4388">
        <v>207.67</v>
      </c>
      <c r="C4388">
        <v>4890.8999999999996</v>
      </c>
      <c r="D4388">
        <v>3.1</v>
      </c>
      <c r="E4388">
        <v>6501.5</v>
      </c>
      <c r="F4388">
        <v>13.5184</v>
      </c>
    </row>
    <row r="4389" spans="1:6" x14ac:dyDescent="0.25">
      <c r="A4389">
        <v>142.26</v>
      </c>
      <c r="B4389">
        <v>207.67</v>
      </c>
      <c r="C4389">
        <v>4890.8999999999996</v>
      </c>
      <c r="D4389">
        <v>3.4</v>
      </c>
      <c r="E4389">
        <v>6397.06</v>
      </c>
      <c r="F4389">
        <v>14.8704</v>
      </c>
    </row>
    <row r="4390" spans="1:6" x14ac:dyDescent="0.25">
      <c r="A4390">
        <v>142.26</v>
      </c>
      <c r="B4390">
        <v>207.67</v>
      </c>
      <c r="C4390">
        <v>4890.8999999999996</v>
      </c>
      <c r="D4390">
        <v>3.7</v>
      </c>
      <c r="E4390">
        <v>6269.73</v>
      </c>
      <c r="F4390">
        <v>17.984100000000002</v>
      </c>
    </row>
    <row r="4391" spans="1:6" x14ac:dyDescent="0.25">
      <c r="A4391">
        <v>142.26</v>
      </c>
      <c r="B4391">
        <v>207.67</v>
      </c>
      <c r="C4391">
        <v>4890.8999999999996</v>
      </c>
      <c r="D4391">
        <v>4</v>
      </c>
      <c r="E4391">
        <v>6220.78</v>
      </c>
      <c r="F4391">
        <v>19.511900000000001</v>
      </c>
    </row>
    <row r="4392" spans="1:6" x14ac:dyDescent="0.25">
      <c r="A4392">
        <v>142.26</v>
      </c>
      <c r="B4392">
        <v>207.67</v>
      </c>
      <c r="C4392">
        <v>6436.35</v>
      </c>
      <c r="D4392">
        <v>1</v>
      </c>
      <c r="E4392">
        <v>10424.799999999999</v>
      </c>
      <c r="F4392">
        <v>15.405200000000001</v>
      </c>
    </row>
    <row r="4393" spans="1:6" x14ac:dyDescent="0.25">
      <c r="A4393">
        <v>142.26</v>
      </c>
      <c r="B4393">
        <v>207.67</v>
      </c>
      <c r="C4393">
        <v>6436.35</v>
      </c>
      <c r="D4393">
        <v>1.3</v>
      </c>
      <c r="E4393">
        <v>9396.5</v>
      </c>
      <c r="F4393">
        <v>14.7537</v>
      </c>
    </row>
    <row r="4394" spans="1:6" x14ac:dyDescent="0.25">
      <c r="A4394">
        <v>142.26</v>
      </c>
      <c r="B4394">
        <v>207.67</v>
      </c>
      <c r="C4394">
        <v>6436.35</v>
      </c>
      <c r="D4394">
        <v>1.6</v>
      </c>
      <c r="E4394">
        <v>9042.59</v>
      </c>
      <c r="F4394">
        <v>14.1135</v>
      </c>
    </row>
    <row r="4395" spans="1:6" x14ac:dyDescent="0.25">
      <c r="A4395">
        <v>142.26</v>
      </c>
      <c r="B4395">
        <v>207.67</v>
      </c>
      <c r="C4395">
        <v>6436.35</v>
      </c>
      <c r="D4395">
        <v>1.9</v>
      </c>
      <c r="E4395">
        <v>8559.5300000000007</v>
      </c>
      <c r="F4395">
        <v>14.279400000000001</v>
      </c>
    </row>
    <row r="4396" spans="1:6" x14ac:dyDescent="0.25">
      <c r="A4396">
        <v>142.26</v>
      </c>
      <c r="B4396">
        <v>207.67</v>
      </c>
      <c r="C4396">
        <v>6436.35</v>
      </c>
      <c r="D4396">
        <v>2.2000000000000002</v>
      </c>
      <c r="E4396">
        <v>8497.2099999999991</v>
      </c>
      <c r="F4396">
        <v>15.9641</v>
      </c>
    </row>
    <row r="4397" spans="1:6" x14ac:dyDescent="0.25">
      <c r="A4397">
        <v>142.26</v>
      </c>
      <c r="B4397">
        <v>207.67</v>
      </c>
      <c r="C4397">
        <v>6436.35</v>
      </c>
      <c r="D4397">
        <v>2.5</v>
      </c>
      <c r="E4397">
        <v>8273.94</v>
      </c>
      <c r="F4397">
        <v>16.028099999999998</v>
      </c>
    </row>
    <row r="4398" spans="1:6" x14ac:dyDescent="0.25">
      <c r="A4398">
        <v>142.26</v>
      </c>
      <c r="B4398">
        <v>207.67</v>
      </c>
      <c r="C4398">
        <v>6436.35</v>
      </c>
      <c r="D4398">
        <v>2.8</v>
      </c>
      <c r="E4398">
        <v>8097.31</v>
      </c>
      <c r="F4398">
        <v>16.055</v>
      </c>
    </row>
    <row r="4399" spans="1:6" x14ac:dyDescent="0.25">
      <c r="A4399">
        <v>142.26</v>
      </c>
      <c r="B4399">
        <v>207.67</v>
      </c>
      <c r="C4399">
        <v>6436.35</v>
      </c>
      <c r="D4399">
        <v>3.1</v>
      </c>
      <c r="E4399">
        <v>7985.08</v>
      </c>
      <c r="F4399">
        <v>16.066299999999998</v>
      </c>
    </row>
    <row r="4400" spans="1:6" x14ac:dyDescent="0.25">
      <c r="A4400">
        <v>142.26</v>
      </c>
      <c r="B4400">
        <v>207.67</v>
      </c>
      <c r="C4400">
        <v>6436.35</v>
      </c>
      <c r="D4400">
        <v>3.4</v>
      </c>
      <c r="E4400">
        <v>7895.43</v>
      </c>
      <c r="F4400">
        <v>15.8484</v>
      </c>
    </row>
    <row r="4401" spans="1:6" x14ac:dyDescent="0.25">
      <c r="A4401">
        <v>142.26</v>
      </c>
      <c r="B4401">
        <v>207.67</v>
      </c>
      <c r="C4401">
        <v>6436.35</v>
      </c>
      <c r="D4401">
        <v>3.7</v>
      </c>
      <c r="E4401">
        <v>7811.97</v>
      </c>
      <c r="F4401">
        <v>15.674799999999999</v>
      </c>
    </row>
    <row r="4402" spans="1:6" x14ac:dyDescent="0.25">
      <c r="A4402">
        <v>142.26</v>
      </c>
      <c r="B4402">
        <v>207.67</v>
      </c>
      <c r="C4402">
        <v>6436.35</v>
      </c>
      <c r="D4402">
        <v>4</v>
      </c>
      <c r="E4402">
        <v>7738.3</v>
      </c>
      <c r="F4402">
        <v>15.530900000000001</v>
      </c>
    </row>
    <row r="4403" spans="1:6" x14ac:dyDescent="0.25">
      <c r="A4403">
        <v>142.26</v>
      </c>
      <c r="B4403">
        <v>207.67</v>
      </c>
      <c r="C4403">
        <v>7981.8</v>
      </c>
      <c r="D4403">
        <v>1</v>
      </c>
      <c r="E4403">
        <v>11848.6</v>
      </c>
      <c r="F4403">
        <v>15.405200000000001</v>
      </c>
    </row>
    <row r="4404" spans="1:6" x14ac:dyDescent="0.25">
      <c r="A4404">
        <v>142.26</v>
      </c>
      <c r="B4404">
        <v>207.67</v>
      </c>
      <c r="C4404">
        <v>7981.8</v>
      </c>
      <c r="D4404">
        <v>1.3</v>
      </c>
      <c r="E4404">
        <v>10974.7</v>
      </c>
      <c r="F4404">
        <v>16.369299999999999</v>
      </c>
    </row>
    <row r="4405" spans="1:6" x14ac:dyDescent="0.25">
      <c r="A4405">
        <v>142.26</v>
      </c>
      <c r="B4405">
        <v>207.67</v>
      </c>
      <c r="C4405">
        <v>7981.8</v>
      </c>
      <c r="D4405">
        <v>1.6</v>
      </c>
      <c r="E4405">
        <v>10420</v>
      </c>
      <c r="F4405">
        <v>16.450199999999999</v>
      </c>
    </row>
    <row r="4406" spans="1:6" x14ac:dyDescent="0.25">
      <c r="A4406">
        <v>142.26</v>
      </c>
      <c r="B4406">
        <v>207.67</v>
      </c>
      <c r="C4406">
        <v>7981.8</v>
      </c>
      <c r="D4406">
        <v>1.9</v>
      </c>
      <c r="E4406">
        <v>10263</v>
      </c>
      <c r="F4406">
        <v>16.490600000000001</v>
      </c>
    </row>
    <row r="4407" spans="1:6" x14ac:dyDescent="0.25">
      <c r="A4407">
        <v>142.26</v>
      </c>
      <c r="B4407">
        <v>207.67</v>
      </c>
      <c r="C4407">
        <v>7981.8</v>
      </c>
      <c r="D4407">
        <v>2.2000000000000002</v>
      </c>
      <c r="E4407">
        <v>9971.16</v>
      </c>
      <c r="F4407">
        <v>15.9641</v>
      </c>
    </row>
    <row r="4408" spans="1:6" x14ac:dyDescent="0.25">
      <c r="A4408">
        <v>142.26</v>
      </c>
      <c r="B4408">
        <v>207.67</v>
      </c>
      <c r="C4408">
        <v>7981.8</v>
      </c>
      <c r="D4408">
        <v>2.5</v>
      </c>
      <c r="E4408">
        <v>9736.5300000000007</v>
      </c>
      <c r="F4408">
        <v>16.028099999999998</v>
      </c>
    </row>
    <row r="4409" spans="1:6" x14ac:dyDescent="0.25">
      <c r="A4409">
        <v>142.26</v>
      </c>
      <c r="B4409">
        <v>207.67</v>
      </c>
      <c r="C4409">
        <v>7981.8</v>
      </c>
      <c r="D4409">
        <v>2.8</v>
      </c>
      <c r="E4409">
        <v>9693.17</v>
      </c>
      <c r="F4409">
        <v>16.055</v>
      </c>
    </row>
    <row r="4410" spans="1:6" x14ac:dyDescent="0.25">
      <c r="A4410">
        <v>142.26</v>
      </c>
      <c r="B4410">
        <v>207.67</v>
      </c>
      <c r="C4410">
        <v>7981.8</v>
      </c>
      <c r="D4410">
        <v>3.1</v>
      </c>
      <c r="E4410">
        <v>9556.4699999999993</v>
      </c>
      <c r="F4410">
        <v>16.077300000000001</v>
      </c>
    </row>
    <row r="4411" spans="1:6" x14ac:dyDescent="0.25">
      <c r="A4411">
        <v>142.26</v>
      </c>
      <c r="B4411">
        <v>207.67</v>
      </c>
      <c r="C4411">
        <v>7981.8</v>
      </c>
      <c r="D4411">
        <v>3.4</v>
      </c>
      <c r="E4411">
        <v>9442.75</v>
      </c>
      <c r="F4411">
        <v>16.081800000000001</v>
      </c>
    </row>
    <row r="4412" spans="1:6" x14ac:dyDescent="0.25">
      <c r="A4412">
        <v>142.26</v>
      </c>
      <c r="B4412">
        <v>207.67</v>
      </c>
      <c r="C4412">
        <v>7981.8</v>
      </c>
      <c r="D4412">
        <v>3.7</v>
      </c>
      <c r="E4412">
        <v>9344.6299999999992</v>
      </c>
      <c r="F4412">
        <v>16.085699999999999</v>
      </c>
    </row>
    <row r="4413" spans="1:6" x14ac:dyDescent="0.25">
      <c r="A4413">
        <v>142.26</v>
      </c>
      <c r="B4413">
        <v>207.67</v>
      </c>
      <c r="C4413">
        <v>7981.8</v>
      </c>
      <c r="D4413">
        <v>4</v>
      </c>
      <c r="E4413">
        <v>9231.56</v>
      </c>
      <c r="F4413">
        <v>16.075900000000001</v>
      </c>
    </row>
    <row r="4414" spans="1:6" x14ac:dyDescent="0.25">
      <c r="A4414">
        <v>142.26</v>
      </c>
      <c r="B4414">
        <v>207.67</v>
      </c>
      <c r="C4414">
        <v>9527.25</v>
      </c>
      <c r="D4414">
        <v>1</v>
      </c>
      <c r="E4414">
        <v>13395.1</v>
      </c>
      <c r="F4414">
        <v>15.405200000000001</v>
      </c>
    </row>
    <row r="4415" spans="1:6" x14ac:dyDescent="0.25">
      <c r="A4415">
        <v>142.26</v>
      </c>
      <c r="B4415">
        <v>207.67</v>
      </c>
      <c r="C4415">
        <v>9527.25</v>
      </c>
      <c r="D4415">
        <v>1.3</v>
      </c>
      <c r="E4415">
        <v>12706.3</v>
      </c>
      <c r="F4415">
        <v>16.369299999999999</v>
      </c>
    </row>
    <row r="4416" spans="1:6" x14ac:dyDescent="0.25">
      <c r="A4416">
        <v>142.26</v>
      </c>
      <c r="B4416">
        <v>207.67</v>
      </c>
      <c r="C4416">
        <v>9527.25</v>
      </c>
      <c r="D4416">
        <v>1.6</v>
      </c>
      <c r="E4416">
        <v>11977.3</v>
      </c>
      <c r="F4416">
        <v>16.450199999999999</v>
      </c>
    </row>
    <row r="4417" spans="1:6" x14ac:dyDescent="0.25">
      <c r="A4417">
        <v>142.26</v>
      </c>
      <c r="B4417">
        <v>207.67</v>
      </c>
      <c r="C4417">
        <v>9527.25</v>
      </c>
      <c r="D4417">
        <v>1.9</v>
      </c>
      <c r="E4417">
        <v>11615.5</v>
      </c>
      <c r="F4417">
        <v>16.490600000000001</v>
      </c>
    </row>
    <row r="4418" spans="1:6" x14ac:dyDescent="0.25">
      <c r="A4418">
        <v>142.26</v>
      </c>
      <c r="B4418">
        <v>207.67</v>
      </c>
      <c r="C4418">
        <v>9527.25</v>
      </c>
      <c r="D4418">
        <v>2.2000000000000002</v>
      </c>
      <c r="E4418">
        <v>11575.4</v>
      </c>
      <c r="F4418">
        <v>15.9641</v>
      </c>
    </row>
    <row r="4419" spans="1:6" x14ac:dyDescent="0.25">
      <c r="A4419">
        <v>142.26</v>
      </c>
      <c r="B4419">
        <v>207.67</v>
      </c>
      <c r="C4419">
        <v>9527.25</v>
      </c>
      <c r="D4419">
        <v>2.5</v>
      </c>
      <c r="E4419">
        <v>11323.6</v>
      </c>
      <c r="F4419">
        <v>16.028099999999998</v>
      </c>
    </row>
    <row r="4420" spans="1:6" x14ac:dyDescent="0.25">
      <c r="A4420">
        <v>142.26</v>
      </c>
      <c r="B4420">
        <v>207.67</v>
      </c>
      <c r="C4420">
        <v>9527.25</v>
      </c>
      <c r="D4420">
        <v>2.8</v>
      </c>
      <c r="E4420">
        <v>11167.6</v>
      </c>
      <c r="F4420">
        <v>16.055</v>
      </c>
    </row>
    <row r="4421" spans="1:6" x14ac:dyDescent="0.25">
      <c r="A4421">
        <v>142.26</v>
      </c>
      <c r="B4421">
        <v>207.67</v>
      </c>
      <c r="C4421">
        <v>9527.25</v>
      </c>
      <c r="D4421">
        <v>3.1</v>
      </c>
      <c r="E4421">
        <v>11118</v>
      </c>
      <c r="F4421">
        <v>16.077300000000001</v>
      </c>
    </row>
    <row r="4422" spans="1:6" x14ac:dyDescent="0.25">
      <c r="A4422">
        <v>142.26</v>
      </c>
      <c r="B4422">
        <v>207.67</v>
      </c>
      <c r="C4422">
        <v>9527.25</v>
      </c>
      <c r="D4422">
        <v>3.4</v>
      </c>
      <c r="E4422">
        <v>10978.5</v>
      </c>
      <c r="F4422">
        <v>16.081800000000001</v>
      </c>
    </row>
    <row r="4423" spans="1:6" x14ac:dyDescent="0.25">
      <c r="A4423">
        <v>142.26</v>
      </c>
      <c r="B4423">
        <v>207.67</v>
      </c>
      <c r="C4423">
        <v>9527.25</v>
      </c>
      <c r="D4423">
        <v>3.7</v>
      </c>
      <c r="E4423">
        <v>10860.4</v>
      </c>
      <c r="F4423">
        <v>16.085699999999999</v>
      </c>
    </row>
    <row r="4424" spans="1:6" x14ac:dyDescent="0.25">
      <c r="A4424">
        <v>142.26</v>
      </c>
      <c r="B4424">
        <v>207.67</v>
      </c>
      <c r="C4424">
        <v>9527.25</v>
      </c>
      <c r="D4424">
        <v>4</v>
      </c>
      <c r="E4424">
        <v>10849.9</v>
      </c>
      <c r="F4424">
        <v>16.075900000000001</v>
      </c>
    </row>
    <row r="4425" spans="1:6" x14ac:dyDescent="0.25">
      <c r="A4425">
        <v>142.26</v>
      </c>
      <c r="B4425">
        <v>207.67</v>
      </c>
      <c r="C4425">
        <v>11072.7</v>
      </c>
      <c r="D4425">
        <v>1</v>
      </c>
      <c r="E4425">
        <v>14999.4</v>
      </c>
      <c r="F4425">
        <v>15.405200000000001</v>
      </c>
    </row>
    <row r="4426" spans="1:6" x14ac:dyDescent="0.25">
      <c r="A4426">
        <v>142.26</v>
      </c>
      <c r="B4426">
        <v>207.67</v>
      </c>
      <c r="C4426">
        <v>11072.7</v>
      </c>
      <c r="D4426">
        <v>1.3</v>
      </c>
      <c r="E4426">
        <v>14126.8</v>
      </c>
      <c r="F4426">
        <v>16.369299999999999</v>
      </c>
    </row>
    <row r="4427" spans="1:6" x14ac:dyDescent="0.25">
      <c r="A4427">
        <v>142.26</v>
      </c>
      <c r="B4427">
        <v>207.67</v>
      </c>
      <c r="C4427">
        <v>11072.7</v>
      </c>
      <c r="D4427">
        <v>1.6</v>
      </c>
      <c r="E4427">
        <v>13520.4</v>
      </c>
      <c r="F4427">
        <v>16.450199999999999</v>
      </c>
    </row>
    <row r="4428" spans="1:6" x14ac:dyDescent="0.25">
      <c r="A4428">
        <v>142.26</v>
      </c>
      <c r="B4428">
        <v>207.67</v>
      </c>
      <c r="C4428">
        <v>11072.7</v>
      </c>
      <c r="D4428">
        <v>1.9</v>
      </c>
      <c r="E4428">
        <v>13326.2</v>
      </c>
      <c r="F4428">
        <v>16.490600000000001</v>
      </c>
    </row>
    <row r="4429" spans="1:6" x14ac:dyDescent="0.25">
      <c r="A4429">
        <v>142.26</v>
      </c>
      <c r="B4429">
        <v>207.67</v>
      </c>
      <c r="C4429">
        <v>11072.7</v>
      </c>
      <c r="D4429">
        <v>2.2000000000000002</v>
      </c>
      <c r="E4429">
        <v>13019.4</v>
      </c>
      <c r="F4429">
        <v>15.9641</v>
      </c>
    </row>
    <row r="4430" spans="1:6" x14ac:dyDescent="0.25">
      <c r="A4430">
        <v>142.26</v>
      </c>
      <c r="B4430">
        <v>207.67</v>
      </c>
      <c r="C4430">
        <v>11072.7</v>
      </c>
      <c r="D4430">
        <v>2.5</v>
      </c>
      <c r="E4430">
        <v>12968.4</v>
      </c>
      <c r="F4430">
        <v>16.028099999999998</v>
      </c>
    </row>
    <row r="4431" spans="1:6" x14ac:dyDescent="0.25">
      <c r="A4431">
        <v>142.26</v>
      </c>
      <c r="B4431">
        <v>207.67</v>
      </c>
      <c r="C4431">
        <v>11072.7</v>
      </c>
      <c r="D4431">
        <v>2.8</v>
      </c>
      <c r="E4431">
        <v>12745.1</v>
      </c>
      <c r="F4431">
        <v>16.055</v>
      </c>
    </row>
    <row r="4432" spans="1:6" x14ac:dyDescent="0.25">
      <c r="A4432">
        <v>142.26</v>
      </c>
      <c r="B4432">
        <v>207.67</v>
      </c>
      <c r="C4432">
        <v>11072.7</v>
      </c>
      <c r="D4432">
        <v>3.1</v>
      </c>
      <c r="E4432">
        <v>12685.1</v>
      </c>
      <c r="F4432">
        <v>16.077300000000001</v>
      </c>
    </row>
    <row r="4433" spans="1:6" x14ac:dyDescent="0.25">
      <c r="A4433">
        <v>142.26</v>
      </c>
      <c r="B4433">
        <v>207.67</v>
      </c>
      <c r="C4433">
        <v>11072.7</v>
      </c>
      <c r="D4433">
        <v>3.4</v>
      </c>
      <c r="E4433">
        <v>12530.7</v>
      </c>
      <c r="F4433">
        <v>16.081800000000001</v>
      </c>
    </row>
    <row r="4434" spans="1:6" x14ac:dyDescent="0.25">
      <c r="A4434">
        <v>142.26</v>
      </c>
      <c r="B4434">
        <v>207.67</v>
      </c>
      <c r="C4434">
        <v>11072.7</v>
      </c>
      <c r="D4434">
        <v>3.7</v>
      </c>
      <c r="E4434">
        <v>12399.2</v>
      </c>
      <c r="F4434">
        <v>16.085699999999999</v>
      </c>
    </row>
    <row r="4435" spans="1:6" x14ac:dyDescent="0.25">
      <c r="A4435">
        <v>142.26</v>
      </c>
      <c r="B4435">
        <v>207.67</v>
      </c>
      <c r="C4435">
        <v>11072.7</v>
      </c>
      <c r="D4435">
        <v>4</v>
      </c>
      <c r="E4435">
        <v>12370</v>
      </c>
      <c r="F4435">
        <v>16.075900000000001</v>
      </c>
    </row>
    <row r="4436" spans="1:6" x14ac:dyDescent="0.25">
      <c r="A4436">
        <v>142.26</v>
      </c>
      <c r="B4436">
        <v>207.67</v>
      </c>
      <c r="C4436">
        <v>12618.2</v>
      </c>
      <c r="D4436">
        <v>1</v>
      </c>
      <c r="E4436">
        <v>16677.900000000001</v>
      </c>
      <c r="F4436">
        <v>15.405200000000001</v>
      </c>
    </row>
    <row r="4437" spans="1:6" x14ac:dyDescent="0.25">
      <c r="A4437">
        <v>142.26</v>
      </c>
      <c r="B4437">
        <v>207.67</v>
      </c>
      <c r="C4437">
        <v>12618.2</v>
      </c>
      <c r="D4437">
        <v>1.3</v>
      </c>
      <c r="E4437">
        <v>15683.8</v>
      </c>
      <c r="F4437">
        <v>16.369299999999999</v>
      </c>
    </row>
    <row r="4438" spans="1:6" x14ac:dyDescent="0.25">
      <c r="A4438">
        <v>142.26</v>
      </c>
      <c r="B4438">
        <v>207.67</v>
      </c>
      <c r="C4438">
        <v>12618.2</v>
      </c>
      <c r="D4438">
        <v>1.6</v>
      </c>
      <c r="E4438">
        <v>15051.8</v>
      </c>
      <c r="F4438">
        <v>16.450199999999999</v>
      </c>
    </row>
    <row r="4439" spans="1:6" x14ac:dyDescent="0.25">
      <c r="A4439">
        <v>142.26</v>
      </c>
      <c r="B4439">
        <v>207.67</v>
      </c>
      <c r="C4439">
        <v>12618.2</v>
      </c>
      <c r="D4439">
        <v>1.9</v>
      </c>
      <c r="E4439">
        <v>14678.4</v>
      </c>
      <c r="F4439">
        <v>16.490600000000001</v>
      </c>
    </row>
    <row r="4440" spans="1:6" x14ac:dyDescent="0.25">
      <c r="A4440">
        <v>142.26</v>
      </c>
      <c r="B4440">
        <v>207.67</v>
      </c>
      <c r="C4440">
        <v>12618.2</v>
      </c>
      <c r="D4440">
        <v>2.2000000000000002</v>
      </c>
      <c r="E4440">
        <v>14689.9</v>
      </c>
      <c r="F4440">
        <v>15.9641</v>
      </c>
    </row>
    <row r="4441" spans="1:6" x14ac:dyDescent="0.25">
      <c r="A4441">
        <v>142.26</v>
      </c>
      <c r="B4441">
        <v>207.67</v>
      </c>
      <c r="C4441">
        <v>12618.2</v>
      </c>
      <c r="D4441">
        <v>2.5</v>
      </c>
      <c r="E4441">
        <v>14462.5</v>
      </c>
      <c r="F4441">
        <v>16.028099999999998</v>
      </c>
    </row>
    <row r="4442" spans="1:6" x14ac:dyDescent="0.25">
      <c r="A4442">
        <v>142.26</v>
      </c>
      <c r="B4442">
        <v>207.67</v>
      </c>
      <c r="C4442">
        <v>12618.2</v>
      </c>
      <c r="D4442">
        <v>2.8</v>
      </c>
      <c r="E4442">
        <v>14282.2</v>
      </c>
      <c r="F4442">
        <v>16.055</v>
      </c>
    </row>
    <row r="4443" spans="1:6" x14ac:dyDescent="0.25">
      <c r="A4443">
        <v>142.26</v>
      </c>
      <c r="B4443">
        <v>207.67</v>
      </c>
      <c r="C4443">
        <v>12618.2</v>
      </c>
      <c r="D4443">
        <v>3.1</v>
      </c>
      <c r="E4443">
        <v>14133.1</v>
      </c>
      <c r="F4443">
        <v>16.077300000000001</v>
      </c>
    </row>
    <row r="4444" spans="1:6" x14ac:dyDescent="0.25">
      <c r="A4444">
        <v>142.26</v>
      </c>
      <c r="B4444">
        <v>207.67</v>
      </c>
      <c r="C4444">
        <v>12618.2</v>
      </c>
      <c r="D4444">
        <v>3.4</v>
      </c>
      <c r="E4444">
        <v>14029.1</v>
      </c>
      <c r="F4444">
        <v>16.081800000000001</v>
      </c>
    </row>
    <row r="4445" spans="1:6" x14ac:dyDescent="0.25">
      <c r="A4445">
        <v>142.26</v>
      </c>
      <c r="B4445">
        <v>207.67</v>
      </c>
      <c r="C4445">
        <v>12618.2</v>
      </c>
      <c r="D4445">
        <v>3.7</v>
      </c>
      <c r="E4445">
        <v>14022.3</v>
      </c>
      <c r="F4445">
        <v>16.085699999999999</v>
      </c>
    </row>
    <row r="4446" spans="1:6" x14ac:dyDescent="0.25">
      <c r="A4446">
        <v>142.26</v>
      </c>
      <c r="B4446">
        <v>207.67</v>
      </c>
      <c r="C4446">
        <v>12618.2</v>
      </c>
      <c r="D4446">
        <v>4</v>
      </c>
      <c r="E4446">
        <v>13926.4</v>
      </c>
      <c r="F4446">
        <v>16.075900000000001</v>
      </c>
    </row>
    <row r="4447" spans="1:6" x14ac:dyDescent="0.25">
      <c r="A4447">
        <v>142.26</v>
      </c>
      <c r="B4447">
        <v>207.67</v>
      </c>
      <c r="C4447">
        <v>14163.6</v>
      </c>
      <c r="D4447">
        <v>1</v>
      </c>
      <c r="E4447">
        <v>18011.8</v>
      </c>
      <c r="F4447">
        <v>15.405200000000001</v>
      </c>
    </row>
    <row r="4448" spans="1:6" x14ac:dyDescent="0.25">
      <c r="A4448">
        <v>142.26</v>
      </c>
      <c r="B4448">
        <v>207.67</v>
      </c>
      <c r="C4448">
        <v>14163.6</v>
      </c>
      <c r="D4448">
        <v>1.3</v>
      </c>
      <c r="E4448">
        <v>17073</v>
      </c>
      <c r="F4448">
        <v>16.369299999999999</v>
      </c>
    </row>
    <row r="4449" spans="1:6" x14ac:dyDescent="0.25">
      <c r="A4449">
        <v>142.26</v>
      </c>
      <c r="B4449">
        <v>207.67</v>
      </c>
      <c r="C4449">
        <v>14163.6</v>
      </c>
      <c r="D4449">
        <v>1.6</v>
      </c>
      <c r="E4449">
        <v>16614.7</v>
      </c>
      <c r="F4449">
        <v>16.450199999999999</v>
      </c>
    </row>
    <row r="4450" spans="1:6" x14ac:dyDescent="0.25">
      <c r="A4450">
        <v>142.26</v>
      </c>
      <c r="B4450">
        <v>207.67</v>
      </c>
      <c r="C4450">
        <v>14163.6</v>
      </c>
      <c r="D4450">
        <v>1.9</v>
      </c>
      <c r="E4450">
        <v>16339.1</v>
      </c>
      <c r="F4450">
        <v>16.490600000000001</v>
      </c>
    </row>
    <row r="4451" spans="1:6" x14ac:dyDescent="0.25">
      <c r="A4451">
        <v>142.26</v>
      </c>
      <c r="B4451">
        <v>207.67</v>
      </c>
      <c r="C4451">
        <v>14163.6</v>
      </c>
      <c r="D4451">
        <v>2.2000000000000002</v>
      </c>
      <c r="E4451">
        <v>16233.3</v>
      </c>
      <c r="F4451">
        <v>15.9641</v>
      </c>
    </row>
    <row r="4452" spans="1:6" x14ac:dyDescent="0.25">
      <c r="A4452">
        <v>142.26</v>
      </c>
      <c r="B4452">
        <v>207.67</v>
      </c>
      <c r="C4452">
        <v>14163.6</v>
      </c>
      <c r="D4452">
        <v>2.5</v>
      </c>
      <c r="E4452">
        <v>15985.2</v>
      </c>
      <c r="F4452">
        <v>16.028099999999998</v>
      </c>
    </row>
    <row r="4453" spans="1:6" x14ac:dyDescent="0.25">
      <c r="A4453">
        <v>142.26</v>
      </c>
      <c r="B4453">
        <v>207.67</v>
      </c>
      <c r="C4453">
        <v>14163.6</v>
      </c>
      <c r="D4453">
        <v>2.8</v>
      </c>
      <c r="E4453">
        <v>15867.2</v>
      </c>
      <c r="F4453">
        <v>16.055</v>
      </c>
    </row>
    <row r="4454" spans="1:6" x14ac:dyDescent="0.25">
      <c r="A4454">
        <v>142.26</v>
      </c>
      <c r="B4454">
        <v>207.67</v>
      </c>
      <c r="C4454">
        <v>14163.6</v>
      </c>
      <c r="D4454">
        <v>3.1</v>
      </c>
      <c r="E4454">
        <v>15752.5</v>
      </c>
      <c r="F4454">
        <v>16.077300000000001</v>
      </c>
    </row>
    <row r="4455" spans="1:6" x14ac:dyDescent="0.25">
      <c r="A4455">
        <v>142.26</v>
      </c>
      <c r="B4455">
        <v>207.67</v>
      </c>
      <c r="C4455">
        <v>14163.6</v>
      </c>
      <c r="D4455">
        <v>3.4</v>
      </c>
      <c r="E4455">
        <v>15581.3</v>
      </c>
      <c r="F4455">
        <v>16.081800000000001</v>
      </c>
    </row>
    <row r="4456" spans="1:6" x14ac:dyDescent="0.25">
      <c r="A4456">
        <v>142.26</v>
      </c>
      <c r="B4456">
        <v>207.67</v>
      </c>
      <c r="C4456">
        <v>14163.6</v>
      </c>
      <c r="D4456">
        <v>3.7</v>
      </c>
      <c r="E4456">
        <v>15566.5</v>
      </c>
      <c r="F4456">
        <v>16.085699999999999</v>
      </c>
    </row>
    <row r="4457" spans="1:6" x14ac:dyDescent="0.25">
      <c r="A4457">
        <v>142.26</v>
      </c>
      <c r="B4457">
        <v>207.67</v>
      </c>
      <c r="C4457">
        <v>14163.6</v>
      </c>
      <c r="D4457">
        <v>4</v>
      </c>
      <c r="E4457">
        <v>15475.9</v>
      </c>
      <c r="F4457">
        <v>16.075900000000001</v>
      </c>
    </row>
    <row r="4458" spans="1:6" x14ac:dyDescent="0.25">
      <c r="A4458">
        <v>142.26</v>
      </c>
      <c r="B4458">
        <v>207.67</v>
      </c>
      <c r="C4458">
        <v>15709.1</v>
      </c>
      <c r="D4458">
        <v>1</v>
      </c>
      <c r="E4458">
        <v>19521.599999999999</v>
      </c>
      <c r="F4458">
        <v>15.405200000000001</v>
      </c>
    </row>
    <row r="4459" spans="1:6" x14ac:dyDescent="0.25">
      <c r="A4459">
        <v>142.26</v>
      </c>
      <c r="B4459">
        <v>207.67</v>
      </c>
      <c r="C4459">
        <v>15709.1</v>
      </c>
      <c r="D4459">
        <v>1.3</v>
      </c>
      <c r="E4459">
        <v>18612.2</v>
      </c>
      <c r="F4459">
        <v>16.369299999999999</v>
      </c>
    </row>
    <row r="4460" spans="1:6" x14ac:dyDescent="0.25">
      <c r="A4460">
        <v>142.26</v>
      </c>
      <c r="B4460">
        <v>207.67</v>
      </c>
      <c r="C4460">
        <v>15709.1</v>
      </c>
      <c r="D4460">
        <v>1.6</v>
      </c>
      <c r="E4460">
        <v>18265.900000000001</v>
      </c>
      <c r="F4460">
        <v>16.450199999999999</v>
      </c>
    </row>
    <row r="4461" spans="1:6" x14ac:dyDescent="0.25">
      <c r="A4461">
        <v>142.26</v>
      </c>
      <c r="B4461">
        <v>207.67</v>
      </c>
      <c r="C4461">
        <v>15709.1</v>
      </c>
      <c r="D4461">
        <v>1.9</v>
      </c>
      <c r="E4461">
        <v>17831.599999999999</v>
      </c>
      <c r="F4461">
        <v>16.490600000000001</v>
      </c>
    </row>
    <row r="4462" spans="1:6" x14ac:dyDescent="0.25">
      <c r="A4462">
        <v>142.26</v>
      </c>
      <c r="B4462">
        <v>207.67</v>
      </c>
      <c r="C4462">
        <v>15709.1</v>
      </c>
      <c r="D4462">
        <v>2.2000000000000002</v>
      </c>
      <c r="E4462">
        <v>17739.599999999999</v>
      </c>
      <c r="F4462">
        <v>15.9641</v>
      </c>
    </row>
    <row r="4463" spans="1:6" x14ac:dyDescent="0.25">
      <c r="A4463">
        <v>142.26</v>
      </c>
      <c r="B4463">
        <v>207.67</v>
      </c>
      <c r="C4463">
        <v>15709.1</v>
      </c>
      <c r="D4463">
        <v>2.5</v>
      </c>
      <c r="E4463">
        <v>17584</v>
      </c>
      <c r="F4463">
        <v>16.028099999999998</v>
      </c>
    </row>
    <row r="4464" spans="1:6" x14ac:dyDescent="0.25">
      <c r="A4464">
        <v>142.26</v>
      </c>
      <c r="B4464">
        <v>207.67</v>
      </c>
      <c r="C4464">
        <v>15709.1</v>
      </c>
      <c r="D4464">
        <v>2.8</v>
      </c>
      <c r="E4464">
        <v>17380.900000000001</v>
      </c>
      <c r="F4464">
        <v>16.055</v>
      </c>
    </row>
    <row r="4465" spans="1:6" x14ac:dyDescent="0.25">
      <c r="A4465">
        <v>142.26</v>
      </c>
      <c r="B4465">
        <v>207.67</v>
      </c>
      <c r="C4465">
        <v>15709.1</v>
      </c>
      <c r="D4465">
        <v>3.1</v>
      </c>
      <c r="E4465">
        <v>17226.7</v>
      </c>
      <c r="F4465">
        <v>16.077300000000001</v>
      </c>
    </row>
    <row r="4466" spans="1:6" x14ac:dyDescent="0.25">
      <c r="A4466">
        <v>142.26</v>
      </c>
      <c r="B4466">
        <v>207.67</v>
      </c>
      <c r="C4466">
        <v>15709.1</v>
      </c>
      <c r="D4466">
        <v>3.4</v>
      </c>
      <c r="E4466">
        <v>17223.3</v>
      </c>
      <c r="F4466">
        <v>16.081800000000001</v>
      </c>
    </row>
    <row r="4467" spans="1:6" x14ac:dyDescent="0.25">
      <c r="A4467">
        <v>142.26</v>
      </c>
      <c r="B4467">
        <v>207.67</v>
      </c>
      <c r="C4467">
        <v>15709.1</v>
      </c>
      <c r="D4467">
        <v>3.7</v>
      </c>
      <c r="E4467">
        <v>17107.5</v>
      </c>
      <c r="F4467">
        <v>16.085699999999999</v>
      </c>
    </row>
    <row r="4468" spans="1:6" x14ac:dyDescent="0.25">
      <c r="A4468">
        <v>142.26</v>
      </c>
      <c r="B4468">
        <v>207.67</v>
      </c>
      <c r="C4468">
        <v>15709.1</v>
      </c>
      <c r="D4468">
        <v>4</v>
      </c>
      <c r="E4468">
        <v>17015.3</v>
      </c>
      <c r="F4468">
        <v>16.075900000000001</v>
      </c>
    </row>
    <row r="4469" spans="1:6" x14ac:dyDescent="0.25">
      <c r="A4469">
        <v>142.26</v>
      </c>
      <c r="B4469">
        <v>207.67</v>
      </c>
      <c r="C4469">
        <v>17254.5</v>
      </c>
      <c r="D4469">
        <v>1</v>
      </c>
      <c r="E4469">
        <v>21234.799999999999</v>
      </c>
      <c r="F4469">
        <v>15.405200000000001</v>
      </c>
    </row>
    <row r="4470" spans="1:6" x14ac:dyDescent="0.25">
      <c r="A4470">
        <v>142.26</v>
      </c>
      <c r="B4470">
        <v>207.67</v>
      </c>
      <c r="C4470">
        <v>17254.5</v>
      </c>
      <c r="D4470">
        <v>1.3</v>
      </c>
      <c r="E4470">
        <v>20178.7</v>
      </c>
      <c r="F4470">
        <v>16.369299999999999</v>
      </c>
    </row>
    <row r="4471" spans="1:6" x14ac:dyDescent="0.25">
      <c r="A4471">
        <v>142.26</v>
      </c>
      <c r="B4471">
        <v>207.67</v>
      </c>
      <c r="C4471">
        <v>17254.5</v>
      </c>
      <c r="D4471">
        <v>1.6</v>
      </c>
      <c r="E4471">
        <v>19746.7</v>
      </c>
      <c r="F4471">
        <v>16.450199999999999</v>
      </c>
    </row>
    <row r="4472" spans="1:6" x14ac:dyDescent="0.25">
      <c r="A4472">
        <v>142.26</v>
      </c>
      <c r="B4472">
        <v>207.67</v>
      </c>
      <c r="C4472">
        <v>17254.5</v>
      </c>
      <c r="D4472">
        <v>1.9</v>
      </c>
      <c r="E4472">
        <v>19509.7</v>
      </c>
      <c r="F4472">
        <v>16.490600000000001</v>
      </c>
    </row>
    <row r="4473" spans="1:6" x14ac:dyDescent="0.25">
      <c r="A4473">
        <v>142.26</v>
      </c>
      <c r="B4473">
        <v>207.67</v>
      </c>
      <c r="C4473">
        <v>17254.5</v>
      </c>
      <c r="D4473">
        <v>2.2000000000000002</v>
      </c>
      <c r="E4473">
        <v>19248.2</v>
      </c>
      <c r="F4473">
        <v>15.9641</v>
      </c>
    </row>
    <row r="4474" spans="1:6" x14ac:dyDescent="0.25">
      <c r="A4474">
        <v>142.26</v>
      </c>
      <c r="B4474">
        <v>207.67</v>
      </c>
      <c r="C4474">
        <v>17254.5</v>
      </c>
      <c r="D4474">
        <v>2.5</v>
      </c>
      <c r="E4474">
        <v>19074.900000000001</v>
      </c>
      <c r="F4474">
        <v>16.028099999999998</v>
      </c>
    </row>
    <row r="4475" spans="1:6" x14ac:dyDescent="0.25">
      <c r="A4475">
        <v>142.26</v>
      </c>
      <c r="B4475">
        <v>207.67</v>
      </c>
      <c r="C4475">
        <v>17254.5</v>
      </c>
      <c r="D4475">
        <v>2.8</v>
      </c>
      <c r="E4475">
        <v>18915.099999999999</v>
      </c>
      <c r="F4475">
        <v>16.055</v>
      </c>
    </row>
    <row r="4476" spans="1:6" x14ac:dyDescent="0.25">
      <c r="A4476">
        <v>142.26</v>
      </c>
      <c r="B4476">
        <v>207.67</v>
      </c>
      <c r="C4476">
        <v>17254.5</v>
      </c>
      <c r="D4476">
        <v>3.1</v>
      </c>
      <c r="E4476">
        <v>18765.8</v>
      </c>
      <c r="F4476">
        <v>16.077300000000001</v>
      </c>
    </row>
    <row r="4477" spans="1:6" x14ac:dyDescent="0.25">
      <c r="A4477">
        <v>142.26</v>
      </c>
      <c r="B4477">
        <v>207.67</v>
      </c>
      <c r="C4477">
        <v>17254.5</v>
      </c>
      <c r="D4477">
        <v>3.4</v>
      </c>
      <c r="E4477">
        <v>18740.099999999999</v>
      </c>
      <c r="F4477">
        <v>16.081800000000001</v>
      </c>
    </row>
    <row r="4478" spans="1:6" x14ac:dyDescent="0.25">
      <c r="A4478">
        <v>142.26</v>
      </c>
      <c r="B4478">
        <v>207.67</v>
      </c>
      <c r="C4478">
        <v>17254.5</v>
      </c>
      <c r="D4478">
        <v>3.7</v>
      </c>
      <c r="E4478">
        <v>18614.8</v>
      </c>
      <c r="F4478">
        <v>16.085699999999999</v>
      </c>
    </row>
    <row r="4479" spans="1:6" x14ac:dyDescent="0.25">
      <c r="A4479">
        <v>142.26</v>
      </c>
      <c r="B4479">
        <v>207.67</v>
      </c>
      <c r="C4479">
        <v>17254.5</v>
      </c>
      <c r="D4479">
        <v>4</v>
      </c>
      <c r="E4479">
        <v>18613.5</v>
      </c>
      <c r="F4479">
        <v>16.075900000000001</v>
      </c>
    </row>
    <row r="4480" spans="1:6" x14ac:dyDescent="0.25">
      <c r="A4480">
        <v>142.26</v>
      </c>
      <c r="B4480">
        <v>207.67</v>
      </c>
      <c r="C4480">
        <v>18800</v>
      </c>
      <c r="D4480">
        <v>1</v>
      </c>
      <c r="E4480">
        <v>22596.7</v>
      </c>
      <c r="F4480">
        <v>15.405200000000001</v>
      </c>
    </row>
    <row r="4481" spans="1:6" x14ac:dyDescent="0.25">
      <c r="A4481">
        <v>142.26</v>
      </c>
      <c r="B4481">
        <v>207.67</v>
      </c>
      <c r="C4481">
        <v>18800</v>
      </c>
      <c r="D4481">
        <v>1.3</v>
      </c>
      <c r="E4481">
        <v>21930.3</v>
      </c>
      <c r="F4481">
        <v>16.369299999999999</v>
      </c>
    </row>
    <row r="4482" spans="1:6" x14ac:dyDescent="0.25">
      <c r="A4482">
        <v>142.26</v>
      </c>
      <c r="B4482">
        <v>207.67</v>
      </c>
      <c r="C4482">
        <v>18800</v>
      </c>
      <c r="D4482">
        <v>1.6</v>
      </c>
      <c r="E4482">
        <v>21336.9</v>
      </c>
      <c r="F4482">
        <v>16.450199999999999</v>
      </c>
    </row>
    <row r="4483" spans="1:6" x14ac:dyDescent="0.25">
      <c r="A4483">
        <v>142.26</v>
      </c>
      <c r="B4483">
        <v>207.67</v>
      </c>
      <c r="C4483">
        <v>18800</v>
      </c>
      <c r="D4483">
        <v>1.9</v>
      </c>
      <c r="E4483">
        <v>21062.7</v>
      </c>
      <c r="F4483">
        <v>16.490600000000001</v>
      </c>
    </row>
    <row r="4484" spans="1:6" x14ac:dyDescent="0.25">
      <c r="A4484">
        <v>142.26</v>
      </c>
      <c r="B4484">
        <v>207.67</v>
      </c>
      <c r="C4484">
        <v>18800</v>
      </c>
      <c r="D4484">
        <v>2.2000000000000002</v>
      </c>
      <c r="E4484">
        <v>20887</v>
      </c>
      <c r="F4484">
        <v>15.9641</v>
      </c>
    </row>
    <row r="4485" spans="1:6" x14ac:dyDescent="0.25">
      <c r="A4485">
        <v>142.26</v>
      </c>
      <c r="B4485">
        <v>207.67</v>
      </c>
      <c r="C4485">
        <v>18800</v>
      </c>
      <c r="D4485">
        <v>2.5</v>
      </c>
      <c r="E4485">
        <v>20575.099999999999</v>
      </c>
      <c r="F4485">
        <v>16.028099999999998</v>
      </c>
    </row>
    <row r="4486" spans="1:6" x14ac:dyDescent="0.25">
      <c r="A4486">
        <v>142.26</v>
      </c>
      <c r="B4486">
        <v>207.67</v>
      </c>
      <c r="C4486">
        <v>18800</v>
      </c>
      <c r="D4486">
        <v>2.8</v>
      </c>
      <c r="E4486">
        <v>20445.599999999999</v>
      </c>
      <c r="F4486">
        <v>16.055</v>
      </c>
    </row>
    <row r="4487" spans="1:6" x14ac:dyDescent="0.25">
      <c r="A4487">
        <v>142.26</v>
      </c>
      <c r="B4487">
        <v>207.67</v>
      </c>
      <c r="C4487">
        <v>18800</v>
      </c>
      <c r="D4487">
        <v>3.1</v>
      </c>
      <c r="E4487">
        <v>20412.7</v>
      </c>
      <c r="F4487">
        <v>16.077300000000001</v>
      </c>
    </row>
    <row r="4488" spans="1:6" x14ac:dyDescent="0.25">
      <c r="A4488">
        <v>142.26</v>
      </c>
      <c r="B4488">
        <v>207.67</v>
      </c>
      <c r="C4488">
        <v>18800</v>
      </c>
      <c r="D4488">
        <v>3.4</v>
      </c>
      <c r="E4488">
        <v>20296.2</v>
      </c>
      <c r="F4488">
        <v>16.081800000000001</v>
      </c>
    </row>
    <row r="4489" spans="1:6" x14ac:dyDescent="0.25">
      <c r="A4489">
        <v>142.26</v>
      </c>
      <c r="B4489">
        <v>207.67</v>
      </c>
      <c r="C4489">
        <v>18800</v>
      </c>
      <c r="D4489">
        <v>3.7</v>
      </c>
      <c r="E4489">
        <v>20146.3</v>
      </c>
      <c r="F4489">
        <v>16.085699999999999</v>
      </c>
    </row>
    <row r="4490" spans="1:6" x14ac:dyDescent="0.25">
      <c r="A4490">
        <v>142.26</v>
      </c>
      <c r="B4490">
        <v>207.67</v>
      </c>
      <c r="C4490">
        <v>18800</v>
      </c>
      <c r="D4490">
        <v>4</v>
      </c>
      <c r="E4490">
        <v>20061.599999999999</v>
      </c>
      <c r="F4490">
        <v>16.075900000000001</v>
      </c>
    </row>
    <row r="4491" spans="1:6" x14ac:dyDescent="0.25">
      <c r="A4491">
        <v>142.26</v>
      </c>
      <c r="B4491">
        <v>211.3</v>
      </c>
      <c r="C4491">
        <v>1800</v>
      </c>
      <c r="D4491">
        <v>1</v>
      </c>
      <c r="E4491">
        <v>5630.42</v>
      </c>
      <c r="F4491">
        <v>55.694600000000001</v>
      </c>
    </row>
    <row r="4492" spans="1:6" x14ac:dyDescent="0.25">
      <c r="A4492">
        <v>142.26</v>
      </c>
      <c r="B4492">
        <v>211.3</v>
      </c>
      <c r="C4492">
        <v>1800</v>
      </c>
      <c r="D4492">
        <v>1.3</v>
      </c>
      <c r="E4492">
        <v>5038.91</v>
      </c>
      <c r="F4492">
        <v>68.851100000000002</v>
      </c>
    </row>
    <row r="4493" spans="1:6" x14ac:dyDescent="0.25">
      <c r="A4493">
        <v>142.26</v>
      </c>
      <c r="B4493">
        <v>211.3</v>
      </c>
      <c r="C4493">
        <v>1800</v>
      </c>
      <c r="D4493">
        <v>1.6</v>
      </c>
      <c r="E4493">
        <v>4580.29</v>
      </c>
      <c r="F4493">
        <v>76.487499999999997</v>
      </c>
    </row>
    <row r="4494" spans="1:6" x14ac:dyDescent="0.25">
      <c r="A4494">
        <v>142.26</v>
      </c>
      <c r="B4494">
        <v>211.3</v>
      </c>
      <c r="C4494">
        <v>1800</v>
      </c>
      <c r="D4494">
        <v>1.9</v>
      </c>
      <c r="E4494">
        <v>4276.71</v>
      </c>
      <c r="F4494">
        <v>84.554900000000004</v>
      </c>
    </row>
    <row r="4495" spans="1:6" x14ac:dyDescent="0.25">
      <c r="A4495">
        <v>142.26</v>
      </c>
      <c r="B4495">
        <v>211.3</v>
      </c>
      <c r="C4495">
        <v>1800</v>
      </c>
      <c r="D4495">
        <v>2.2000000000000002</v>
      </c>
      <c r="E4495">
        <v>4053.45</v>
      </c>
      <c r="F4495">
        <v>87.619500000000002</v>
      </c>
    </row>
    <row r="4496" spans="1:6" x14ac:dyDescent="0.25">
      <c r="A4496">
        <v>142.26</v>
      </c>
      <c r="B4496">
        <v>211.3</v>
      </c>
      <c r="C4496">
        <v>1800</v>
      </c>
      <c r="D4496">
        <v>2.5</v>
      </c>
      <c r="E4496">
        <v>3835.43</v>
      </c>
      <c r="F4496">
        <v>92.676400000000001</v>
      </c>
    </row>
    <row r="4497" spans="1:6" x14ac:dyDescent="0.25">
      <c r="A4497">
        <v>142.26</v>
      </c>
      <c r="B4497">
        <v>211.3</v>
      </c>
      <c r="C4497">
        <v>1800</v>
      </c>
      <c r="D4497">
        <v>2.8</v>
      </c>
      <c r="E4497">
        <v>3711.65</v>
      </c>
      <c r="F4497">
        <v>96.816299999999998</v>
      </c>
    </row>
    <row r="4498" spans="1:6" x14ac:dyDescent="0.25">
      <c r="A4498">
        <v>142.26</v>
      </c>
      <c r="B4498">
        <v>211.3</v>
      </c>
      <c r="C4498">
        <v>1800</v>
      </c>
      <c r="D4498">
        <v>3.1</v>
      </c>
      <c r="E4498">
        <v>3593.2</v>
      </c>
      <c r="F4498">
        <v>99.588099999999997</v>
      </c>
    </row>
    <row r="4499" spans="1:6" x14ac:dyDescent="0.25">
      <c r="A4499">
        <v>142.26</v>
      </c>
      <c r="B4499">
        <v>211.3</v>
      </c>
      <c r="C4499">
        <v>1800</v>
      </c>
      <c r="D4499">
        <v>3.4</v>
      </c>
      <c r="E4499">
        <v>3472.63</v>
      </c>
      <c r="F4499">
        <v>98.003</v>
      </c>
    </row>
    <row r="4500" spans="1:6" x14ac:dyDescent="0.25">
      <c r="A4500">
        <v>142.26</v>
      </c>
      <c r="B4500">
        <v>211.3</v>
      </c>
      <c r="C4500">
        <v>1800</v>
      </c>
      <c r="D4500">
        <v>3.7</v>
      </c>
      <c r="E4500">
        <v>3373.3</v>
      </c>
      <c r="F4500">
        <v>99.776399999999995</v>
      </c>
    </row>
    <row r="4501" spans="1:6" x14ac:dyDescent="0.25">
      <c r="A4501">
        <v>142.26</v>
      </c>
      <c r="B4501">
        <v>211.3</v>
      </c>
      <c r="C4501">
        <v>1800</v>
      </c>
      <c r="D4501">
        <v>4</v>
      </c>
      <c r="E4501">
        <v>3316.9</v>
      </c>
      <c r="F4501">
        <v>105.92</v>
      </c>
    </row>
    <row r="4502" spans="1:6" x14ac:dyDescent="0.25">
      <c r="A4502">
        <v>142.26</v>
      </c>
      <c r="B4502">
        <v>211.3</v>
      </c>
      <c r="C4502">
        <v>3345.45</v>
      </c>
      <c r="D4502">
        <v>1</v>
      </c>
      <c r="E4502">
        <v>6839.5</v>
      </c>
      <c r="F4502">
        <v>27.985399999999998</v>
      </c>
    </row>
    <row r="4503" spans="1:6" x14ac:dyDescent="0.25">
      <c r="A4503">
        <v>142.26</v>
      </c>
      <c r="B4503">
        <v>211.3</v>
      </c>
      <c r="C4503">
        <v>3345.45</v>
      </c>
      <c r="D4503">
        <v>1.3</v>
      </c>
      <c r="E4503">
        <v>6336.96</v>
      </c>
      <c r="F4503">
        <v>32.643500000000003</v>
      </c>
    </row>
    <row r="4504" spans="1:6" x14ac:dyDescent="0.25">
      <c r="A4504">
        <v>142.26</v>
      </c>
      <c r="B4504">
        <v>211.3</v>
      </c>
      <c r="C4504">
        <v>3345.45</v>
      </c>
      <c r="D4504">
        <v>1.6</v>
      </c>
      <c r="E4504">
        <v>6024.89</v>
      </c>
      <c r="F4504">
        <v>39.701999999999998</v>
      </c>
    </row>
    <row r="4505" spans="1:6" x14ac:dyDescent="0.25">
      <c r="A4505">
        <v>142.26</v>
      </c>
      <c r="B4505">
        <v>211.3</v>
      </c>
      <c r="C4505">
        <v>3345.45</v>
      </c>
      <c r="D4505">
        <v>1.9</v>
      </c>
      <c r="E4505">
        <v>5762.39</v>
      </c>
      <c r="F4505">
        <v>41.216799999999999</v>
      </c>
    </row>
    <row r="4506" spans="1:6" x14ac:dyDescent="0.25">
      <c r="A4506">
        <v>142.26</v>
      </c>
      <c r="B4506">
        <v>211.3</v>
      </c>
      <c r="C4506">
        <v>3345.45</v>
      </c>
      <c r="D4506">
        <v>2.2000000000000002</v>
      </c>
      <c r="E4506">
        <v>5508.65</v>
      </c>
      <c r="F4506">
        <v>49.104900000000001</v>
      </c>
    </row>
    <row r="4507" spans="1:6" x14ac:dyDescent="0.25">
      <c r="A4507">
        <v>142.26</v>
      </c>
      <c r="B4507">
        <v>211.3</v>
      </c>
      <c r="C4507">
        <v>3345.45</v>
      </c>
      <c r="D4507">
        <v>2.5</v>
      </c>
      <c r="E4507">
        <v>5333.76</v>
      </c>
      <c r="F4507">
        <v>51.404299999999999</v>
      </c>
    </row>
    <row r="4508" spans="1:6" x14ac:dyDescent="0.25">
      <c r="A4508">
        <v>142.26</v>
      </c>
      <c r="B4508">
        <v>211.3</v>
      </c>
      <c r="C4508">
        <v>3345.45</v>
      </c>
      <c r="D4508">
        <v>2.8</v>
      </c>
      <c r="E4508">
        <v>5149.3599999999997</v>
      </c>
      <c r="F4508">
        <v>54.9754</v>
      </c>
    </row>
    <row r="4509" spans="1:6" x14ac:dyDescent="0.25">
      <c r="A4509">
        <v>142.26</v>
      </c>
      <c r="B4509">
        <v>211.3</v>
      </c>
      <c r="C4509">
        <v>3345.45</v>
      </c>
      <c r="D4509">
        <v>3.1</v>
      </c>
      <c r="E4509">
        <v>5041.8500000000004</v>
      </c>
      <c r="F4509">
        <v>54.842199999999998</v>
      </c>
    </row>
    <row r="4510" spans="1:6" x14ac:dyDescent="0.25">
      <c r="A4510">
        <v>142.26</v>
      </c>
      <c r="B4510">
        <v>211.3</v>
      </c>
      <c r="C4510">
        <v>3345.45</v>
      </c>
      <c r="D4510">
        <v>3.4</v>
      </c>
      <c r="E4510">
        <v>4910.79</v>
      </c>
      <c r="F4510">
        <v>58.383699999999997</v>
      </c>
    </row>
    <row r="4511" spans="1:6" x14ac:dyDescent="0.25">
      <c r="A4511">
        <v>142.26</v>
      </c>
      <c r="B4511">
        <v>211.3</v>
      </c>
      <c r="C4511">
        <v>3345.45</v>
      </c>
      <c r="D4511">
        <v>3.7</v>
      </c>
      <c r="E4511">
        <v>4825.6099999999997</v>
      </c>
      <c r="F4511">
        <v>59.0931</v>
      </c>
    </row>
    <row r="4512" spans="1:6" x14ac:dyDescent="0.25">
      <c r="A4512">
        <v>142.26</v>
      </c>
      <c r="B4512">
        <v>211.3</v>
      </c>
      <c r="C4512">
        <v>3345.45</v>
      </c>
      <c r="D4512">
        <v>4</v>
      </c>
      <c r="E4512">
        <v>4742.13</v>
      </c>
      <c r="F4512">
        <v>59.941200000000002</v>
      </c>
    </row>
    <row r="4513" spans="1:6" x14ac:dyDescent="0.25">
      <c r="A4513">
        <v>142.26</v>
      </c>
      <c r="B4513">
        <v>211.3</v>
      </c>
      <c r="C4513">
        <v>4890.8999999999996</v>
      </c>
      <c r="D4513">
        <v>1</v>
      </c>
      <c r="E4513">
        <v>8203.69</v>
      </c>
      <c r="F4513">
        <v>11.8453</v>
      </c>
    </row>
    <row r="4514" spans="1:6" x14ac:dyDescent="0.25">
      <c r="A4514">
        <v>142.26</v>
      </c>
      <c r="B4514">
        <v>211.3</v>
      </c>
      <c r="C4514">
        <v>4890.8999999999996</v>
      </c>
      <c r="D4514">
        <v>1.3</v>
      </c>
      <c r="E4514">
        <v>7906.16</v>
      </c>
      <c r="F4514">
        <v>14.283200000000001</v>
      </c>
    </row>
    <row r="4515" spans="1:6" x14ac:dyDescent="0.25">
      <c r="A4515">
        <v>142.26</v>
      </c>
      <c r="B4515">
        <v>211.3</v>
      </c>
      <c r="C4515">
        <v>4890.8999999999996</v>
      </c>
      <c r="D4515">
        <v>1.6</v>
      </c>
      <c r="E4515">
        <v>7255.39</v>
      </c>
      <c r="F4515">
        <v>14.173400000000001</v>
      </c>
    </row>
    <row r="4516" spans="1:6" x14ac:dyDescent="0.25">
      <c r="A4516">
        <v>142.26</v>
      </c>
      <c r="B4516">
        <v>211.3</v>
      </c>
      <c r="C4516">
        <v>4890.8999999999996</v>
      </c>
      <c r="D4516">
        <v>1.9</v>
      </c>
      <c r="E4516">
        <v>7131.17</v>
      </c>
      <c r="F4516">
        <v>13.783799999999999</v>
      </c>
    </row>
    <row r="4517" spans="1:6" x14ac:dyDescent="0.25">
      <c r="A4517">
        <v>142.26</v>
      </c>
      <c r="B4517">
        <v>211.3</v>
      </c>
      <c r="C4517">
        <v>4890.8999999999996</v>
      </c>
      <c r="D4517">
        <v>2.2000000000000002</v>
      </c>
      <c r="E4517">
        <v>6925.05</v>
      </c>
      <c r="F4517">
        <v>14.2498</v>
      </c>
    </row>
    <row r="4518" spans="1:6" x14ac:dyDescent="0.25">
      <c r="A4518">
        <v>142.26</v>
      </c>
      <c r="B4518">
        <v>211.3</v>
      </c>
      <c r="C4518">
        <v>4890.8999999999996</v>
      </c>
      <c r="D4518">
        <v>2.5</v>
      </c>
      <c r="E4518">
        <v>6780.3</v>
      </c>
      <c r="F4518">
        <v>14.093999999999999</v>
      </c>
    </row>
    <row r="4519" spans="1:6" x14ac:dyDescent="0.25">
      <c r="A4519">
        <v>142.26</v>
      </c>
      <c r="B4519">
        <v>211.3</v>
      </c>
      <c r="C4519">
        <v>4890.8999999999996</v>
      </c>
      <c r="D4519">
        <v>2.8</v>
      </c>
      <c r="E4519">
        <v>6583.69</v>
      </c>
      <c r="F4519">
        <v>13.511100000000001</v>
      </c>
    </row>
    <row r="4520" spans="1:6" x14ac:dyDescent="0.25">
      <c r="A4520">
        <v>142.26</v>
      </c>
      <c r="B4520">
        <v>211.3</v>
      </c>
      <c r="C4520">
        <v>4890.8999999999996</v>
      </c>
      <c r="D4520">
        <v>3.1</v>
      </c>
      <c r="E4520">
        <v>6501.5</v>
      </c>
      <c r="F4520">
        <v>13.5184</v>
      </c>
    </row>
    <row r="4521" spans="1:6" x14ac:dyDescent="0.25">
      <c r="A4521">
        <v>142.26</v>
      </c>
      <c r="B4521">
        <v>211.3</v>
      </c>
      <c r="C4521">
        <v>4890.8999999999996</v>
      </c>
      <c r="D4521">
        <v>3.4</v>
      </c>
      <c r="E4521">
        <v>6397.06</v>
      </c>
      <c r="F4521">
        <v>14.8704</v>
      </c>
    </row>
    <row r="4522" spans="1:6" x14ac:dyDescent="0.25">
      <c r="A4522">
        <v>142.26</v>
      </c>
      <c r="B4522">
        <v>211.3</v>
      </c>
      <c r="C4522">
        <v>4890.8999999999996</v>
      </c>
      <c r="D4522">
        <v>3.7</v>
      </c>
      <c r="E4522">
        <v>6269.73</v>
      </c>
      <c r="F4522">
        <v>15.9337</v>
      </c>
    </row>
    <row r="4523" spans="1:6" x14ac:dyDescent="0.25">
      <c r="A4523">
        <v>142.26</v>
      </c>
      <c r="B4523">
        <v>211.3</v>
      </c>
      <c r="C4523">
        <v>4890.8999999999996</v>
      </c>
      <c r="D4523">
        <v>4</v>
      </c>
      <c r="E4523">
        <v>6220.78</v>
      </c>
      <c r="F4523">
        <v>17.488299999999999</v>
      </c>
    </row>
    <row r="4524" spans="1:6" x14ac:dyDescent="0.25">
      <c r="A4524">
        <v>142.26</v>
      </c>
      <c r="B4524">
        <v>211.3</v>
      </c>
      <c r="C4524">
        <v>6436.35</v>
      </c>
      <c r="D4524">
        <v>1</v>
      </c>
      <c r="E4524">
        <v>10424.799999999999</v>
      </c>
      <c r="F4524">
        <v>15.405200000000001</v>
      </c>
    </row>
    <row r="4525" spans="1:6" x14ac:dyDescent="0.25">
      <c r="A4525">
        <v>142.26</v>
      </c>
      <c r="B4525">
        <v>211.3</v>
      </c>
      <c r="C4525">
        <v>6436.35</v>
      </c>
      <c r="D4525">
        <v>1.3</v>
      </c>
      <c r="E4525">
        <v>9396.5</v>
      </c>
      <c r="F4525">
        <v>14.7537</v>
      </c>
    </row>
    <row r="4526" spans="1:6" x14ac:dyDescent="0.25">
      <c r="A4526">
        <v>142.26</v>
      </c>
      <c r="B4526">
        <v>211.3</v>
      </c>
      <c r="C4526">
        <v>6436.35</v>
      </c>
      <c r="D4526">
        <v>1.6</v>
      </c>
      <c r="E4526">
        <v>9042.59</v>
      </c>
      <c r="F4526">
        <v>14.1135</v>
      </c>
    </row>
    <row r="4527" spans="1:6" x14ac:dyDescent="0.25">
      <c r="A4527">
        <v>142.26</v>
      </c>
      <c r="B4527">
        <v>211.3</v>
      </c>
      <c r="C4527">
        <v>6436.35</v>
      </c>
      <c r="D4527">
        <v>1.9</v>
      </c>
      <c r="E4527">
        <v>8559.5300000000007</v>
      </c>
      <c r="F4527">
        <v>14.279400000000001</v>
      </c>
    </row>
    <row r="4528" spans="1:6" x14ac:dyDescent="0.25">
      <c r="A4528">
        <v>142.26</v>
      </c>
      <c r="B4528">
        <v>211.3</v>
      </c>
      <c r="C4528">
        <v>6436.35</v>
      </c>
      <c r="D4528">
        <v>2.2000000000000002</v>
      </c>
      <c r="E4528">
        <v>8497.2099999999991</v>
      </c>
      <c r="F4528">
        <v>15.9641</v>
      </c>
    </row>
    <row r="4529" spans="1:6" x14ac:dyDescent="0.25">
      <c r="A4529">
        <v>142.26</v>
      </c>
      <c r="B4529">
        <v>211.3</v>
      </c>
      <c r="C4529">
        <v>6436.35</v>
      </c>
      <c r="D4529">
        <v>2.5</v>
      </c>
      <c r="E4529">
        <v>8273.94</v>
      </c>
      <c r="F4529">
        <v>16.028099999999998</v>
      </c>
    </row>
    <row r="4530" spans="1:6" x14ac:dyDescent="0.25">
      <c r="A4530">
        <v>142.26</v>
      </c>
      <c r="B4530">
        <v>211.3</v>
      </c>
      <c r="C4530">
        <v>6436.35</v>
      </c>
      <c r="D4530">
        <v>2.8</v>
      </c>
      <c r="E4530">
        <v>8097.31</v>
      </c>
      <c r="F4530">
        <v>16.055</v>
      </c>
    </row>
    <row r="4531" spans="1:6" x14ac:dyDescent="0.25">
      <c r="A4531">
        <v>142.26</v>
      </c>
      <c r="B4531">
        <v>211.3</v>
      </c>
      <c r="C4531">
        <v>6436.35</v>
      </c>
      <c r="D4531">
        <v>3.1</v>
      </c>
      <c r="E4531">
        <v>7974.91</v>
      </c>
      <c r="F4531">
        <v>16.066299999999998</v>
      </c>
    </row>
    <row r="4532" spans="1:6" x14ac:dyDescent="0.25">
      <c r="A4532">
        <v>142.26</v>
      </c>
      <c r="B4532">
        <v>211.3</v>
      </c>
      <c r="C4532">
        <v>6436.35</v>
      </c>
      <c r="D4532">
        <v>3.4</v>
      </c>
      <c r="E4532">
        <v>7890.82</v>
      </c>
      <c r="F4532">
        <v>15.8484</v>
      </c>
    </row>
    <row r="4533" spans="1:6" x14ac:dyDescent="0.25">
      <c r="A4533">
        <v>142.26</v>
      </c>
      <c r="B4533">
        <v>211.3</v>
      </c>
      <c r="C4533">
        <v>6436.35</v>
      </c>
      <c r="D4533">
        <v>3.7</v>
      </c>
      <c r="E4533">
        <v>7800.59</v>
      </c>
      <c r="F4533">
        <v>15.674799999999999</v>
      </c>
    </row>
    <row r="4534" spans="1:6" x14ac:dyDescent="0.25">
      <c r="A4534">
        <v>142.26</v>
      </c>
      <c r="B4534">
        <v>211.3</v>
      </c>
      <c r="C4534">
        <v>6436.35</v>
      </c>
      <c r="D4534">
        <v>4</v>
      </c>
      <c r="E4534">
        <v>7725.2</v>
      </c>
      <c r="F4534">
        <v>15.530900000000001</v>
      </c>
    </row>
    <row r="4535" spans="1:6" x14ac:dyDescent="0.25">
      <c r="A4535">
        <v>142.26</v>
      </c>
      <c r="B4535">
        <v>211.3</v>
      </c>
      <c r="C4535">
        <v>7981.8</v>
      </c>
      <c r="D4535">
        <v>1</v>
      </c>
      <c r="E4535">
        <v>11848.6</v>
      </c>
      <c r="F4535">
        <v>15.405200000000001</v>
      </c>
    </row>
    <row r="4536" spans="1:6" x14ac:dyDescent="0.25">
      <c r="A4536">
        <v>142.26</v>
      </c>
      <c r="B4536">
        <v>211.3</v>
      </c>
      <c r="C4536">
        <v>7981.8</v>
      </c>
      <c r="D4536">
        <v>1.3</v>
      </c>
      <c r="E4536">
        <v>10974.7</v>
      </c>
      <c r="F4536">
        <v>16.369299999999999</v>
      </c>
    </row>
    <row r="4537" spans="1:6" x14ac:dyDescent="0.25">
      <c r="A4537">
        <v>142.26</v>
      </c>
      <c r="B4537">
        <v>211.3</v>
      </c>
      <c r="C4537">
        <v>7981.8</v>
      </c>
      <c r="D4537">
        <v>1.6</v>
      </c>
      <c r="E4537">
        <v>10420</v>
      </c>
      <c r="F4537">
        <v>16.450199999999999</v>
      </c>
    </row>
    <row r="4538" spans="1:6" x14ac:dyDescent="0.25">
      <c r="A4538">
        <v>142.26</v>
      </c>
      <c r="B4538">
        <v>211.3</v>
      </c>
      <c r="C4538">
        <v>7981.8</v>
      </c>
      <c r="D4538">
        <v>1.9</v>
      </c>
      <c r="E4538">
        <v>10263</v>
      </c>
      <c r="F4538">
        <v>16.490600000000001</v>
      </c>
    </row>
    <row r="4539" spans="1:6" x14ac:dyDescent="0.25">
      <c r="A4539">
        <v>142.26</v>
      </c>
      <c r="B4539">
        <v>211.3</v>
      </c>
      <c r="C4539">
        <v>7981.8</v>
      </c>
      <c r="D4539">
        <v>2.2000000000000002</v>
      </c>
      <c r="E4539">
        <v>9971.16</v>
      </c>
      <c r="F4539">
        <v>15.9641</v>
      </c>
    </row>
    <row r="4540" spans="1:6" x14ac:dyDescent="0.25">
      <c r="A4540">
        <v>142.26</v>
      </c>
      <c r="B4540">
        <v>211.3</v>
      </c>
      <c r="C4540">
        <v>7981.8</v>
      </c>
      <c r="D4540">
        <v>2.5</v>
      </c>
      <c r="E4540">
        <v>9736.5300000000007</v>
      </c>
      <c r="F4540">
        <v>16.028099999999998</v>
      </c>
    </row>
    <row r="4541" spans="1:6" x14ac:dyDescent="0.25">
      <c r="A4541">
        <v>142.26</v>
      </c>
      <c r="B4541">
        <v>211.3</v>
      </c>
      <c r="C4541">
        <v>7981.8</v>
      </c>
      <c r="D4541">
        <v>2.8</v>
      </c>
      <c r="E4541">
        <v>9669.4699999999993</v>
      </c>
      <c r="F4541">
        <v>16.055</v>
      </c>
    </row>
    <row r="4542" spans="1:6" x14ac:dyDescent="0.25">
      <c r="A4542">
        <v>142.26</v>
      </c>
      <c r="B4542">
        <v>211.3</v>
      </c>
      <c r="C4542">
        <v>7981.8</v>
      </c>
      <c r="D4542">
        <v>3.1</v>
      </c>
      <c r="E4542">
        <v>9545.86</v>
      </c>
      <c r="F4542">
        <v>16.077300000000001</v>
      </c>
    </row>
    <row r="4543" spans="1:6" x14ac:dyDescent="0.25">
      <c r="A4543">
        <v>142.26</v>
      </c>
      <c r="B4543">
        <v>211.3</v>
      </c>
      <c r="C4543">
        <v>7981.8</v>
      </c>
      <c r="D4543">
        <v>3.4</v>
      </c>
      <c r="E4543">
        <v>9430.92</v>
      </c>
      <c r="F4543">
        <v>16.081800000000001</v>
      </c>
    </row>
    <row r="4544" spans="1:6" x14ac:dyDescent="0.25">
      <c r="A4544">
        <v>142.26</v>
      </c>
      <c r="B4544">
        <v>211.3</v>
      </c>
      <c r="C4544">
        <v>7981.8</v>
      </c>
      <c r="D4544">
        <v>3.7</v>
      </c>
      <c r="E4544">
        <v>9332.4599999999991</v>
      </c>
      <c r="F4544">
        <v>16.085699999999999</v>
      </c>
    </row>
    <row r="4545" spans="1:6" x14ac:dyDescent="0.25">
      <c r="A4545">
        <v>142.26</v>
      </c>
      <c r="B4545">
        <v>211.3</v>
      </c>
      <c r="C4545">
        <v>7981.8</v>
      </c>
      <c r="D4545">
        <v>4</v>
      </c>
      <c r="E4545">
        <v>9246.1200000000008</v>
      </c>
      <c r="F4545">
        <v>16.075900000000001</v>
      </c>
    </row>
    <row r="4546" spans="1:6" x14ac:dyDescent="0.25">
      <c r="A4546">
        <v>142.26</v>
      </c>
      <c r="B4546">
        <v>211.3</v>
      </c>
      <c r="C4546">
        <v>9527.25</v>
      </c>
      <c r="D4546">
        <v>1</v>
      </c>
      <c r="E4546">
        <v>13395.1</v>
      </c>
      <c r="F4546">
        <v>15.405200000000001</v>
      </c>
    </row>
    <row r="4547" spans="1:6" x14ac:dyDescent="0.25">
      <c r="A4547">
        <v>142.26</v>
      </c>
      <c r="B4547">
        <v>211.3</v>
      </c>
      <c r="C4547">
        <v>9527.25</v>
      </c>
      <c r="D4547">
        <v>1.3</v>
      </c>
      <c r="E4547">
        <v>12706.3</v>
      </c>
      <c r="F4547">
        <v>16.369299999999999</v>
      </c>
    </row>
    <row r="4548" spans="1:6" x14ac:dyDescent="0.25">
      <c r="A4548">
        <v>142.26</v>
      </c>
      <c r="B4548">
        <v>211.3</v>
      </c>
      <c r="C4548">
        <v>9527.25</v>
      </c>
      <c r="D4548">
        <v>1.6</v>
      </c>
      <c r="E4548">
        <v>11977.3</v>
      </c>
      <c r="F4548">
        <v>16.450199999999999</v>
      </c>
    </row>
    <row r="4549" spans="1:6" x14ac:dyDescent="0.25">
      <c r="A4549">
        <v>142.26</v>
      </c>
      <c r="B4549">
        <v>211.3</v>
      </c>
      <c r="C4549">
        <v>9527.25</v>
      </c>
      <c r="D4549">
        <v>1.9</v>
      </c>
      <c r="E4549">
        <v>11615.5</v>
      </c>
      <c r="F4549">
        <v>16.490600000000001</v>
      </c>
    </row>
    <row r="4550" spans="1:6" x14ac:dyDescent="0.25">
      <c r="A4550">
        <v>142.26</v>
      </c>
      <c r="B4550">
        <v>211.3</v>
      </c>
      <c r="C4550">
        <v>9527.25</v>
      </c>
      <c r="D4550">
        <v>2.2000000000000002</v>
      </c>
      <c r="E4550">
        <v>11575.4</v>
      </c>
      <c r="F4550">
        <v>15.9641</v>
      </c>
    </row>
    <row r="4551" spans="1:6" x14ac:dyDescent="0.25">
      <c r="A4551">
        <v>142.26</v>
      </c>
      <c r="B4551">
        <v>211.3</v>
      </c>
      <c r="C4551">
        <v>9527.25</v>
      </c>
      <c r="D4551">
        <v>2.5</v>
      </c>
      <c r="E4551">
        <v>11323.6</v>
      </c>
      <c r="F4551">
        <v>16.028099999999998</v>
      </c>
    </row>
    <row r="4552" spans="1:6" x14ac:dyDescent="0.25">
      <c r="A4552">
        <v>142.26</v>
      </c>
      <c r="B4552">
        <v>211.3</v>
      </c>
      <c r="C4552">
        <v>9527.25</v>
      </c>
      <c r="D4552">
        <v>2.8</v>
      </c>
      <c r="E4552">
        <v>11167.6</v>
      </c>
      <c r="F4552">
        <v>16.055</v>
      </c>
    </row>
    <row r="4553" spans="1:6" x14ac:dyDescent="0.25">
      <c r="A4553">
        <v>142.26</v>
      </c>
      <c r="B4553">
        <v>211.3</v>
      </c>
      <c r="C4553">
        <v>9527.25</v>
      </c>
      <c r="D4553">
        <v>3.1</v>
      </c>
      <c r="E4553">
        <v>11118</v>
      </c>
      <c r="F4553">
        <v>16.077300000000001</v>
      </c>
    </row>
    <row r="4554" spans="1:6" x14ac:dyDescent="0.25">
      <c r="A4554">
        <v>142.26</v>
      </c>
      <c r="B4554">
        <v>211.3</v>
      </c>
      <c r="C4554">
        <v>9527.25</v>
      </c>
      <c r="D4554">
        <v>3.4</v>
      </c>
      <c r="E4554">
        <v>10978.5</v>
      </c>
      <c r="F4554">
        <v>16.081800000000001</v>
      </c>
    </row>
    <row r="4555" spans="1:6" x14ac:dyDescent="0.25">
      <c r="A4555">
        <v>142.26</v>
      </c>
      <c r="B4555">
        <v>211.3</v>
      </c>
      <c r="C4555">
        <v>9527.25</v>
      </c>
      <c r="D4555">
        <v>3.7</v>
      </c>
      <c r="E4555">
        <v>10860.4</v>
      </c>
      <c r="F4555">
        <v>16.085699999999999</v>
      </c>
    </row>
    <row r="4556" spans="1:6" x14ac:dyDescent="0.25">
      <c r="A4556">
        <v>142.26</v>
      </c>
      <c r="B4556">
        <v>211.3</v>
      </c>
      <c r="C4556">
        <v>9527.25</v>
      </c>
      <c r="D4556">
        <v>4</v>
      </c>
      <c r="E4556">
        <v>10849.9</v>
      </c>
      <c r="F4556">
        <v>16.075900000000001</v>
      </c>
    </row>
    <row r="4557" spans="1:6" x14ac:dyDescent="0.25">
      <c r="A4557">
        <v>142.26</v>
      </c>
      <c r="B4557">
        <v>211.3</v>
      </c>
      <c r="C4557">
        <v>11072.7</v>
      </c>
      <c r="D4557">
        <v>1</v>
      </c>
      <c r="E4557">
        <v>14999.4</v>
      </c>
      <c r="F4557">
        <v>15.405200000000001</v>
      </c>
    </row>
    <row r="4558" spans="1:6" x14ac:dyDescent="0.25">
      <c r="A4558">
        <v>142.26</v>
      </c>
      <c r="B4558">
        <v>211.3</v>
      </c>
      <c r="C4558">
        <v>11072.7</v>
      </c>
      <c r="D4558">
        <v>1.3</v>
      </c>
      <c r="E4558">
        <v>14126.8</v>
      </c>
      <c r="F4558">
        <v>16.369299999999999</v>
      </c>
    </row>
    <row r="4559" spans="1:6" x14ac:dyDescent="0.25">
      <c r="A4559">
        <v>142.26</v>
      </c>
      <c r="B4559">
        <v>211.3</v>
      </c>
      <c r="C4559">
        <v>11072.7</v>
      </c>
      <c r="D4559">
        <v>1.6</v>
      </c>
      <c r="E4559">
        <v>13520.4</v>
      </c>
      <c r="F4559">
        <v>16.450199999999999</v>
      </c>
    </row>
    <row r="4560" spans="1:6" x14ac:dyDescent="0.25">
      <c r="A4560">
        <v>142.26</v>
      </c>
      <c r="B4560">
        <v>211.3</v>
      </c>
      <c r="C4560">
        <v>11072.7</v>
      </c>
      <c r="D4560">
        <v>1.9</v>
      </c>
      <c r="E4560">
        <v>13326.2</v>
      </c>
      <c r="F4560">
        <v>16.490600000000001</v>
      </c>
    </row>
    <row r="4561" spans="1:6" x14ac:dyDescent="0.25">
      <c r="A4561">
        <v>142.26</v>
      </c>
      <c r="B4561">
        <v>211.3</v>
      </c>
      <c r="C4561">
        <v>11072.7</v>
      </c>
      <c r="D4561">
        <v>2.2000000000000002</v>
      </c>
      <c r="E4561">
        <v>13019.4</v>
      </c>
      <c r="F4561">
        <v>15.9641</v>
      </c>
    </row>
    <row r="4562" spans="1:6" x14ac:dyDescent="0.25">
      <c r="A4562">
        <v>142.26</v>
      </c>
      <c r="B4562">
        <v>211.3</v>
      </c>
      <c r="C4562">
        <v>11072.7</v>
      </c>
      <c r="D4562">
        <v>2.5</v>
      </c>
      <c r="E4562">
        <v>12968.4</v>
      </c>
      <c r="F4562">
        <v>16.028099999999998</v>
      </c>
    </row>
    <row r="4563" spans="1:6" x14ac:dyDescent="0.25">
      <c r="A4563">
        <v>142.26</v>
      </c>
      <c r="B4563">
        <v>211.3</v>
      </c>
      <c r="C4563">
        <v>11072.7</v>
      </c>
      <c r="D4563">
        <v>2.8</v>
      </c>
      <c r="E4563">
        <v>12745.1</v>
      </c>
      <c r="F4563">
        <v>16.055</v>
      </c>
    </row>
    <row r="4564" spans="1:6" x14ac:dyDescent="0.25">
      <c r="A4564">
        <v>142.26</v>
      </c>
      <c r="B4564">
        <v>211.3</v>
      </c>
      <c r="C4564">
        <v>11072.7</v>
      </c>
      <c r="D4564">
        <v>3.1</v>
      </c>
      <c r="E4564">
        <v>12685.1</v>
      </c>
      <c r="F4564">
        <v>16.077300000000001</v>
      </c>
    </row>
    <row r="4565" spans="1:6" x14ac:dyDescent="0.25">
      <c r="A4565">
        <v>142.26</v>
      </c>
      <c r="B4565">
        <v>211.3</v>
      </c>
      <c r="C4565">
        <v>11072.7</v>
      </c>
      <c r="D4565">
        <v>3.4</v>
      </c>
      <c r="E4565">
        <v>12530.7</v>
      </c>
      <c r="F4565">
        <v>16.081800000000001</v>
      </c>
    </row>
    <row r="4566" spans="1:6" x14ac:dyDescent="0.25">
      <c r="A4566">
        <v>142.26</v>
      </c>
      <c r="B4566">
        <v>211.3</v>
      </c>
      <c r="C4566">
        <v>11072.7</v>
      </c>
      <c r="D4566">
        <v>3.7</v>
      </c>
      <c r="E4566">
        <v>12399.2</v>
      </c>
      <c r="F4566">
        <v>16.085699999999999</v>
      </c>
    </row>
    <row r="4567" spans="1:6" x14ac:dyDescent="0.25">
      <c r="A4567">
        <v>142.26</v>
      </c>
      <c r="B4567">
        <v>211.3</v>
      </c>
      <c r="C4567">
        <v>11072.7</v>
      </c>
      <c r="D4567">
        <v>4</v>
      </c>
      <c r="E4567">
        <v>12366</v>
      </c>
      <c r="F4567">
        <v>16.075900000000001</v>
      </c>
    </row>
    <row r="4568" spans="1:6" x14ac:dyDescent="0.25">
      <c r="A4568">
        <v>142.26</v>
      </c>
      <c r="B4568">
        <v>211.3</v>
      </c>
      <c r="C4568">
        <v>12618.2</v>
      </c>
      <c r="D4568">
        <v>1</v>
      </c>
      <c r="E4568">
        <v>16677.900000000001</v>
      </c>
      <c r="F4568">
        <v>15.405200000000001</v>
      </c>
    </row>
    <row r="4569" spans="1:6" x14ac:dyDescent="0.25">
      <c r="A4569">
        <v>142.26</v>
      </c>
      <c r="B4569">
        <v>211.3</v>
      </c>
      <c r="C4569">
        <v>12618.2</v>
      </c>
      <c r="D4569">
        <v>1.3</v>
      </c>
      <c r="E4569">
        <v>15683.8</v>
      </c>
      <c r="F4569">
        <v>16.369299999999999</v>
      </c>
    </row>
    <row r="4570" spans="1:6" x14ac:dyDescent="0.25">
      <c r="A4570">
        <v>142.26</v>
      </c>
      <c r="B4570">
        <v>211.3</v>
      </c>
      <c r="C4570">
        <v>12618.2</v>
      </c>
      <c r="D4570">
        <v>1.6</v>
      </c>
      <c r="E4570">
        <v>15051.8</v>
      </c>
      <c r="F4570">
        <v>16.450199999999999</v>
      </c>
    </row>
    <row r="4571" spans="1:6" x14ac:dyDescent="0.25">
      <c r="A4571">
        <v>142.26</v>
      </c>
      <c r="B4571">
        <v>211.3</v>
      </c>
      <c r="C4571">
        <v>12618.2</v>
      </c>
      <c r="D4571">
        <v>1.9</v>
      </c>
      <c r="E4571">
        <v>14678.4</v>
      </c>
      <c r="F4571">
        <v>16.490600000000001</v>
      </c>
    </row>
    <row r="4572" spans="1:6" x14ac:dyDescent="0.25">
      <c r="A4572">
        <v>142.26</v>
      </c>
      <c r="B4572">
        <v>211.3</v>
      </c>
      <c r="C4572">
        <v>12618.2</v>
      </c>
      <c r="D4572">
        <v>2.2000000000000002</v>
      </c>
      <c r="E4572">
        <v>14689.9</v>
      </c>
      <c r="F4572">
        <v>15.9641</v>
      </c>
    </row>
    <row r="4573" spans="1:6" x14ac:dyDescent="0.25">
      <c r="A4573">
        <v>142.26</v>
      </c>
      <c r="B4573">
        <v>211.3</v>
      </c>
      <c r="C4573">
        <v>12618.2</v>
      </c>
      <c r="D4573">
        <v>2.5</v>
      </c>
      <c r="E4573">
        <v>14462.5</v>
      </c>
      <c r="F4573">
        <v>16.028099999999998</v>
      </c>
    </row>
    <row r="4574" spans="1:6" x14ac:dyDescent="0.25">
      <c r="A4574">
        <v>142.26</v>
      </c>
      <c r="B4574">
        <v>211.3</v>
      </c>
      <c r="C4574">
        <v>12618.2</v>
      </c>
      <c r="D4574">
        <v>2.8</v>
      </c>
      <c r="E4574">
        <v>14282.2</v>
      </c>
      <c r="F4574">
        <v>16.055</v>
      </c>
    </row>
    <row r="4575" spans="1:6" x14ac:dyDescent="0.25">
      <c r="A4575">
        <v>142.26</v>
      </c>
      <c r="B4575">
        <v>211.3</v>
      </c>
      <c r="C4575">
        <v>12618.2</v>
      </c>
      <c r="D4575">
        <v>3.1</v>
      </c>
      <c r="E4575">
        <v>14133.1</v>
      </c>
      <c r="F4575">
        <v>16.077300000000001</v>
      </c>
    </row>
    <row r="4576" spans="1:6" x14ac:dyDescent="0.25">
      <c r="A4576">
        <v>142.26</v>
      </c>
      <c r="B4576">
        <v>211.3</v>
      </c>
      <c r="C4576">
        <v>12618.2</v>
      </c>
      <c r="D4576">
        <v>3.4</v>
      </c>
      <c r="E4576">
        <v>14112.7</v>
      </c>
      <c r="F4576">
        <v>16.081800000000001</v>
      </c>
    </row>
    <row r="4577" spans="1:6" x14ac:dyDescent="0.25">
      <c r="A4577">
        <v>142.26</v>
      </c>
      <c r="B4577">
        <v>211.3</v>
      </c>
      <c r="C4577">
        <v>12618.2</v>
      </c>
      <c r="D4577">
        <v>3.7</v>
      </c>
      <c r="E4577">
        <v>14012.1</v>
      </c>
      <c r="F4577">
        <v>16.085699999999999</v>
      </c>
    </row>
    <row r="4578" spans="1:6" x14ac:dyDescent="0.25">
      <c r="A4578">
        <v>142.26</v>
      </c>
      <c r="B4578">
        <v>211.3</v>
      </c>
      <c r="C4578">
        <v>12618.2</v>
      </c>
      <c r="D4578">
        <v>4</v>
      </c>
      <c r="E4578">
        <v>13916.1</v>
      </c>
      <c r="F4578">
        <v>16.075900000000001</v>
      </c>
    </row>
    <row r="4579" spans="1:6" x14ac:dyDescent="0.25">
      <c r="A4579">
        <v>142.26</v>
      </c>
      <c r="B4579">
        <v>211.3</v>
      </c>
      <c r="C4579">
        <v>14163.6</v>
      </c>
      <c r="D4579">
        <v>1</v>
      </c>
      <c r="E4579">
        <v>18011.8</v>
      </c>
      <c r="F4579">
        <v>15.405200000000001</v>
      </c>
    </row>
    <row r="4580" spans="1:6" x14ac:dyDescent="0.25">
      <c r="A4580">
        <v>142.26</v>
      </c>
      <c r="B4580">
        <v>211.3</v>
      </c>
      <c r="C4580">
        <v>14163.6</v>
      </c>
      <c r="D4580">
        <v>1.3</v>
      </c>
      <c r="E4580">
        <v>17073</v>
      </c>
      <c r="F4580">
        <v>16.369299999999999</v>
      </c>
    </row>
    <row r="4581" spans="1:6" x14ac:dyDescent="0.25">
      <c r="A4581">
        <v>142.26</v>
      </c>
      <c r="B4581">
        <v>211.3</v>
      </c>
      <c r="C4581">
        <v>14163.6</v>
      </c>
      <c r="D4581">
        <v>1.6</v>
      </c>
      <c r="E4581">
        <v>16614.7</v>
      </c>
      <c r="F4581">
        <v>16.450199999999999</v>
      </c>
    </row>
    <row r="4582" spans="1:6" x14ac:dyDescent="0.25">
      <c r="A4582">
        <v>142.26</v>
      </c>
      <c r="B4582">
        <v>211.3</v>
      </c>
      <c r="C4582">
        <v>14163.6</v>
      </c>
      <c r="D4582">
        <v>1.9</v>
      </c>
      <c r="E4582">
        <v>16339.1</v>
      </c>
      <c r="F4582">
        <v>16.490600000000001</v>
      </c>
    </row>
    <row r="4583" spans="1:6" x14ac:dyDescent="0.25">
      <c r="A4583">
        <v>142.26</v>
      </c>
      <c r="B4583">
        <v>211.3</v>
      </c>
      <c r="C4583">
        <v>14163.6</v>
      </c>
      <c r="D4583">
        <v>2.2000000000000002</v>
      </c>
      <c r="E4583">
        <v>16233.3</v>
      </c>
      <c r="F4583">
        <v>15.9641</v>
      </c>
    </row>
    <row r="4584" spans="1:6" x14ac:dyDescent="0.25">
      <c r="A4584">
        <v>142.26</v>
      </c>
      <c r="B4584">
        <v>211.3</v>
      </c>
      <c r="C4584">
        <v>14163.6</v>
      </c>
      <c r="D4584">
        <v>2.5</v>
      </c>
      <c r="E4584">
        <v>15985.2</v>
      </c>
      <c r="F4584">
        <v>16.028099999999998</v>
      </c>
    </row>
    <row r="4585" spans="1:6" x14ac:dyDescent="0.25">
      <c r="A4585">
        <v>142.26</v>
      </c>
      <c r="B4585">
        <v>211.3</v>
      </c>
      <c r="C4585">
        <v>14163.6</v>
      </c>
      <c r="D4585">
        <v>2.8</v>
      </c>
      <c r="E4585">
        <v>15867.2</v>
      </c>
      <c r="F4585">
        <v>16.055</v>
      </c>
    </row>
    <row r="4586" spans="1:6" x14ac:dyDescent="0.25">
      <c r="A4586">
        <v>142.26</v>
      </c>
      <c r="B4586">
        <v>211.3</v>
      </c>
      <c r="C4586">
        <v>14163.6</v>
      </c>
      <c r="D4586">
        <v>3.1</v>
      </c>
      <c r="E4586">
        <v>15752.5</v>
      </c>
      <c r="F4586">
        <v>16.077300000000001</v>
      </c>
    </row>
    <row r="4587" spans="1:6" x14ac:dyDescent="0.25">
      <c r="A4587">
        <v>142.26</v>
      </c>
      <c r="B4587">
        <v>211.3</v>
      </c>
      <c r="C4587">
        <v>14163.6</v>
      </c>
      <c r="D4587">
        <v>3.4</v>
      </c>
      <c r="E4587">
        <v>15598.1</v>
      </c>
      <c r="F4587">
        <v>16.081800000000001</v>
      </c>
    </row>
    <row r="4588" spans="1:6" x14ac:dyDescent="0.25">
      <c r="A4588">
        <v>142.26</v>
      </c>
      <c r="B4588">
        <v>211.3</v>
      </c>
      <c r="C4588">
        <v>14163.6</v>
      </c>
      <c r="D4588">
        <v>3.7</v>
      </c>
      <c r="E4588">
        <v>15586.6</v>
      </c>
      <c r="F4588">
        <v>16.085699999999999</v>
      </c>
    </row>
    <row r="4589" spans="1:6" x14ac:dyDescent="0.25">
      <c r="A4589">
        <v>142.26</v>
      </c>
      <c r="B4589">
        <v>211.3</v>
      </c>
      <c r="C4589">
        <v>14163.6</v>
      </c>
      <c r="D4589">
        <v>4</v>
      </c>
      <c r="E4589">
        <v>15481.7</v>
      </c>
      <c r="F4589">
        <v>16.075900000000001</v>
      </c>
    </row>
    <row r="4590" spans="1:6" x14ac:dyDescent="0.25">
      <c r="A4590">
        <v>142.26</v>
      </c>
      <c r="B4590">
        <v>211.3</v>
      </c>
      <c r="C4590">
        <v>15709.1</v>
      </c>
      <c r="D4590">
        <v>1</v>
      </c>
      <c r="E4590">
        <v>19521.599999999999</v>
      </c>
      <c r="F4590">
        <v>15.405200000000001</v>
      </c>
    </row>
    <row r="4591" spans="1:6" x14ac:dyDescent="0.25">
      <c r="A4591">
        <v>142.26</v>
      </c>
      <c r="B4591">
        <v>211.3</v>
      </c>
      <c r="C4591">
        <v>15709.1</v>
      </c>
      <c r="D4591">
        <v>1.3</v>
      </c>
      <c r="E4591">
        <v>18612.2</v>
      </c>
      <c r="F4591">
        <v>16.369299999999999</v>
      </c>
    </row>
    <row r="4592" spans="1:6" x14ac:dyDescent="0.25">
      <c r="A4592">
        <v>142.26</v>
      </c>
      <c r="B4592">
        <v>211.3</v>
      </c>
      <c r="C4592">
        <v>15709.1</v>
      </c>
      <c r="D4592">
        <v>1.6</v>
      </c>
      <c r="E4592">
        <v>18265.900000000001</v>
      </c>
      <c r="F4592">
        <v>16.450199999999999</v>
      </c>
    </row>
    <row r="4593" spans="1:6" x14ac:dyDescent="0.25">
      <c r="A4593">
        <v>142.26</v>
      </c>
      <c r="B4593">
        <v>211.3</v>
      </c>
      <c r="C4593">
        <v>15709.1</v>
      </c>
      <c r="D4593">
        <v>1.9</v>
      </c>
      <c r="E4593">
        <v>17831.599999999999</v>
      </c>
      <c r="F4593">
        <v>16.490600000000001</v>
      </c>
    </row>
    <row r="4594" spans="1:6" x14ac:dyDescent="0.25">
      <c r="A4594">
        <v>142.26</v>
      </c>
      <c r="B4594">
        <v>211.3</v>
      </c>
      <c r="C4594">
        <v>15709.1</v>
      </c>
      <c r="D4594">
        <v>2.2000000000000002</v>
      </c>
      <c r="E4594">
        <v>17739.599999999999</v>
      </c>
      <c r="F4594">
        <v>15.9641</v>
      </c>
    </row>
    <row r="4595" spans="1:6" x14ac:dyDescent="0.25">
      <c r="A4595">
        <v>142.26</v>
      </c>
      <c r="B4595">
        <v>211.3</v>
      </c>
      <c r="C4595">
        <v>15709.1</v>
      </c>
      <c r="D4595">
        <v>2.5</v>
      </c>
      <c r="E4595">
        <v>17584</v>
      </c>
      <c r="F4595">
        <v>16.028099999999998</v>
      </c>
    </row>
    <row r="4596" spans="1:6" x14ac:dyDescent="0.25">
      <c r="A4596">
        <v>142.26</v>
      </c>
      <c r="B4596">
        <v>211.3</v>
      </c>
      <c r="C4596">
        <v>15709.1</v>
      </c>
      <c r="D4596">
        <v>2.8</v>
      </c>
      <c r="E4596">
        <v>17378.099999999999</v>
      </c>
      <c r="F4596">
        <v>16.055</v>
      </c>
    </row>
    <row r="4597" spans="1:6" x14ac:dyDescent="0.25">
      <c r="A4597">
        <v>142.26</v>
      </c>
      <c r="B4597">
        <v>211.3</v>
      </c>
      <c r="C4597">
        <v>15709.1</v>
      </c>
      <c r="D4597">
        <v>3.1</v>
      </c>
      <c r="E4597">
        <v>17223.8</v>
      </c>
      <c r="F4597">
        <v>16.077300000000001</v>
      </c>
    </row>
    <row r="4598" spans="1:6" x14ac:dyDescent="0.25">
      <c r="A4598">
        <v>142.26</v>
      </c>
      <c r="B4598">
        <v>211.3</v>
      </c>
      <c r="C4598">
        <v>15709.1</v>
      </c>
      <c r="D4598">
        <v>3.4</v>
      </c>
      <c r="E4598">
        <v>17218.099999999999</v>
      </c>
      <c r="F4598">
        <v>16.081800000000001</v>
      </c>
    </row>
    <row r="4599" spans="1:6" x14ac:dyDescent="0.25">
      <c r="A4599">
        <v>142.26</v>
      </c>
      <c r="B4599">
        <v>211.3</v>
      </c>
      <c r="C4599">
        <v>15709.1</v>
      </c>
      <c r="D4599">
        <v>3.7</v>
      </c>
      <c r="E4599">
        <v>17105.3</v>
      </c>
      <c r="F4599">
        <v>16.085699999999999</v>
      </c>
    </row>
    <row r="4600" spans="1:6" x14ac:dyDescent="0.25">
      <c r="A4600">
        <v>142.26</v>
      </c>
      <c r="B4600">
        <v>211.3</v>
      </c>
      <c r="C4600">
        <v>15709.1</v>
      </c>
      <c r="D4600">
        <v>4</v>
      </c>
      <c r="E4600">
        <v>17013.5</v>
      </c>
      <c r="F4600">
        <v>16.075900000000001</v>
      </c>
    </row>
    <row r="4601" spans="1:6" x14ac:dyDescent="0.25">
      <c r="A4601">
        <v>142.26</v>
      </c>
      <c r="B4601">
        <v>211.3</v>
      </c>
      <c r="C4601">
        <v>17254.5</v>
      </c>
      <c r="D4601">
        <v>1</v>
      </c>
      <c r="E4601">
        <v>21234.799999999999</v>
      </c>
      <c r="F4601">
        <v>15.405200000000001</v>
      </c>
    </row>
    <row r="4602" spans="1:6" x14ac:dyDescent="0.25">
      <c r="A4602">
        <v>142.26</v>
      </c>
      <c r="B4602">
        <v>211.3</v>
      </c>
      <c r="C4602">
        <v>17254.5</v>
      </c>
      <c r="D4602">
        <v>1.3</v>
      </c>
      <c r="E4602">
        <v>20178.7</v>
      </c>
      <c r="F4602">
        <v>16.369299999999999</v>
      </c>
    </row>
    <row r="4603" spans="1:6" x14ac:dyDescent="0.25">
      <c r="A4603">
        <v>142.26</v>
      </c>
      <c r="B4603">
        <v>211.3</v>
      </c>
      <c r="C4603">
        <v>17254.5</v>
      </c>
      <c r="D4603">
        <v>1.6</v>
      </c>
      <c r="E4603">
        <v>19746.7</v>
      </c>
      <c r="F4603">
        <v>16.450199999999999</v>
      </c>
    </row>
    <row r="4604" spans="1:6" x14ac:dyDescent="0.25">
      <c r="A4604">
        <v>142.26</v>
      </c>
      <c r="B4604">
        <v>211.3</v>
      </c>
      <c r="C4604">
        <v>17254.5</v>
      </c>
      <c r="D4604">
        <v>1.9</v>
      </c>
      <c r="E4604">
        <v>19509.7</v>
      </c>
      <c r="F4604">
        <v>16.490600000000001</v>
      </c>
    </row>
    <row r="4605" spans="1:6" x14ac:dyDescent="0.25">
      <c r="A4605">
        <v>142.26</v>
      </c>
      <c r="B4605">
        <v>211.3</v>
      </c>
      <c r="C4605">
        <v>17254.5</v>
      </c>
      <c r="D4605">
        <v>2.2000000000000002</v>
      </c>
      <c r="E4605">
        <v>19245.8</v>
      </c>
      <c r="F4605">
        <v>15.9641</v>
      </c>
    </row>
    <row r="4606" spans="1:6" x14ac:dyDescent="0.25">
      <c r="A4606">
        <v>142.26</v>
      </c>
      <c r="B4606">
        <v>211.3</v>
      </c>
      <c r="C4606">
        <v>17254.5</v>
      </c>
      <c r="D4606">
        <v>2.5</v>
      </c>
      <c r="E4606">
        <v>19072.400000000001</v>
      </c>
      <c r="F4606">
        <v>16.028099999999998</v>
      </c>
    </row>
    <row r="4607" spans="1:6" x14ac:dyDescent="0.25">
      <c r="A4607">
        <v>142.26</v>
      </c>
      <c r="B4607">
        <v>211.3</v>
      </c>
      <c r="C4607">
        <v>17254.5</v>
      </c>
      <c r="D4607">
        <v>2.8</v>
      </c>
      <c r="E4607">
        <v>18914.099999999999</v>
      </c>
      <c r="F4607">
        <v>16.055</v>
      </c>
    </row>
    <row r="4608" spans="1:6" x14ac:dyDescent="0.25">
      <c r="A4608">
        <v>142.26</v>
      </c>
      <c r="B4608">
        <v>211.3</v>
      </c>
      <c r="C4608">
        <v>17254.5</v>
      </c>
      <c r="D4608">
        <v>3.1</v>
      </c>
      <c r="E4608">
        <v>18764.8</v>
      </c>
      <c r="F4608">
        <v>16.077300000000001</v>
      </c>
    </row>
    <row r="4609" spans="1:6" x14ac:dyDescent="0.25">
      <c r="A4609">
        <v>142.26</v>
      </c>
      <c r="B4609">
        <v>211.3</v>
      </c>
      <c r="C4609">
        <v>17254.5</v>
      </c>
      <c r="D4609">
        <v>3.4</v>
      </c>
      <c r="E4609">
        <v>18739.099999999999</v>
      </c>
      <c r="F4609">
        <v>16.081800000000001</v>
      </c>
    </row>
    <row r="4610" spans="1:6" x14ac:dyDescent="0.25">
      <c r="A4610">
        <v>142.26</v>
      </c>
      <c r="B4610">
        <v>211.3</v>
      </c>
      <c r="C4610">
        <v>17254.5</v>
      </c>
      <c r="D4610">
        <v>3.7</v>
      </c>
      <c r="E4610">
        <v>18613.8</v>
      </c>
      <c r="F4610">
        <v>16.085699999999999</v>
      </c>
    </row>
    <row r="4611" spans="1:6" x14ac:dyDescent="0.25">
      <c r="A4611">
        <v>142.26</v>
      </c>
      <c r="B4611">
        <v>211.3</v>
      </c>
      <c r="C4611">
        <v>17254.5</v>
      </c>
      <c r="D4611">
        <v>4</v>
      </c>
      <c r="E4611">
        <v>18580.900000000001</v>
      </c>
      <c r="F4611">
        <v>16.075900000000001</v>
      </c>
    </row>
    <row r="4612" spans="1:6" x14ac:dyDescent="0.25">
      <c r="A4612">
        <v>142.26</v>
      </c>
      <c r="B4612">
        <v>211.3</v>
      </c>
      <c r="C4612">
        <v>18800</v>
      </c>
      <c r="D4612">
        <v>1</v>
      </c>
      <c r="E4612">
        <v>22596.7</v>
      </c>
      <c r="F4612">
        <v>15.405200000000001</v>
      </c>
    </row>
    <row r="4613" spans="1:6" x14ac:dyDescent="0.25">
      <c r="A4613">
        <v>142.26</v>
      </c>
      <c r="B4613">
        <v>211.3</v>
      </c>
      <c r="C4613">
        <v>18800</v>
      </c>
      <c r="D4613">
        <v>1.3</v>
      </c>
      <c r="E4613">
        <v>21930.3</v>
      </c>
      <c r="F4613">
        <v>16.369299999999999</v>
      </c>
    </row>
    <row r="4614" spans="1:6" x14ac:dyDescent="0.25">
      <c r="A4614">
        <v>142.26</v>
      </c>
      <c r="B4614">
        <v>211.3</v>
      </c>
      <c r="C4614">
        <v>18800</v>
      </c>
      <c r="D4614">
        <v>1.6</v>
      </c>
      <c r="E4614">
        <v>21336.9</v>
      </c>
      <c r="F4614">
        <v>16.450199999999999</v>
      </c>
    </row>
    <row r="4615" spans="1:6" x14ac:dyDescent="0.25">
      <c r="A4615">
        <v>142.26</v>
      </c>
      <c r="B4615">
        <v>211.3</v>
      </c>
      <c r="C4615">
        <v>18800</v>
      </c>
      <c r="D4615">
        <v>1.9</v>
      </c>
      <c r="E4615">
        <v>21062.7</v>
      </c>
      <c r="F4615">
        <v>16.490600000000001</v>
      </c>
    </row>
    <row r="4616" spans="1:6" x14ac:dyDescent="0.25">
      <c r="A4616">
        <v>142.26</v>
      </c>
      <c r="B4616">
        <v>211.3</v>
      </c>
      <c r="C4616">
        <v>18800</v>
      </c>
      <c r="D4616">
        <v>2.2000000000000002</v>
      </c>
      <c r="E4616">
        <v>20887</v>
      </c>
      <c r="F4616">
        <v>15.9641</v>
      </c>
    </row>
    <row r="4617" spans="1:6" x14ac:dyDescent="0.25">
      <c r="A4617">
        <v>142.26</v>
      </c>
      <c r="B4617">
        <v>211.3</v>
      </c>
      <c r="C4617">
        <v>18800</v>
      </c>
      <c r="D4617">
        <v>2.5</v>
      </c>
      <c r="E4617">
        <v>20575.099999999999</v>
      </c>
      <c r="F4617">
        <v>16.028099999999998</v>
      </c>
    </row>
    <row r="4618" spans="1:6" x14ac:dyDescent="0.25">
      <c r="A4618">
        <v>142.26</v>
      </c>
      <c r="B4618">
        <v>211.3</v>
      </c>
      <c r="C4618">
        <v>18800</v>
      </c>
      <c r="D4618">
        <v>2.8</v>
      </c>
      <c r="E4618">
        <v>20445.599999999999</v>
      </c>
      <c r="F4618">
        <v>16.055</v>
      </c>
    </row>
    <row r="4619" spans="1:6" x14ac:dyDescent="0.25">
      <c r="A4619">
        <v>142.26</v>
      </c>
      <c r="B4619">
        <v>211.3</v>
      </c>
      <c r="C4619">
        <v>18800</v>
      </c>
      <c r="D4619">
        <v>3.1</v>
      </c>
      <c r="E4619">
        <v>20412.7</v>
      </c>
      <c r="F4619">
        <v>16.077300000000001</v>
      </c>
    </row>
    <row r="4620" spans="1:6" x14ac:dyDescent="0.25">
      <c r="A4620">
        <v>142.26</v>
      </c>
      <c r="B4620">
        <v>211.3</v>
      </c>
      <c r="C4620">
        <v>18800</v>
      </c>
      <c r="D4620">
        <v>3.4</v>
      </c>
      <c r="E4620">
        <v>20296.2</v>
      </c>
      <c r="F4620">
        <v>16.081800000000001</v>
      </c>
    </row>
    <row r="4621" spans="1:6" x14ac:dyDescent="0.25">
      <c r="A4621">
        <v>142.26</v>
      </c>
      <c r="B4621">
        <v>211.3</v>
      </c>
      <c r="C4621">
        <v>18800</v>
      </c>
      <c r="D4621">
        <v>3.7</v>
      </c>
      <c r="E4621">
        <v>20146.3</v>
      </c>
      <c r="F4621">
        <v>16.085699999999999</v>
      </c>
    </row>
    <row r="4622" spans="1:6" x14ac:dyDescent="0.25">
      <c r="A4622">
        <v>142.26</v>
      </c>
      <c r="B4622">
        <v>211.3</v>
      </c>
      <c r="C4622">
        <v>18800</v>
      </c>
      <c r="D4622">
        <v>4</v>
      </c>
      <c r="E4622">
        <v>20061.599999999999</v>
      </c>
      <c r="F4622">
        <v>16.075900000000001</v>
      </c>
    </row>
    <row r="4623" spans="1:6" x14ac:dyDescent="0.25">
      <c r="A4623">
        <v>142.26</v>
      </c>
      <c r="B4623">
        <v>214.93</v>
      </c>
      <c r="C4623">
        <v>1800</v>
      </c>
      <c r="D4623">
        <v>1</v>
      </c>
      <c r="E4623">
        <v>5630.42</v>
      </c>
      <c r="F4623">
        <v>55.694600000000001</v>
      </c>
    </row>
    <row r="4624" spans="1:6" x14ac:dyDescent="0.25">
      <c r="A4624">
        <v>142.26</v>
      </c>
      <c r="B4624">
        <v>214.93</v>
      </c>
      <c r="C4624">
        <v>1800</v>
      </c>
      <c r="D4624">
        <v>1.3</v>
      </c>
      <c r="E4624">
        <v>5038.91</v>
      </c>
      <c r="F4624">
        <v>68.851100000000002</v>
      </c>
    </row>
    <row r="4625" spans="1:6" x14ac:dyDescent="0.25">
      <c r="A4625">
        <v>142.26</v>
      </c>
      <c r="B4625">
        <v>214.93</v>
      </c>
      <c r="C4625">
        <v>1800</v>
      </c>
      <c r="D4625">
        <v>1.6</v>
      </c>
      <c r="E4625">
        <v>4580.29</v>
      </c>
      <c r="F4625">
        <v>76.487499999999997</v>
      </c>
    </row>
    <row r="4626" spans="1:6" x14ac:dyDescent="0.25">
      <c r="A4626">
        <v>142.26</v>
      </c>
      <c r="B4626">
        <v>214.93</v>
      </c>
      <c r="C4626">
        <v>1800</v>
      </c>
      <c r="D4626">
        <v>1.9</v>
      </c>
      <c r="E4626">
        <v>4276.71</v>
      </c>
      <c r="F4626">
        <v>84.554900000000004</v>
      </c>
    </row>
    <row r="4627" spans="1:6" x14ac:dyDescent="0.25">
      <c r="A4627">
        <v>142.26</v>
      </c>
      <c r="B4627">
        <v>214.93</v>
      </c>
      <c r="C4627">
        <v>1800</v>
      </c>
      <c r="D4627">
        <v>2.2000000000000002</v>
      </c>
      <c r="E4627">
        <v>4053.45</v>
      </c>
      <c r="F4627">
        <v>87.619500000000002</v>
      </c>
    </row>
    <row r="4628" spans="1:6" x14ac:dyDescent="0.25">
      <c r="A4628">
        <v>142.26</v>
      </c>
      <c r="B4628">
        <v>214.93</v>
      </c>
      <c r="C4628">
        <v>1800</v>
      </c>
      <c r="D4628">
        <v>2.5</v>
      </c>
      <c r="E4628">
        <v>3835.43</v>
      </c>
      <c r="F4628">
        <v>92.676400000000001</v>
      </c>
    </row>
    <row r="4629" spans="1:6" x14ac:dyDescent="0.25">
      <c r="A4629">
        <v>142.26</v>
      </c>
      <c r="B4629">
        <v>214.93</v>
      </c>
      <c r="C4629">
        <v>1800</v>
      </c>
      <c r="D4629">
        <v>2.8</v>
      </c>
      <c r="E4629">
        <v>3711.65</v>
      </c>
      <c r="F4629">
        <v>96.816299999999998</v>
      </c>
    </row>
    <row r="4630" spans="1:6" x14ac:dyDescent="0.25">
      <c r="A4630">
        <v>142.26</v>
      </c>
      <c r="B4630">
        <v>214.93</v>
      </c>
      <c r="C4630">
        <v>1800</v>
      </c>
      <c r="D4630">
        <v>3.1</v>
      </c>
      <c r="E4630">
        <v>3593.2</v>
      </c>
      <c r="F4630">
        <v>99.588099999999997</v>
      </c>
    </row>
    <row r="4631" spans="1:6" x14ac:dyDescent="0.25">
      <c r="A4631">
        <v>142.26</v>
      </c>
      <c r="B4631">
        <v>214.93</v>
      </c>
      <c r="C4631">
        <v>1800</v>
      </c>
      <c r="D4631">
        <v>3.4</v>
      </c>
      <c r="E4631">
        <v>3472.63</v>
      </c>
      <c r="F4631">
        <v>98.003</v>
      </c>
    </row>
    <row r="4632" spans="1:6" x14ac:dyDescent="0.25">
      <c r="A4632">
        <v>142.26</v>
      </c>
      <c r="B4632">
        <v>214.93</v>
      </c>
      <c r="C4632">
        <v>1800</v>
      </c>
      <c r="D4632">
        <v>3.7</v>
      </c>
      <c r="E4632">
        <v>3373.3</v>
      </c>
      <c r="F4632">
        <v>99.776399999999995</v>
      </c>
    </row>
    <row r="4633" spans="1:6" x14ac:dyDescent="0.25">
      <c r="A4633">
        <v>142.26</v>
      </c>
      <c r="B4633">
        <v>214.93</v>
      </c>
      <c r="C4633">
        <v>1800</v>
      </c>
      <c r="D4633">
        <v>4</v>
      </c>
      <c r="E4633">
        <v>3282.18</v>
      </c>
      <c r="F4633">
        <v>103.309</v>
      </c>
    </row>
    <row r="4634" spans="1:6" x14ac:dyDescent="0.25">
      <c r="A4634">
        <v>142.26</v>
      </c>
      <c r="B4634">
        <v>214.93</v>
      </c>
      <c r="C4634">
        <v>3345.45</v>
      </c>
      <c r="D4634">
        <v>1</v>
      </c>
      <c r="E4634">
        <v>6839.5</v>
      </c>
      <c r="F4634">
        <v>27.985399999999998</v>
      </c>
    </row>
    <row r="4635" spans="1:6" x14ac:dyDescent="0.25">
      <c r="A4635">
        <v>142.26</v>
      </c>
      <c r="B4635">
        <v>214.93</v>
      </c>
      <c r="C4635">
        <v>3345.45</v>
      </c>
      <c r="D4635">
        <v>1.3</v>
      </c>
      <c r="E4635">
        <v>6336.96</v>
      </c>
      <c r="F4635">
        <v>32.643500000000003</v>
      </c>
    </row>
    <row r="4636" spans="1:6" x14ac:dyDescent="0.25">
      <c r="A4636">
        <v>142.26</v>
      </c>
      <c r="B4636">
        <v>214.93</v>
      </c>
      <c r="C4636">
        <v>3345.45</v>
      </c>
      <c r="D4636">
        <v>1.6</v>
      </c>
      <c r="E4636">
        <v>6024.89</v>
      </c>
      <c r="F4636">
        <v>39.701999999999998</v>
      </c>
    </row>
    <row r="4637" spans="1:6" x14ac:dyDescent="0.25">
      <c r="A4637">
        <v>142.26</v>
      </c>
      <c r="B4637">
        <v>214.93</v>
      </c>
      <c r="C4637">
        <v>3345.45</v>
      </c>
      <c r="D4637">
        <v>1.9</v>
      </c>
      <c r="E4637">
        <v>5762.39</v>
      </c>
      <c r="F4637">
        <v>41.216799999999999</v>
      </c>
    </row>
    <row r="4638" spans="1:6" x14ac:dyDescent="0.25">
      <c r="A4638">
        <v>142.26</v>
      </c>
      <c r="B4638">
        <v>214.93</v>
      </c>
      <c r="C4638">
        <v>3345.45</v>
      </c>
      <c r="D4638">
        <v>2.2000000000000002</v>
      </c>
      <c r="E4638">
        <v>5508.65</v>
      </c>
      <c r="F4638">
        <v>49.104900000000001</v>
      </c>
    </row>
    <row r="4639" spans="1:6" x14ac:dyDescent="0.25">
      <c r="A4639">
        <v>142.26</v>
      </c>
      <c r="B4639">
        <v>214.93</v>
      </c>
      <c r="C4639">
        <v>3345.45</v>
      </c>
      <c r="D4639">
        <v>2.5</v>
      </c>
      <c r="E4639">
        <v>5333.76</v>
      </c>
      <c r="F4639">
        <v>51.404299999999999</v>
      </c>
    </row>
    <row r="4640" spans="1:6" x14ac:dyDescent="0.25">
      <c r="A4640">
        <v>142.26</v>
      </c>
      <c r="B4640">
        <v>214.93</v>
      </c>
      <c r="C4640">
        <v>3345.45</v>
      </c>
      <c r="D4640">
        <v>2.8</v>
      </c>
      <c r="E4640">
        <v>5149.3599999999997</v>
      </c>
      <c r="F4640">
        <v>54.9754</v>
      </c>
    </row>
    <row r="4641" spans="1:6" x14ac:dyDescent="0.25">
      <c r="A4641">
        <v>142.26</v>
      </c>
      <c r="B4641">
        <v>214.93</v>
      </c>
      <c r="C4641">
        <v>3345.45</v>
      </c>
      <c r="D4641">
        <v>3.1</v>
      </c>
      <c r="E4641">
        <v>5041.8500000000004</v>
      </c>
      <c r="F4641">
        <v>54.842199999999998</v>
      </c>
    </row>
    <row r="4642" spans="1:6" x14ac:dyDescent="0.25">
      <c r="A4642">
        <v>142.26</v>
      </c>
      <c r="B4642">
        <v>214.93</v>
      </c>
      <c r="C4642">
        <v>3345.45</v>
      </c>
      <c r="D4642">
        <v>3.4</v>
      </c>
      <c r="E4642">
        <v>4910.79</v>
      </c>
      <c r="F4642">
        <v>58.383699999999997</v>
      </c>
    </row>
    <row r="4643" spans="1:6" x14ac:dyDescent="0.25">
      <c r="A4643">
        <v>142.26</v>
      </c>
      <c r="B4643">
        <v>214.93</v>
      </c>
      <c r="C4643">
        <v>3345.45</v>
      </c>
      <c r="D4643">
        <v>3.7</v>
      </c>
      <c r="E4643">
        <v>4825.6099999999997</v>
      </c>
      <c r="F4643">
        <v>59.0931</v>
      </c>
    </row>
    <row r="4644" spans="1:6" x14ac:dyDescent="0.25">
      <c r="A4644">
        <v>142.26</v>
      </c>
      <c r="B4644">
        <v>214.93</v>
      </c>
      <c r="C4644">
        <v>3345.45</v>
      </c>
      <c r="D4644">
        <v>4</v>
      </c>
      <c r="E4644">
        <v>4742.13</v>
      </c>
      <c r="F4644">
        <v>59.941200000000002</v>
      </c>
    </row>
    <row r="4645" spans="1:6" x14ac:dyDescent="0.25">
      <c r="A4645">
        <v>142.26</v>
      </c>
      <c r="B4645">
        <v>214.93</v>
      </c>
      <c r="C4645">
        <v>4890.8999999999996</v>
      </c>
      <c r="D4645">
        <v>1</v>
      </c>
      <c r="E4645">
        <v>8203.69</v>
      </c>
      <c r="F4645">
        <v>11.8453</v>
      </c>
    </row>
    <row r="4646" spans="1:6" x14ac:dyDescent="0.25">
      <c r="A4646">
        <v>142.26</v>
      </c>
      <c r="B4646">
        <v>214.93</v>
      </c>
      <c r="C4646">
        <v>4890.8999999999996</v>
      </c>
      <c r="D4646">
        <v>1.3</v>
      </c>
      <c r="E4646">
        <v>7906.16</v>
      </c>
      <c r="F4646">
        <v>14.283200000000001</v>
      </c>
    </row>
    <row r="4647" spans="1:6" x14ac:dyDescent="0.25">
      <c r="A4647">
        <v>142.26</v>
      </c>
      <c r="B4647">
        <v>214.93</v>
      </c>
      <c r="C4647">
        <v>4890.8999999999996</v>
      </c>
      <c r="D4647">
        <v>1.6</v>
      </c>
      <c r="E4647">
        <v>7255.39</v>
      </c>
      <c r="F4647">
        <v>14.173400000000001</v>
      </c>
    </row>
    <row r="4648" spans="1:6" x14ac:dyDescent="0.25">
      <c r="A4648">
        <v>142.26</v>
      </c>
      <c r="B4648">
        <v>214.93</v>
      </c>
      <c r="C4648">
        <v>4890.8999999999996</v>
      </c>
      <c r="D4648">
        <v>1.9</v>
      </c>
      <c r="E4648">
        <v>7131.17</v>
      </c>
      <c r="F4648">
        <v>13.783799999999999</v>
      </c>
    </row>
    <row r="4649" spans="1:6" x14ac:dyDescent="0.25">
      <c r="A4649">
        <v>142.26</v>
      </c>
      <c r="B4649">
        <v>214.93</v>
      </c>
      <c r="C4649">
        <v>4890.8999999999996</v>
      </c>
      <c r="D4649">
        <v>2.2000000000000002</v>
      </c>
      <c r="E4649">
        <v>6925.05</v>
      </c>
      <c r="F4649">
        <v>14.2498</v>
      </c>
    </row>
    <row r="4650" spans="1:6" x14ac:dyDescent="0.25">
      <c r="A4650">
        <v>142.26</v>
      </c>
      <c r="B4650">
        <v>214.93</v>
      </c>
      <c r="C4650">
        <v>4890.8999999999996</v>
      </c>
      <c r="D4650">
        <v>2.5</v>
      </c>
      <c r="E4650">
        <v>6780.3</v>
      </c>
      <c r="F4650">
        <v>14.093999999999999</v>
      </c>
    </row>
    <row r="4651" spans="1:6" x14ac:dyDescent="0.25">
      <c r="A4651">
        <v>142.26</v>
      </c>
      <c r="B4651">
        <v>214.93</v>
      </c>
      <c r="C4651">
        <v>4890.8999999999996</v>
      </c>
      <c r="D4651">
        <v>2.8</v>
      </c>
      <c r="E4651">
        <v>6583.69</v>
      </c>
      <c r="F4651">
        <v>13.511100000000001</v>
      </c>
    </row>
    <row r="4652" spans="1:6" x14ac:dyDescent="0.25">
      <c r="A4652">
        <v>142.26</v>
      </c>
      <c r="B4652">
        <v>214.93</v>
      </c>
      <c r="C4652">
        <v>4890.8999999999996</v>
      </c>
      <c r="D4652">
        <v>3.1</v>
      </c>
      <c r="E4652">
        <v>6501.5</v>
      </c>
      <c r="F4652">
        <v>13.5184</v>
      </c>
    </row>
    <row r="4653" spans="1:6" x14ac:dyDescent="0.25">
      <c r="A4653">
        <v>142.26</v>
      </c>
      <c r="B4653">
        <v>214.93</v>
      </c>
      <c r="C4653">
        <v>4890.8999999999996</v>
      </c>
      <c r="D4653">
        <v>3.4</v>
      </c>
      <c r="E4653">
        <v>6397.06</v>
      </c>
      <c r="F4653">
        <v>14.8704</v>
      </c>
    </row>
    <row r="4654" spans="1:6" x14ac:dyDescent="0.25">
      <c r="A4654">
        <v>142.26</v>
      </c>
      <c r="B4654">
        <v>214.93</v>
      </c>
      <c r="C4654">
        <v>4890.8999999999996</v>
      </c>
      <c r="D4654">
        <v>3.7</v>
      </c>
      <c r="E4654">
        <v>6269.73</v>
      </c>
      <c r="F4654">
        <v>14.6326</v>
      </c>
    </row>
    <row r="4655" spans="1:6" x14ac:dyDescent="0.25">
      <c r="A4655">
        <v>142.26</v>
      </c>
      <c r="B4655">
        <v>214.93</v>
      </c>
      <c r="C4655">
        <v>4890.8999999999996</v>
      </c>
      <c r="D4655">
        <v>4</v>
      </c>
      <c r="E4655">
        <v>6220.78</v>
      </c>
      <c r="F4655">
        <v>15.2926</v>
      </c>
    </row>
    <row r="4656" spans="1:6" x14ac:dyDescent="0.25">
      <c r="A4656">
        <v>142.26</v>
      </c>
      <c r="B4656">
        <v>214.93</v>
      </c>
      <c r="C4656">
        <v>6436.35</v>
      </c>
      <c r="D4656">
        <v>1</v>
      </c>
      <c r="E4656">
        <v>10424.799999999999</v>
      </c>
      <c r="F4656">
        <v>15.405200000000001</v>
      </c>
    </row>
    <row r="4657" spans="1:6" x14ac:dyDescent="0.25">
      <c r="A4657">
        <v>142.26</v>
      </c>
      <c r="B4657">
        <v>214.93</v>
      </c>
      <c r="C4657">
        <v>6436.35</v>
      </c>
      <c r="D4657">
        <v>1.3</v>
      </c>
      <c r="E4657">
        <v>9396.5</v>
      </c>
      <c r="F4657">
        <v>14.7537</v>
      </c>
    </row>
    <row r="4658" spans="1:6" x14ac:dyDescent="0.25">
      <c r="A4658">
        <v>142.26</v>
      </c>
      <c r="B4658">
        <v>214.93</v>
      </c>
      <c r="C4658">
        <v>6436.35</v>
      </c>
      <c r="D4658">
        <v>1.6</v>
      </c>
      <c r="E4658">
        <v>9042.59</v>
      </c>
      <c r="F4658">
        <v>14.1135</v>
      </c>
    </row>
    <row r="4659" spans="1:6" x14ac:dyDescent="0.25">
      <c r="A4659">
        <v>142.26</v>
      </c>
      <c r="B4659">
        <v>214.93</v>
      </c>
      <c r="C4659">
        <v>6436.35</v>
      </c>
      <c r="D4659">
        <v>1.9</v>
      </c>
      <c r="E4659">
        <v>8559.5300000000007</v>
      </c>
      <c r="F4659">
        <v>14.279400000000001</v>
      </c>
    </row>
    <row r="4660" spans="1:6" x14ac:dyDescent="0.25">
      <c r="A4660">
        <v>142.26</v>
      </c>
      <c r="B4660">
        <v>214.93</v>
      </c>
      <c r="C4660">
        <v>6436.35</v>
      </c>
      <c r="D4660">
        <v>2.2000000000000002</v>
      </c>
      <c r="E4660">
        <v>8497.2099999999991</v>
      </c>
      <c r="F4660">
        <v>15.9641</v>
      </c>
    </row>
    <row r="4661" spans="1:6" x14ac:dyDescent="0.25">
      <c r="A4661">
        <v>142.26</v>
      </c>
      <c r="B4661">
        <v>214.93</v>
      </c>
      <c r="C4661">
        <v>6436.35</v>
      </c>
      <c r="D4661">
        <v>2.5</v>
      </c>
      <c r="E4661">
        <v>8273.94</v>
      </c>
      <c r="F4661">
        <v>16.028099999999998</v>
      </c>
    </row>
    <row r="4662" spans="1:6" x14ac:dyDescent="0.25">
      <c r="A4662">
        <v>142.26</v>
      </c>
      <c r="B4662">
        <v>214.93</v>
      </c>
      <c r="C4662">
        <v>6436.35</v>
      </c>
      <c r="D4662">
        <v>2.8</v>
      </c>
      <c r="E4662">
        <v>8097.31</v>
      </c>
      <c r="F4662">
        <v>16.055</v>
      </c>
    </row>
    <row r="4663" spans="1:6" x14ac:dyDescent="0.25">
      <c r="A4663">
        <v>142.26</v>
      </c>
      <c r="B4663">
        <v>214.93</v>
      </c>
      <c r="C4663">
        <v>6436.35</v>
      </c>
      <c r="D4663">
        <v>3.1</v>
      </c>
      <c r="E4663">
        <v>7974.91</v>
      </c>
      <c r="F4663">
        <v>16.066299999999998</v>
      </c>
    </row>
    <row r="4664" spans="1:6" x14ac:dyDescent="0.25">
      <c r="A4664">
        <v>142.26</v>
      </c>
      <c r="B4664">
        <v>214.93</v>
      </c>
      <c r="C4664">
        <v>6436.35</v>
      </c>
      <c r="D4664">
        <v>3.4</v>
      </c>
      <c r="E4664">
        <v>7890.82</v>
      </c>
      <c r="F4664">
        <v>15.8484</v>
      </c>
    </row>
    <row r="4665" spans="1:6" x14ac:dyDescent="0.25">
      <c r="A4665">
        <v>142.26</v>
      </c>
      <c r="B4665">
        <v>214.93</v>
      </c>
      <c r="C4665">
        <v>6436.35</v>
      </c>
      <c r="D4665">
        <v>3.7</v>
      </c>
      <c r="E4665">
        <v>7800.59</v>
      </c>
      <c r="F4665">
        <v>15.674799999999999</v>
      </c>
    </row>
    <row r="4666" spans="1:6" x14ac:dyDescent="0.25">
      <c r="A4666">
        <v>142.26</v>
      </c>
      <c r="B4666">
        <v>214.93</v>
      </c>
      <c r="C4666">
        <v>6436.35</v>
      </c>
      <c r="D4666">
        <v>4</v>
      </c>
      <c r="E4666">
        <v>7724.79</v>
      </c>
      <c r="F4666">
        <v>15.530900000000001</v>
      </c>
    </row>
    <row r="4667" spans="1:6" x14ac:dyDescent="0.25">
      <c r="A4667">
        <v>142.26</v>
      </c>
      <c r="B4667">
        <v>214.93</v>
      </c>
      <c r="C4667">
        <v>7981.8</v>
      </c>
      <c r="D4667">
        <v>1</v>
      </c>
      <c r="E4667">
        <v>11848.6</v>
      </c>
      <c r="F4667">
        <v>15.405200000000001</v>
      </c>
    </row>
    <row r="4668" spans="1:6" x14ac:dyDescent="0.25">
      <c r="A4668">
        <v>142.26</v>
      </c>
      <c r="B4668">
        <v>214.93</v>
      </c>
      <c r="C4668">
        <v>7981.8</v>
      </c>
      <c r="D4668">
        <v>1.3</v>
      </c>
      <c r="E4668">
        <v>10974.7</v>
      </c>
      <c r="F4668">
        <v>16.369299999999999</v>
      </c>
    </row>
    <row r="4669" spans="1:6" x14ac:dyDescent="0.25">
      <c r="A4669">
        <v>142.26</v>
      </c>
      <c r="B4669">
        <v>214.93</v>
      </c>
      <c r="C4669">
        <v>7981.8</v>
      </c>
      <c r="D4669">
        <v>1.6</v>
      </c>
      <c r="E4669">
        <v>10420</v>
      </c>
      <c r="F4669">
        <v>16.450199999999999</v>
      </c>
    </row>
    <row r="4670" spans="1:6" x14ac:dyDescent="0.25">
      <c r="A4670">
        <v>142.26</v>
      </c>
      <c r="B4670">
        <v>214.93</v>
      </c>
      <c r="C4670">
        <v>7981.8</v>
      </c>
      <c r="D4670">
        <v>1.9</v>
      </c>
      <c r="E4670">
        <v>10263</v>
      </c>
      <c r="F4670">
        <v>16.490600000000001</v>
      </c>
    </row>
    <row r="4671" spans="1:6" x14ac:dyDescent="0.25">
      <c r="A4671">
        <v>142.26</v>
      </c>
      <c r="B4671">
        <v>214.93</v>
      </c>
      <c r="C4671">
        <v>7981.8</v>
      </c>
      <c r="D4671">
        <v>2.2000000000000002</v>
      </c>
      <c r="E4671">
        <v>9971.16</v>
      </c>
      <c r="F4671">
        <v>15.9641</v>
      </c>
    </row>
    <row r="4672" spans="1:6" x14ac:dyDescent="0.25">
      <c r="A4672">
        <v>142.26</v>
      </c>
      <c r="B4672">
        <v>214.93</v>
      </c>
      <c r="C4672">
        <v>7981.8</v>
      </c>
      <c r="D4672">
        <v>2.5</v>
      </c>
      <c r="E4672">
        <v>9736.5300000000007</v>
      </c>
      <c r="F4672">
        <v>16.028099999999998</v>
      </c>
    </row>
    <row r="4673" spans="1:6" x14ac:dyDescent="0.25">
      <c r="A4673">
        <v>142.26</v>
      </c>
      <c r="B4673">
        <v>214.93</v>
      </c>
      <c r="C4673">
        <v>7981.8</v>
      </c>
      <c r="D4673">
        <v>2.8</v>
      </c>
      <c r="E4673">
        <v>9669.4699999999993</v>
      </c>
      <c r="F4673">
        <v>16.055</v>
      </c>
    </row>
    <row r="4674" spans="1:6" x14ac:dyDescent="0.25">
      <c r="A4674">
        <v>142.26</v>
      </c>
      <c r="B4674">
        <v>214.93</v>
      </c>
      <c r="C4674">
        <v>7981.8</v>
      </c>
      <c r="D4674">
        <v>3.1</v>
      </c>
      <c r="E4674">
        <v>9545.86</v>
      </c>
      <c r="F4674">
        <v>16.077300000000001</v>
      </c>
    </row>
    <row r="4675" spans="1:6" x14ac:dyDescent="0.25">
      <c r="A4675">
        <v>142.26</v>
      </c>
      <c r="B4675">
        <v>214.93</v>
      </c>
      <c r="C4675">
        <v>7981.8</v>
      </c>
      <c r="D4675">
        <v>3.4</v>
      </c>
      <c r="E4675">
        <v>9430.92</v>
      </c>
      <c r="F4675">
        <v>16.081800000000001</v>
      </c>
    </row>
    <row r="4676" spans="1:6" x14ac:dyDescent="0.25">
      <c r="A4676">
        <v>142.26</v>
      </c>
      <c r="B4676">
        <v>214.93</v>
      </c>
      <c r="C4676">
        <v>7981.8</v>
      </c>
      <c r="D4676">
        <v>3.7</v>
      </c>
      <c r="E4676">
        <v>9332.4599999999991</v>
      </c>
      <c r="F4676">
        <v>16.085699999999999</v>
      </c>
    </row>
    <row r="4677" spans="1:6" x14ac:dyDescent="0.25">
      <c r="A4677">
        <v>142.26</v>
      </c>
      <c r="B4677">
        <v>214.93</v>
      </c>
      <c r="C4677">
        <v>7981.8</v>
      </c>
      <c r="D4677">
        <v>4</v>
      </c>
      <c r="E4677">
        <v>9246.1200000000008</v>
      </c>
      <c r="F4677">
        <v>16.075900000000001</v>
      </c>
    </row>
    <row r="4678" spans="1:6" x14ac:dyDescent="0.25">
      <c r="A4678">
        <v>142.26</v>
      </c>
      <c r="B4678">
        <v>214.93</v>
      </c>
      <c r="C4678">
        <v>9527.25</v>
      </c>
      <c r="D4678">
        <v>1</v>
      </c>
      <c r="E4678">
        <v>13395.1</v>
      </c>
      <c r="F4678">
        <v>15.405200000000001</v>
      </c>
    </row>
    <row r="4679" spans="1:6" x14ac:dyDescent="0.25">
      <c r="A4679">
        <v>142.26</v>
      </c>
      <c r="B4679">
        <v>214.93</v>
      </c>
      <c r="C4679">
        <v>9527.25</v>
      </c>
      <c r="D4679">
        <v>1.3</v>
      </c>
      <c r="E4679">
        <v>12706.3</v>
      </c>
      <c r="F4679">
        <v>16.369299999999999</v>
      </c>
    </row>
    <row r="4680" spans="1:6" x14ac:dyDescent="0.25">
      <c r="A4680">
        <v>142.26</v>
      </c>
      <c r="B4680">
        <v>214.93</v>
      </c>
      <c r="C4680">
        <v>9527.25</v>
      </c>
      <c r="D4680">
        <v>1.6</v>
      </c>
      <c r="E4680">
        <v>11977.3</v>
      </c>
      <c r="F4680">
        <v>16.450199999999999</v>
      </c>
    </row>
    <row r="4681" spans="1:6" x14ac:dyDescent="0.25">
      <c r="A4681">
        <v>142.26</v>
      </c>
      <c r="B4681">
        <v>214.93</v>
      </c>
      <c r="C4681">
        <v>9527.25</v>
      </c>
      <c r="D4681">
        <v>1.9</v>
      </c>
      <c r="E4681">
        <v>11615.5</v>
      </c>
      <c r="F4681">
        <v>16.490600000000001</v>
      </c>
    </row>
    <row r="4682" spans="1:6" x14ac:dyDescent="0.25">
      <c r="A4682">
        <v>142.26</v>
      </c>
      <c r="B4682">
        <v>214.93</v>
      </c>
      <c r="C4682">
        <v>9527.25</v>
      </c>
      <c r="D4682">
        <v>2.2000000000000002</v>
      </c>
      <c r="E4682">
        <v>11575.4</v>
      </c>
      <c r="F4682">
        <v>15.9641</v>
      </c>
    </row>
    <row r="4683" spans="1:6" x14ac:dyDescent="0.25">
      <c r="A4683">
        <v>142.26</v>
      </c>
      <c r="B4683">
        <v>214.93</v>
      </c>
      <c r="C4683">
        <v>9527.25</v>
      </c>
      <c r="D4683">
        <v>2.5</v>
      </c>
      <c r="E4683">
        <v>11323.6</v>
      </c>
      <c r="F4683">
        <v>16.028099999999998</v>
      </c>
    </row>
    <row r="4684" spans="1:6" x14ac:dyDescent="0.25">
      <c r="A4684">
        <v>142.26</v>
      </c>
      <c r="B4684">
        <v>214.93</v>
      </c>
      <c r="C4684">
        <v>9527.25</v>
      </c>
      <c r="D4684">
        <v>2.8</v>
      </c>
      <c r="E4684">
        <v>11167.6</v>
      </c>
      <c r="F4684">
        <v>16.055</v>
      </c>
    </row>
    <row r="4685" spans="1:6" x14ac:dyDescent="0.25">
      <c r="A4685">
        <v>142.26</v>
      </c>
      <c r="B4685">
        <v>214.93</v>
      </c>
      <c r="C4685">
        <v>9527.25</v>
      </c>
      <c r="D4685">
        <v>3.1</v>
      </c>
      <c r="E4685">
        <v>11118</v>
      </c>
      <c r="F4685">
        <v>16.077300000000001</v>
      </c>
    </row>
    <row r="4686" spans="1:6" x14ac:dyDescent="0.25">
      <c r="A4686">
        <v>142.26</v>
      </c>
      <c r="B4686">
        <v>214.93</v>
      </c>
      <c r="C4686">
        <v>9527.25</v>
      </c>
      <c r="D4686">
        <v>3.4</v>
      </c>
      <c r="E4686">
        <v>10978.5</v>
      </c>
      <c r="F4686">
        <v>16.081800000000001</v>
      </c>
    </row>
    <row r="4687" spans="1:6" x14ac:dyDescent="0.25">
      <c r="A4687">
        <v>142.26</v>
      </c>
      <c r="B4687">
        <v>214.93</v>
      </c>
      <c r="C4687">
        <v>9527.25</v>
      </c>
      <c r="D4687">
        <v>3.7</v>
      </c>
      <c r="E4687">
        <v>10860.4</v>
      </c>
      <c r="F4687">
        <v>16.085699999999999</v>
      </c>
    </row>
    <row r="4688" spans="1:6" x14ac:dyDescent="0.25">
      <c r="A4688">
        <v>142.26</v>
      </c>
      <c r="B4688">
        <v>214.93</v>
      </c>
      <c r="C4688">
        <v>9527.25</v>
      </c>
      <c r="D4688">
        <v>4</v>
      </c>
      <c r="E4688">
        <v>10849.9</v>
      </c>
      <c r="F4688">
        <v>16.075900000000001</v>
      </c>
    </row>
    <row r="4689" spans="1:6" x14ac:dyDescent="0.25">
      <c r="A4689">
        <v>142.26</v>
      </c>
      <c r="B4689">
        <v>214.93</v>
      </c>
      <c r="C4689">
        <v>11072.7</v>
      </c>
      <c r="D4689">
        <v>1</v>
      </c>
      <c r="E4689">
        <v>14999.4</v>
      </c>
      <c r="F4689">
        <v>15.405200000000001</v>
      </c>
    </row>
    <row r="4690" spans="1:6" x14ac:dyDescent="0.25">
      <c r="A4690">
        <v>142.26</v>
      </c>
      <c r="B4690">
        <v>214.93</v>
      </c>
      <c r="C4690">
        <v>11072.7</v>
      </c>
      <c r="D4690">
        <v>1.3</v>
      </c>
      <c r="E4690">
        <v>14126.8</v>
      </c>
      <c r="F4690">
        <v>16.369299999999999</v>
      </c>
    </row>
    <row r="4691" spans="1:6" x14ac:dyDescent="0.25">
      <c r="A4691">
        <v>142.26</v>
      </c>
      <c r="B4691">
        <v>214.93</v>
      </c>
      <c r="C4691">
        <v>11072.7</v>
      </c>
      <c r="D4691">
        <v>1.6</v>
      </c>
      <c r="E4691">
        <v>13520.4</v>
      </c>
      <c r="F4691">
        <v>16.450199999999999</v>
      </c>
    </row>
    <row r="4692" spans="1:6" x14ac:dyDescent="0.25">
      <c r="A4692">
        <v>142.26</v>
      </c>
      <c r="B4692">
        <v>214.93</v>
      </c>
      <c r="C4692">
        <v>11072.7</v>
      </c>
      <c r="D4692">
        <v>1.9</v>
      </c>
      <c r="E4692">
        <v>13326.2</v>
      </c>
      <c r="F4692">
        <v>16.490600000000001</v>
      </c>
    </row>
    <row r="4693" spans="1:6" x14ac:dyDescent="0.25">
      <c r="A4693">
        <v>142.26</v>
      </c>
      <c r="B4693">
        <v>214.93</v>
      </c>
      <c r="C4693">
        <v>11072.7</v>
      </c>
      <c r="D4693">
        <v>2.2000000000000002</v>
      </c>
      <c r="E4693">
        <v>13019.4</v>
      </c>
      <c r="F4693">
        <v>15.9641</v>
      </c>
    </row>
    <row r="4694" spans="1:6" x14ac:dyDescent="0.25">
      <c r="A4694">
        <v>142.26</v>
      </c>
      <c r="B4694">
        <v>214.93</v>
      </c>
      <c r="C4694">
        <v>11072.7</v>
      </c>
      <c r="D4694">
        <v>2.5</v>
      </c>
      <c r="E4694">
        <v>12968.4</v>
      </c>
      <c r="F4694">
        <v>16.028099999999998</v>
      </c>
    </row>
    <row r="4695" spans="1:6" x14ac:dyDescent="0.25">
      <c r="A4695">
        <v>142.26</v>
      </c>
      <c r="B4695">
        <v>214.93</v>
      </c>
      <c r="C4695">
        <v>11072.7</v>
      </c>
      <c r="D4695">
        <v>2.8</v>
      </c>
      <c r="E4695">
        <v>12745.1</v>
      </c>
      <c r="F4695">
        <v>16.055</v>
      </c>
    </row>
    <row r="4696" spans="1:6" x14ac:dyDescent="0.25">
      <c r="A4696">
        <v>142.26</v>
      </c>
      <c r="B4696">
        <v>214.93</v>
      </c>
      <c r="C4696">
        <v>11072.7</v>
      </c>
      <c r="D4696">
        <v>3.1</v>
      </c>
      <c r="E4696">
        <v>12685.1</v>
      </c>
      <c r="F4696">
        <v>16.077300000000001</v>
      </c>
    </row>
    <row r="4697" spans="1:6" x14ac:dyDescent="0.25">
      <c r="A4697">
        <v>142.26</v>
      </c>
      <c r="B4697">
        <v>214.93</v>
      </c>
      <c r="C4697">
        <v>11072.7</v>
      </c>
      <c r="D4697">
        <v>3.4</v>
      </c>
      <c r="E4697">
        <v>12530.7</v>
      </c>
      <c r="F4697">
        <v>16.081800000000001</v>
      </c>
    </row>
    <row r="4698" spans="1:6" x14ac:dyDescent="0.25">
      <c r="A4698">
        <v>142.26</v>
      </c>
      <c r="B4698">
        <v>214.93</v>
      </c>
      <c r="C4698">
        <v>11072.7</v>
      </c>
      <c r="D4698">
        <v>3.7</v>
      </c>
      <c r="E4698">
        <v>12399.2</v>
      </c>
      <c r="F4698">
        <v>16.085699999999999</v>
      </c>
    </row>
    <row r="4699" spans="1:6" x14ac:dyDescent="0.25">
      <c r="A4699">
        <v>142.26</v>
      </c>
      <c r="B4699">
        <v>214.93</v>
      </c>
      <c r="C4699">
        <v>11072.7</v>
      </c>
      <c r="D4699">
        <v>4</v>
      </c>
      <c r="E4699">
        <v>12366</v>
      </c>
      <c r="F4699">
        <v>16.075900000000001</v>
      </c>
    </row>
    <row r="4700" spans="1:6" x14ac:dyDescent="0.25">
      <c r="A4700">
        <v>142.26</v>
      </c>
      <c r="B4700">
        <v>214.93</v>
      </c>
      <c r="C4700">
        <v>12618.2</v>
      </c>
      <c r="D4700">
        <v>1</v>
      </c>
      <c r="E4700">
        <v>16677.900000000001</v>
      </c>
      <c r="F4700">
        <v>15.405200000000001</v>
      </c>
    </row>
    <row r="4701" spans="1:6" x14ac:dyDescent="0.25">
      <c r="A4701">
        <v>142.26</v>
      </c>
      <c r="B4701">
        <v>214.93</v>
      </c>
      <c r="C4701">
        <v>12618.2</v>
      </c>
      <c r="D4701">
        <v>1.3</v>
      </c>
      <c r="E4701">
        <v>15683.8</v>
      </c>
      <c r="F4701">
        <v>16.369299999999999</v>
      </c>
    </row>
    <row r="4702" spans="1:6" x14ac:dyDescent="0.25">
      <c r="A4702">
        <v>142.26</v>
      </c>
      <c r="B4702">
        <v>214.93</v>
      </c>
      <c r="C4702">
        <v>12618.2</v>
      </c>
      <c r="D4702">
        <v>1.6</v>
      </c>
      <c r="E4702">
        <v>15051.8</v>
      </c>
      <c r="F4702">
        <v>16.450199999999999</v>
      </c>
    </row>
    <row r="4703" spans="1:6" x14ac:dyDescent="0.25">
      <c r="A4703">
        <v>142.26</v>
      </c>
      <c r="B4703">
        <v>214.93</v>
      </c>
      <c r="C4703">
        <v>12618.2</v>
      </c>
      <c r="D4703">
        <v>1.9</v>
      </c>
      <c r="E4703">
        <v>14678.4</v>
      </c>
      <c r="F4703">
        <v>16.490600000000001</v>
      </c>
    </row>
    <row r="4704" spans="1:6" x14ac:dyDescent="0.25">
      <c r="A4704">
        <v>142.26</v>
      </c>
      <c r="B4704">
        <v>214.93</v>
      </c>
      <c r="C4704">
        <v>12618.2</v>
      </c>
      <c r="D4704">
        <v>2.2000000000000002</v>
      </c>
      <c r="E4704">
        <v>14689.9</v>
      </c>
      <c r="F4704">
        <v>15.9641</v>
      </c>
    </row>
    <row r="4705" spans="1:6" x14ac:dyDescent="0.25">
      <c r="A4705">
        <v>142.26</v>
      </c>
      <c r="B4705">
        <v>214.93</v>
      </c>
      <c r="C4705">
        <v>12618.2</v>
      </c>
      <c r="D4705">
        <v>2.5</v>
      </c>
      <c r="E4705">
        <v>14462.5</v>
      </c>
      <c r="F4705">
        <v>16.028099999999998</v>
      </c>
    </row>
    <row r="4706" spans="1:6" x14ac:dyDescent="0.25">
      <c r="A4706">
        <v>142.26</v>
      </c>
      <c r="B4706">
        <v>214.93</v>
      </c>
      <c r="C4706">
        <v>12618.2</v>
      </c>
      <c r="D4706">
        <v>2.8</v>
      </c>
      <c r="E4706">
        <v>14282.2</v>
      </c>
      <c r="F4706">
        <v>16.055</v>
      </c>
    </row>
    <row r="4707" spans="1:6" x14ac:dyDescent="0.25">
      <c r="A4707">
        <v>142.26</v>
      </c>
      <c r="B4707">
        <v>214.93</v>
      </c>
      <c r="C4707">
        <v>12618.2</v>
      </c>
      <c r="D4707">
        <v>3.1</v>
      </c>
      <c r="E4707">
        <v>14133.1</v>
      </c>
      <c r="F4707">
        <v>16.077300000000001</v>
      </c>
    </row>
    <row r="4708" spans="1:6" x14ac:dyDescent="0.25">
      <c r="A4708">
        <v>142.26</v>
      </c>
      <c r="B4708">
        <v>214.93</v>
      </c>
      <c r="C4708">
        <v>12618.2</v>
      </c>
      <c r="D4708">
        <v>3.4</v>
      </c>
      <c r="E4708">
        <v>14112.7</v>
      </c>
      <c r="F4708">
        <v>16.081800000000001</v>
      </c>
    </row>
    <row r="4709" spans="1:6" x14ac:dyDescent="0.25">
      <c r="A4709">
        <v>142.26</v>
      </c>
      <c r="B4709">
        <v>214.93</v>
      </c>
      <c r="C4709">
        <v>12618.2</v>
      </c>
      <c r="D4709">
        <v>3.7</v>
      </c>
      <c r="E4709">
        <v>14012.1</v>
      </c>
      <c r="F4709">
        <v>16.085699999999999</v>
      </c>
    </row>
    <row r="4710" spans="1:6" x14ac:dyDescent="0.25">
      <c r="A4710">
        <v>142.26</v>
      </c>
      <c r="B4710">
        <v>214.93</v>
      </c>
      <c r="C4710">
        <v>12618.2</v>
      </c>
      <c r="D4710">
        <v>4</v>
      </c>
      <c r="E4710">
        <v>13916.1</v>
      </c>
      <c r="F4710">
        <v>16.075900000000001</v>
      </c>
    </row>
    <row r="4711" spans="1:6" x14ac:dyDescent="0.25">
      <c r="A4711">
        <v>142.26</v>
      </c>
      <c r="B4711">
        <v>214.93</v>
      </c>
      <c r="C4711">
        <v>14163.6</v>
      </c>
      <c r="D4711">
        <v>1</v>
      </c>
      <c r="E4711">
        <v>18011.8</v>
      </c>
      <c r="F4711">
        <v>15.405200000000001</v>
      </c>
    </row>
    <row r="4712" spans="1:6" x14ac:dyDescent="0.25">
      <c r="A4712">
        <v>142.26</v>
      </c>
      <c r="B4712">
        <v>214.93</v>
      </c>
      <c r="C4712">
        <v>14163.6</v>
      </c>
      <c r="D4712">
        <v>1.3</v>
      </c>
      <c r="E4712">
        <v>17073</v>
      </c>
      <c r="F4712">
        <v>16.369299999999999</v>
      </c>
    </row>
    <row r="4713" spans="1:6" x14ac:dyDescent="0.25">
      <c r="A4713">
        <v>142.26</v>
      </c>
      <c r="B4713">
        <v>214.93</v>
      </c>
      <c r="C4713">
        <v>14163.6</v>
      </c>
      <c r="D4713">
        <v>1.6</v>
      </c>
      <c r="E4713">
        <v>16614.7</v>
      </c>
      <c r="F4713">
        <v>16.450199999999999</v>
      </c>
    </row>
    <row r="4714" spans="1:6" x14ac:dyDescent="0.25">
      <c r="A4714">
        <v>142.26</v>
      </c>
      <c r="B4714">
        <v>214.93</v>
      </c>
      <c r="C4714">
        <v>14163.6</v>
      </c>
      <c r="D4714">
        <v>1.9</v>
      </c>
      <c r="E4714">
        <v>16339.1</v>
      </c>
      <c r="F4714">
        <v>16.490600000000001</v>
      </c>
    </row>
    <row r="4715" spans="1:6" x14ac:dyDescent="0.25">
      <c r="A4715">
        <v>142.26</v>
      </c>
      <c r="B4715">
        <v>214.93</v>
      </c>
      <c r="C4715">
        <v>14163.6</v>
      </c>
      <c r="D4715">
        <v>2.2000000000000002</v>
      </c>
      <c r="E4715">
        <v>16233.3</v>
      </c>
      <c r="F4715">
        <v>15.9641</v>
      </c>
    </row>
    <row r="4716" spans="1:6" x14ac:dyDescent="0.25">
      <c r="A4716">
        <v>142.26</v>
      </c>
      <c r="B4716">
        <v>214.93</v>
      </c>
      <c r="C4716">
        <v>14163.6</v>
      </c>
      <c r="D4716">
        <v>2.5</v>
      </c>
      <c r="E4716">
        <v>15985.2</v>
      </c>
      <c r="F4716">
        <v>16.028099999999998</v>
      </c>
    </row>
    <row r="4717" spans="1:6" x14ac:dyDescent="0.25">
      <c r="A4717">
        <v>142.26</v>
      </c>
      <c r="B4717">
        <v>214.93</v>
      </c>
      <c r="C4717">
        <v>14163.6</v>
      </c>
      <c r="D4717">
        <v>2.8</v>
      </c>
      <c r="E4717">
        <v>15867.2</v>
      </c>
      <c r="F4717">
        <v>16.055</v>
      </c>
    </row>
    <row r="4718" spans="1:6" x14ac:dyDescent="0.25">
      <c r="A4718">
        <v>142.26</v>
      </c>
      <c r="B4718">
        <v>214.93</v>
      </c>
      <c r="C4718">
        <v>14163.6</v>
      </c>
      <c r="D4718">
        <v>3.1</v>
      </c>
      <c r="E4718">
        <v>15752.5</v>
      </c>
      <c r="F4718">
        <v>16.077300000000001</v>
      </c>
    </row>
    <row r="4719" spans="1:6" x14ac:dyDescent="0.25">
      <c r="A4719">
        <v>142.26</v>
      </c>
      <c r="B4719">
        <v>214.93</v>
      </c>
      <c r="C4719">
        <v>14163.6</v>
      </c>
      <c r="D4719">
        <v>3.4</v>
      </c>
      <c r="E4719">
        <v>15598.1</v>
      </c>
      <c r="F4719">
        <v>16.081800000000001</v>
      </c>
    </row>
    <row r="4720" spans="1:6" x14ac:dyDescent="0.25">
      <c r="A4720">
        <v>142.26</v>
      </c>
      <c r="B4720">
        <v>214.93</v>
      </c>
      <c r="C4720">
        <v>14163.6</v>
      </c>
      <c r="D4720">
        <v>3.7</v>
      </c>
      <c r="E4720">
        <v>15586.6</v>
      </c>
      <c r="F4720">
        <v>16.085699999999999</v>
      </c>
    </row>
    <row r="4721" spans="1:6" x14ac:dyDescent="0.25">
      <c r="A4721">
        <v>142.26</v>
      </c>
      <c r="B4721">
        <v>214.93</v>
      </c>
      <c r="C4721">
        <v>14163.6</v>
      </c>
      <c r="D4721">
        <v>4</v>
      </c>
      <c r="E4721">
        <v>15481.7</v>
      </c>
      <c r="F4721">
        <v>16.075900000000001</v>
      </c>
    </row>
    <row r="4722" spans="1:6" x14ac:dyDescent="0.25">
      <c r="A4722">
        <v>142.26</v>
      </c>
      <c r="B4722">
        <v>214.93</v>
      </c>
      <c r="C4722">
        <v>15709.1</v>
      </c>
      <c r="D4722">
        <v>1</v>
      </c>
      <c r="E4722">
        <v>19521.599999999999</v>
      </c>
      <c r="F4722">
        <v>15.405200000000001</v>
      </c>
    </row>
    <row r="4723" spans="1:6" x14ac:dyDescent="0.25">
      <c r="A4723">
        <v>142.26</v>
      </c>
      <c r="B4723">
        <v>214.93</v>
      </c>
      <c r="C4723">
        <v>15709.1</v>
      </c>
      <c r="D4723">
        <v>1.3</v>
      </c>
      <c r="E4723">
        <v>18612.2</v>
      </c>
      <c r="F4723">
        <v>16.369299999999999</v>
      </c>
    </row>
    <row r="4724" spans="1:6" x14ac:dyDescent="0.25">
      <c r="A4724">
        <v>142.26</v>
      </c>
      <c r="B4724">
        <v>214.93</v>
      </c>
      <c r="C4724">
        <v>15709.1</v>
      </c>
      <c r="D4724">
        <v>1.6</v>
      </c>
      <c r="E4724">
        <v>18265.900000000001</v>
      </c>
      <c r="F4724">
        <v>16.450199999999999</v>
      </c>
    </row>
    <row r="4725" spans="1:6" x14ac:dyDescent="0.25">
      <c r="A4725">
        <v>142.26</v>
      </c>
      <c r="B4725">
        <v>214.93</v>
      </c>
      <c r="C4725">
        <v>15709.1</v>
      </c>
      <c r="D4725">
        <v>1.9</v>
      </c>
      <c r="E4725">
        <v>17831.599999999999</v>
      </c>
      <c r="F4725">
        <v>16.490600000000001</v>
      </c>
    </row>
    <row r="4726" spans="1:6" x14ac:dyDescent="0.25">
      <c r="A4726">
        <v>142.26</v>
      </c>
      <c r="B4726">
        <v>214.93</v>
      </c>
      <c r="C4726">
        <v>15709.1</v>
      </c>
      <c r="D4726">
        <v>2.2000000000000002</v>
      </c>
      <c r="E4726">
        <v>17739.599999999999</v>
      </c>
      <c r="F4726">
        <v>15.9641</v>
      </c>
    </row>
    <row r="4727" spans="1:6" x14ac:dyDescent="0.25">
      <c r="A4727">
        <v>142.26</v>
      </c>
      <c r="B4727">
        <v>214.93</v>
      </c>
      <c r="C4727">
        <v>15709.1</v>
      </c>
      <c r="D4727">
        <v>2.5</v>
      </c>
      <c r="E4727">
        <v>17584</v>
      </c>
      <c r="F4727">
        <v>16.028099999999998</v>
      </c>
    </row>
    <row r="4728" spans="1:6" x14ac:dyDescent="0.25">
      <c r="A4728">
        <v>142.26</v>
      </c>
      <c r="B4728">
        <v>214.93</v>
      </c>
      <c r="C4728">
        <v>15709.1</v>
      </c>
      <c r="D4728">
        <v>2.8</v>
      </c>
      <c r="E4728">
        <v>17378.099999999999</v>
      </c>
      <c r="F4728">
        <v>16.055</v>
      </c>
    </row>
    <row r="4729" spans="1:6" x14ac:dyDescent="0.25">
      <c r="A4729">
        <v>142.26</v>
      </c>
      <c r="B4729">
        <v>214.93</v>
      </c>
      <c r="C4729">
        <v>15709.1</v>
      </c>
      <c r="D4729">
        <v>3.1</v>
      </c>
      <c r="E4729">
        <v>17223.8</v>
      </c>
      <c r="F4729">
        <v>16.077300000000001</v>
      </c>
    </row>
    <row r="4730" spans="1:6" x14ac:dyDescent="0.25">
      <c r="A4730">
        <v>142.26</v>
      </c>
      <c r="B4730">
        <v>214.93</v>
      </c>
      <c r="C4730">
        <v>15709.1</v>
      </c>
      <c r="D4730">
        <v>3.4</v>
      </c>
      <c r="E4730">
        <v>17218.099999999999</v>
      </c>
      <c r="F4730">
        <v>16.081800000000001</v>
      </c>
    </row>
    <row r="4731" spans="1:6" x14ac:dyDescent="0.25">
      <c r="A4731">
        <v>142.26</v>
      </c>
      <c r="B4731">
        <v>214.93</v>
      </c>
      <c r="C4731">
        <v>15709.1</v>
      </c>
      <c r="D4731">
        <v>3.7</v>
      </c>
      <c r="E4731">
        <v>17105.3</v>
      </c>
      <c r="F4731">
        <v>16.085699999999999</v>
      </c>
    </row>
    <row r="4732" spans="1:6" x14ac:dyDescent="0.25">
      <c r="A4732">
        <v>142.26</v>
      </c>
      <c r="B4732">
        <v>214.93</v>
      </c>
      <c r="C4732">
        <v>15709.1</v>
      </c>
      <c r="D4732">
        <v>4</v>
      </c>
      <c r="E4732">
        <v>17013.5</v>
      </c>
      <c r="F4732">
        <v>16.075900000000001</v>
      </c>
    </row>
    <row r="4733" spans="1:6" x14ac:dyDescent="0.25">
      <c r="A4733">
        <v>142.26</v>
      </c>
      <c r="B4733">
        <v>214.93</v>
      </c>
      <c r="C4733">
        <v>17254.5</v>
      </c>
      <c r="D4733">
        <v>1</v>
      </c>
      <c r="E4733">
        <v>21234.799999999999</v>
      </c>
      <c r="F4733">
        <v>15.405200000000001</v>
      </c>
    </row>
    <row r="4734" spans="1:6" x14ac:dyDescent="0.25">
      <c r="A4734">
        <v>142.26</v>
      </c>
      <c r="B4734">
        <v>214.93</v>
      </c>
      <c r="C4734">
        <v>17254.5</v>
      </c>
      <c r="D4734">
        <v>1.3</v>
      </c>
      <c r="E4734">
        <v>20178.7</v>
      </c>
      <c r="F4734">
        <v>16.369299999999999</v>
      </c>
    </row>
    <row r="4735" spans="1:6" x14ac:dyDescent="0.25">
      <c r="A4735">
        <v>142.26</v>
      </c>
      <c r="B4735">
        <v>214.93</v>
      </c>
      <c r="C4735">
        <v>17254.5</v>
      </c>
      <c r="D4735">
        <v>1.6</v>
      </c>
      <c r="E4735">
        <v>19746.7</v>
      </c>
      <c r="F4735">
        <v>16.450199999999999</v>
      </c>
    </row>
    <row r="4736" spans="1:6" x14ac:dyDescent="0.25">
      <c r="A4736">
        <v>142.26</v>
      </c>
      <c r="B4736">
        <v>214.93</v>
      </c>
      <c r="C4736">
        <v>17254.5</v>
      </c>
      <c r="D4736">
        <v>1.9</v>
      </c>
      <c r="E4736">
        <v>19509.7</v>
      </c>
      <c r="F4736">
        <v>16.490600000000001</v>
      </c>
    </row>
    <row r="4737" spans="1:6" x14ac:dyDescent="0.25">
      <c r="A4737">
        <v>142.26</v>
      </c>
      <c r="B4737">
        <v>214.93</v>
      </c>
      <c r="C4737">
        <v>17254.5</v>
      </c>
      <c r="D4737">
        <v>2.2000000000000002</v>
      </c>
      <c r="E4737">
        <v>19245.8</v>
      </c>
      <c r="F4737">
        <v>15.9641</v>
      </c>
    </row>
    <row r="4738" spans="1:6" x14ac:dyDescent="0.25">
      <c r="A4738">
        <v>142.26</v>
      </c>
      <c r="B4738">
        <v>214.93</v>
      </c>
      <c r="C4738">
        <v>17254.5</v>
      </c>
      <c r="D4738">
        <v>2.5</v>
      </c>
      <c r="E4738">
        <v>19072.400000000001</v>
      </c>
      <c r="F4738">
        <v>16.028099999999998</v>
      </c>
    </row>
    <row r="4739" spans="1:6" x14ac:dyDescent="0.25">
      <c r="A4739">
        <v>142.26</v>
      </c>
      <c r="B4739">
        <v>214.93</v>
      </c>
      <c r="C4739">
        <v>17254.5</v>
      </c>
      <c r="D4739">
        <v>2.8</v>
      </c>
      <c r="E4739">
        <v>18914.099999999999</v>
      </c>
      <c r="F4739">
        <v>16.055</v>
      </c>
    </row>
    <row r="4740" spans="1:6" x14ac:dyDescent="0.25">
      <c r="A4740">
        <v>142.26</v>
      </c>
      <c r="B4740">
        <v>214.93</v>
      </c>
      <c r="C4740">
        <v>17254.5</v>
      </c>
      <c r="D4740">
        <v>3.1</v>
      </c>
      <c r="E4740">
        <v>18764.8</v>
      </c>
      <c r="F4740">
        <v>16.077300000000001</v>
      </c>
    </row>
    <row r="4741" spans="1:6" x14ac:dyDescent="0.25">
      <c r="A4741">
        <v>142.26</v>
      </c>
      <c r="B4741">
        <v>214.93</v>
      </c>
      <c r="C4741">
        <v>17254.5</v>
      </c>
      <c r="D4741">
        <v>3.4</v>
      </c>
      <c r="E4741">
        <v>18739.099999999999</v>
      </c>
      <c r="F4741">
        <v>16.081800000000001</v>
      </c>
    </row>
    <row r="4742" spans="1:6" x14ac:dyDescent="0.25">
      <c r="A4742">
        <v>142.26</v>
      </c>
      <c r="B4742">
        <v>214.93</v>
      </c>
      <c r="C4742">
        <v>17254.5</v>
      </c>
      <c r="D4742">
        <v>3.7</v>
      </c>
      <c r="E4742">
        <v>18613.8</v>
      </c>
      <c r="F4742">
        <v>16.085699999999999</v>
      </c>
    </row>
    <row r="4743" spans="1:6" x14ac:dyDescent="0.25">
      <c r="A4743">
        <v>142.26</v>
      </c>
      <c r="B4743">
        <v>214.93</v>
      </c>
      <c r="C4743">
        <v>17254.5</v>
      </c>
      <c r="D4743">
        <v>4</v>
      </c>
      <c r="E4743">
        <v>18580.900000000001</v>
      </c>
      <c r="F4743">
        <v>16.075900000000001</v>
      </c>
    </row>
    <row r="4744" spans="1:6" x14ac:dyDescent="0.25">
      <c r="A4744">
        <v>142.26</v>
      </c>
      <c r="B4744">
        <v>214.93</v>
      </c>
      <c r="C4744">
        <v>18800</v>
      </c>
      <c r="D4744">
        <v>1</v>
      </c>
      <c r="E4744">
        <v>22596.7</v>
      </c>
      <c r="F4744">
        <v>15.405200000000001</v>
      </c>
    </row>
    <row r="4745" spans="1:6" x14ac:dyDescent="0.25">
      <c r="A4745">
        <v>142.26</v>
      </c>
      <c r="B4745">
        <v>214.93</v>
      </c>
      <c r="C4745">
        <v>18800</v>
      </c>
      <c r="D4745">
        <v>1.3</v>
      </c>
      <c r="E4745">
        <v>21930.3</v>
      </c>
      <c r="F4745">
        <v>16.369299999999999</v>
      </c>
    </row>
    <row r="4746" spans="1:6" x14ac:dyDescent="0.25">
      <c r="A4746">
        <v>142.26</v>
      </c>
      <c r="B4746">
        <v>214.93</v>
      </c>
      <c r="C4746">
        <v>18800</v>
      </c>
      <c r="D4746">
        <v>1.6</v>
      </c>
      <c r="E4746">
        <v>21336.9</v>
      </c>
      <c r="F4746">
        <v>16.450199999999999</v>
      </c>
    </row>
    <row r="4747" spans="1:6" x14ac:dyDescent="0.25">
      <c r="A4747">
        <v>142.26</v>
      </c>
      <c r="B4747">
        <v>214.93</v>
      </c>
      <c r="C4747">
        <v>18800</v>
      </c>
      <c r="D4747">
        <v>1.9</v>
      </c>
      <c r="E4747">
        <v>21062.7</v>
      </c>
      <c r="F4747">
        <v>16.490600000000001</v>
      </c>
    </row>
    <row r="4748" spans="1:6" x14ac:dyDescent="0.25">
      <c r="A4748">
        <v>142.26</v>
      </c>
      <c r="B4748">
        <v>214.93</v>
      </c>
      <c r="C4748">
        <v>18800</v>
      </c>
      <c r="D4748">
        <v>2.2000000000000002</v>
      </c>
      <c r="E4748">
        <v>20887</v>
      </c>
      <c r="F4748">
        <v>15.9641</v>
      </c>
    </row>
    <row r="4749" spans="1:6" x14ac:dyDescent="0.25">
      <c r="A4749">
        <v>142.26</v>
      </c>
      <c r="B4749">
        <v>214.93</v>
      </c>
      <c r="C4749">
        <v>18800</v>
      </c>
      <c r="D4749">
        <v>2.5</v>
      </c>
      <c r="E4749">
        <v>20575.099999999999</v>
      </c>
      <c r="F4749">
        <v>16.028099999999998</v>
      </c>
    </row>
    <row r="4750" spans="1:6" x14ac:dyDescent="0.25">
      <c r="A4750">
        <v>142.26</v>
      </c>
      <c r="B4750">
        <v>214.93</v>
      </c>
      <c r="C4750">
        <v>18800</v>
      </c>
      <c r="D4750">
        <v>2.8</v>
      </c>
      <c r="E4750">
        <v>20445.599999999999</v>
      </c>
      <c r="F4750">
        <v>16.055</v>
      </c>
    </row>
    <row r="4751" spans="1:6" x14ac:dyDescent="0.25">
      <c r="A4751">
        <v>142.26</v>
      </c>
      <c r="B4751">
        <v>214.93</v>
      </c>
      <c r="C4751">
        <v>18800</v>
      </c>
      <c r="D4751">
        <v>3.1</v>
      </c>
      <c r="E4751">
        <v>20412.7</v>
      </c>
      <c r="F4751">
        <v>16.077300000000001</v>
      </c>
    </row>
    <row r="4752" spans="1:6" x14ac:dyDescent="0.25">
      <c r="A4752">
        <v>142.26</v>
      </c>
      <c r="B4752">
        <v>214.93</v>
      </c>
      <c r="C4752">
        <v>18800</v>
      </c>
      <c r="D4752">
        <v>3.4</v>
      </c>
      <c r="E4752">
        <v>20296.2</v>
      </c>
      <c r="F4752">
        <v>16.081800000000001</v>
      </c>
    </row>
    <row r="4753" spans="1:6" x14ac:dyDescent="0.25">
      <c r="A4753">
        <v>142.26</v>
      </c>
      <c r="B4753">
        <v>214.93</v>
      </c>
      <c r="C4753">
        <v>18800</v>
      </c>
      <c r="D4753">
        <v>3.7</v>
      </c>
      <c r="E4753">
        <v>20146.3</v>
      </c>
      <c r="F4753">
        <v>16.085699999999999</v>
      </c>
    </row>
    <row r="4754" spans="1:6" x14ac:dyDescent="0.25">
      <c r="A4754">
        <v>142.26</v>
      </c>
      <c r="B4754">
        <v>214.93</v>
      </c>
      <c r="C4754">
        <v>18800</v>
      </c>
      <c r="D4754">
        <v>4</v>
      </c>
      <c r="E4754">
        <v>20061.599999999999</v>
      </c>
      <c r="F4754">
        <v>16.075900000000001</v>
      </c>
    </row>
    <row r="4755" spans="1:6" x14ac:dyDescent="0.25">
      <c r="A4755">
        <v>145.88999999999999</v>
      </c>
      <c r="B4755">
        <v>175</v>
      </c>
      <c r="C4755">
        <v>1800</v>
      </c>
      <c r="D4755">
        <v>1</v>
      </c>
      <c r="E4755">
        <v>5725.65</v>
      </c>
      <c r="F4755">
        <v>50.492400000000004</v>
      </c>
    </row>
    <row r="4756" spans="1:6" x14ac:dyDescent="0.25">
      <c r="A4756">
        <v>145.88999999999999</v>
      </c>
      <c r="B4756">
        <v>175</v>
      </c>
      <c r="C4756">
        <v>1800</v>
      </c>
      <c r="D4756">
        <v>1.3</v>
      </c>
      <c r="E4756">
        <v>5144.74</v>
      </c>
      <c r="F4756">
        <v>66.260300000000001</v>
      </c>
    </row>
    <row r="4757" spans="1:6" x14ac:dyDescent="0.25">
      <c r="A4757">
        <v>145.88999999999999</v>
      </c>
      <c r="B4757">
        <v>175</v>
      </c>
      <c r="C4757">
        <v>1800</v>
      </c>
      <c r="D4757">
        <v>1.6</v>
      </c>
      <c r="E4757">
        <v>4938.7299999999996</v>
      </c>
      <c r="F4757">
        <v>74.844800000000006</v>
      </c>
    </row>
    <row r="4758" spans="1:6" x14ac:dyDescent="0.25">
      <c r="A4758">
        <v>145.88999999999999</v>
      </c>
      <c r="B4758">
        <v>175</v>
      </c>
      <c r="C4758">
        <v>1800</v>
      </c>
      <c r="D4758">
        <v>1.9</v>
      </c>
      <c r="E4758">
        <v>4694.42</v>
      </c>
      <c r="F4758">
        <v>80.959100000000007</v>
      </c>
    </row>
    <row r="4759" spans="1:6" x14ac:dyDescent="0.25">
      <c r="A4759">
        <v>145.88999999999999</v>
      </c>
      <c r="B4759">
        <v>175</v>
      </c>
      <c r="C4759">
        <v>1800</v>
      </c>
      <c r="D4759">
        <v>2.2000000000000002</v>
      </c>
      <c r="E4759">
        <v>4544.38</v>
      </c>
      <c r="F4759">
        <v>82.566299999999998</v>
      </c>
    </row>
    <row r="4760" spans="1:6" x14ac:dyDescent="0.25">
      <c r="A4760">
        <v>145.88999999999999</v>
      </c>
      <c r="B4760">
        <v>175</v>
      </c>
      <c r="C4760">
        <v>1800</v>
      </c>
      <c r="D4760">
        <v>2.5</v>
      </c>
      <c r="E4760">
        <v>4387.07</v>
      </c>
      <c r="F4760">
        <v>84.941400000000002</v>
      </c>
    </row>
    <row r="4761" spans="1:6" x14ac:dyDescent="0.25">
      <c r="A4761">
        <v>145.88999999999999</v>
      </c>
      <c r="B4761">
        <v>175</v>
      </c>
      <c r="C4761">
        <v>1800</v>
      </c>
      <c r="D4761">
        <v>2.8</v>
      </c>
      <c r="E4761">
        <v>4334.0200000000004</v>
      </c>
      <c r="F4761">
        <v>88.198999999999998</v>
      </c>
    </row>
    <row r="4762" spans="1:6" x14ac:dyDescent="0.25">
      <c r="A4762">
        <v>145.88999999999999</v>
      </c>
      <c r="B4762">
        <v>175</v>
      </c>
      <c r="C4762">
        <v>1800</v>
      </c>
      <c r="D4762">
        <v>3.1</v>
      </c>
      <c r="E4762">
        <v>4281.9399999999996</v>
      </c>
      <c r="F4762">
        <v>87.660799999999995</v>
      </c>
    </row>
    <row r="4763" spans="1:6" x14ac:dyDescent="0.25">
      <c r="A4763">
        <v>145.88999999999999</v>
      </c>
      <c r="B4763">
        <v>175</v>
      </c>
      <c r="C4763">
        <v>1800</v>
      </c>
      <c r="D4763">
        <v>3.4</v>
      </c>
      <c r="E4763">
        <v>4208.53</v>
      </c>
      <c r="F4763">
        <v>89.123400000000004</v>
      </c>
    </row>
    <row r="4764" spans="1:6" x14ac:dyDescent="0.25">
      <c r="A4764">
        <v>145.88999999999999</v>
      </c>
      <c r="B4764">
        <v>175</v>
      </c>
      <c r="C4764">
        <v>1800</v>
      </c>
      <c r="D4764">
        <v>3.7</v>
      </c>
      <c r="E4764">
        <v>4102.66</v>
      </c>
      <c r="F4764">
        <v>90.642499999999998</v>
      </c>
    </row>
    <row r="4765" spans="1:6" x14ac:dyDescent="0.25">
      <c r="A4765">
        <v>145.88999999999999</v>
      </c>
      <c r="B4765">
        <v>175</v>
      </c>
      <c r="C4765">
        <v>1800</v>
      </c>
      <c r="D4765">
        <v>4</v>
      </c>
      <c r="E4765">
        <v>4082.17</v>
      </c>
      <c r="F4765">
        <v>90.5047</v>
      </c>
    </row>
    <row r="4766" spans="1:6" x14ac:dyDescent="0.25">
      <c r="A4766">
        <v>145.88999999999999</v>
      </c>
      <c r="B4766">
        <v>175</v>
      </c>
      <c r="C4766">
        <v>3345.45</v>
      </c>
      <c r="D4766">
        <v>1</v>
      </c>
      <c r="E4766">
        <v>7087.77</v>
      </c>
      <c r="F4766">
        <v>21.169699999999999</v>
      </c>
    </row>
    <row r="4767" spans="1:6" x14ac:dyDescent="0.25">
      <c r="A4767">
        <v>145.88999999999999</v>
      </c>
      <c r="B4767">
        <v>175</v>
      </c>
      <c r="C4767">
        <v>3345.45</v>
      </c>
      <c r="D4767">
        <v>1.3</v>
      </c>
      <c r="E4767">
        <v>6385.28</v>
      </c>
      <c r="F4767">
        <v>26.8386</v>
      </c>
    </row>
    <row r="4768" spans="1:6" x14ac:dyDescent="0.25">
      <c r="A4768">
        <v>145.88999999999999</v>
      </c>
      <c r="B4768">
        <v>175</v>
      </c>
      <c r="C4768">
        <v>3345.45</v>
      </c>
      <c r="D4768">
        <v>1.6</v>
      </c>
      <c r="E4768">
        <v>5993.63</v>
      </c>
      <c r="F4768">
        <v>33.097000000000001</v>
      </c>
    </row>
    <row r="4769" spans="1:6" x14ac:dyDescent="0.25">
      <c r="A4769">
        <v>145.88999999999999</v>
      </c>
      <c r="B4769">
        <v>175</v>
      </c>
      <c r="C4769">
        <v>3345.45</v>
      </c>
      <c r="D4769">
        <v>1.9</v>
      </c>
      <c r="E4769">
        <v>5749.4</v>
      </c>
      <c r="F4769">
        <v>39.045299999999997</v>
      </c>
    </row>
    <row r="4770" spans="1:6" x14ac:dyDescent="0.25">
      <c r="A4770">
        <v>145.88999999999999</v>
      </c>
      <c r="B4770">
        <v>175</v>
      </c>
      <c r="C4770">
        <v>3345.45</v>
      </c>
      <c r="D4770">
        <v>2.2000000000000002</v>
      </c>
      <c r="E4770">
        <v>5666.81</v>
      </c>
      <c r="F4770">
        <v>42.174500000000002</v>
      </c>
    </row>
    <row r="4771" spans="1:6" x14ac:dyDescent="0.25">
      <c r="A4771">
        <v>145.88999999999999</v>
      </c>
      <c r="B4771">
        <v>175</v>
      </c>
      <c r="C4771">
        <v>3345.45</v>
      </c>
      <c r="D4771">
        <v>2.5</v>
      </c>
      <c r="E4771">
        <v>5512.46</v>
      </c>
      <c r="F4771">
        <v>45.938499999999998</v>
      </c>
    </row>
    <row r="4772" spans="1:6" x14ac:dyDescent="0.25">
      <c r="A4772">
        <v>145.88999999999999</v>
      </c>
      <c r="B4772">
        <v>175</v>
      </c>
      <c r="C4772">
        <v>3345.45</v>
      </c>
      <c r="D4772">
        <v>2.8</v>
      </c>
      <c r="E4772">
        <v>5475.11</v>
      </c>
      <c r="F4772">
        <v>50.912399999999998</v>
      </c>
    </row>
    <row r="4773" spans="1:6" x14ac:dyDescent="0.25">
      <c r="A4773">
        <v>145.88999999999999</v>
      </c>
      <c r="B4773">
        <v>175</v>
      </c>
      <c r="C4773">
        <v>3345.45</v>
      </c>
      <c r="D4773">
        <v>3.1</v>
      </c>
      <c r="E4773">
        <v>5362.07</v>
      </c>
      <c r="F4773">
        <v>52.936</v>
      </c>
    </row>
    <row r="4774" spans="1:6" x14ac:dyDescent="0.25">
      <c r="A4774">
        <v>145.88999999999999</v>
      </c>
      <c r="B4774">
        <v>175</v>
      </c>
      <c r="C4774">
        <v>3345.45</v>
      </c>
      <c r="D4774">
        <v>3.4</v>
      </c>
      <c r="E4774">
        <v>5340.89</v>
      </c>
      <c r="F4774">
        <v>55.273000000000003</v>
      </c>
    </row>
    <row r="4775" spans="1:6" x14ac:dyDescent="0.25">
      <c r="A4775">
        <v>145.88999999999999</v>
      </c>
      <c r="B4775">
        <v>175</v>
      </c>
      <c r="C4775">
        <v>3345.45</v>
      </c>
      <c r="D4775">
        <v>3.7</v>
      </c>
      <c r="E4775">
        <v>5209.8100000000004</v>
      </c>
      <c r="F4775">
        <v>56.310499999999998</v>
      </c>
    </row>
    <row r="4776" spans="1:6" x14ac:dyDescent="0.25">
      <c r="A4776">
        <v>145.88999999999999</v>
      </c>
      <c r="B4776">
        <v>175</v>
      </c>
      <c r="C4776">
        <v>3345.45</v>
      </c>
      <c r="D4776">
        <v>4</v>
      </c>
      <c r="E4776">
        <v>5253.98</v>
      </c>
      <c r="F4776">
        <v>56.858899999999998</v>
      </c>
    </row>
    <row r="4777" spans="1:6" x14ac:dyDescent="0.25">
      <c r="A4777">
        <v>145.88999999999999</v>
      </c>
      <c r="B4777">
        <v>175</v>
      </c>
      <c r="C4777">
        <v>4890.8999999999996</v>
      </c>
      <c r="D4777">
        <v>1</v>
      </c>
      <c r="E4777">
        <v>9250.7800000000007</v>
      </c>
      <c r="F4777">
        <v>15.7843</v>
      </c>
    </row>
    <row r="4778" spans="1:6" x14ac:dyDescent="0.25">
      <c r="A4778">
        <v>145.88999999999999</v>
      </c>
      <c r="B4778">
        <v>175</v>
      </c>
      <c r="C4778">
        <v>4890.8999999999996</v>
      </c>
      <c r="D4778">
        <v>1.3</v>
      </c>
      <c r="E4778">
        <v>8191.72</v>
      </c>
      <c r="F4778">
        <v>16.549600000000002</v>
      </c>
    </row>
    <row r="4779" spans="1:6" x14ac:dyDescent="0.25">
      <c r="A4779">
        <v>145.88999999999999</v>
      </c>
      <c r="B4779">
        <v>175</v>
      </c>
      <c r="C4779">
        <v>4890.8999999999996</v>
      </c>
      <c r="D4779">
        <v>1.6</v>
      </c>
      <c r="E4779">
        <v>7230.14</v>
      </c>
      <c r="F4779">
        <v>16.377500000000001</v>
      </c>
    </row>
    <row r="4780" spans="1:6" x14ac:dyDescent="0.25">
      <c r="A4780">
        <v>145.88999999999999</v>
      </c>
      <c r="B4780">
        <v>175</v>
      </c>
      <c r="C4780">
        <v>4890.8999999999996</v>
      </c>
      <c r="D4780">
        <v>1.9</v>
      </c>
      <c r="E4780">
        <v>6993.68</v>
      </c>
      <c r="F4780">
        <v>16.289899999999999</v>
      </c>
    </row>
    <row r="4781" spans="1:6" x14ac:dyDescent="0.25">
      <c r="A4781">
        <v>145.88999999999999</v>
      </c>
      <c r="B4781">
        <v>175</v>
      </c>
      <c r="C4781">
        <v>4890.8999999999996</v>
      </c>
      <c r="D4781">
        <v>2.2000000000000002</v>
      </c>
      <c r="E4781">
        <v>7001.29</v>
      </c>
      <c r="F4781">
        <v>16.1449</v>
      </c>
    </row>
    <row r="4782" spans="1:6" x14ac:dyDescent="0.25">
      <c r="A4782">
        <v>145.88999999999999</v>
      </c>
      <c r="B4782">
        <v>175</v>
      </c>
      <c r="C4782">
        <v>4890.8999999999996</v>
      </c>
      <c r="D4782">
        <v>2.5</v>
      </c>
      <c r="E4782">
        <v>6764.33</v>
      </c>
      <c r="F4782">
        <v>16.099299999999999</v>
      </c>
    </row>
    <row r="4783" spans="1:6" x14ac:dyDescent="0.25">
      <c r="A4783">
        <v>145.88999999999999</v>
      </c>
      <c r="B4783">
        <v>175</v>
      </c>
      <c r="C4783">
        <v>4890.8999999999996</v>
      </c>
      <c r="D4783">
        <v>2.8</v>
      </c>
      <c r="E4783">
        <v>6805.01</v>
      </c>
      <c r="F4783">
        <v>17.335799999999999</v>
      </c>
    </row>
    <row r="4784" spans="1:6" x14ac:dyDescent="0.25">
      <c r="A4784">
        <v>145.88999999999999</v>
      </c>
      <c r="B4784">
        <v>175</v>
      </c>
      <c r="C4784">
        <v>4890.8999999999996</v>
      </c>
      <c r="D4784">
        <v>3.1</v>
      </c>
      <c r="E4784">
        <v>6500.74</v>
      </c>
      <c r="F4784">
        <v>17.098400000000002</v>
      </c>
    </row>
    <row r="4785" spans="1:6" x14ac:dyDescent="0.25">
      <c r="A4785">
        <v>145.88999999999999</v>
      </c>
      <c r="B4785">
        <v>175</v>
      </c>
      <c r="C4785">
        <v>4890.8999999999996</v>
      </c>
      <c r="D4785">
        <v>3.4</v>
      </c>
      <c r="E4785">
        <v>6453.79</v>
      </c>
      <c r="F4785">
        <v>17.5886</v>
      </c>
    </row>
    <row r="4786" spans="1:6" x14ac:dyDescent="0.25">
      <c r="A4786">
        <v>145.88999999999999</v>
      </c>
      <c r="B4786">
        <v>175</v>
      </c>
      <c r="C4786">
        <v>4890.8999999999996</v>
      </c>
      <c r="D4786">
        <v>3.7</v>
      </c>
      <c r="E4786">
        <v>6619.81</v>
      </c>
      <c r="F4786">
        <v>19.082799999999999</v>
      </c>
    </row>
    <row r="4787" spans="1:6" x14ac:dyDescent="0.25">
      <c r="A4787">
        <v>145.88999999999999</v>
      </c>
      <c r="B4787">
        <v>175</v>
      </c>
      <c r="C4787">
        <v>4890.8999999999996</v>
      </c>
      <c r="D4787">
        <v>4</v>
      </c>
      <c r="E4787">
        <v>6363.61</v>
      </c>
      <c r="F4787">
        <v>18.860199999999999</v>
      </c>
    </row>
    <row r="4788" spans="1:6" x14ac:dyDescent="0.25">
      <c r="A4788">
        <v>145.88999999999999</v>
      </c>
      <c r="B4788">
        <v>175</v>
      </c>
      <c r="C4788">
        <v>6436.35</v>
      </c>
      <c r="D4788">
        <v>1</v>
      </c>
      <c r="E4788">
        <v>10619</v>
      </c>
      <c r="F4788">
        <v>19.2102</v>
      </c>
    </row>
    <row r="4789" spans="1:6" x14ac:dyDescent="0.25">
      <c r="A4789">
        <v>145.88999999999999</v>
      </c>
      <c r="B4789">
        <v>175</v>
      </c>
      <c r="C4789">
        <v>6436.35</v>
      </c>
      <c r="D4789">
        <v>1.3</v>
      </c>
      <c r="E4789">
        <v>9295.74</v>
      </c>
      <c r="F4789">
        <v>18.633299999999998</v>
      </c>
    </row>
    <row r="4790" spans="1:6" x14ac:dyDescent="0.25">
      <c r="A4790">
        <v>145.88999999999999</v>
      </c>
      <c r="B4790">
        <v>175</v>
      </c>
      <c r="C4790">
        <v>6436.35</v>
      </c>
      <c r="D4790">
        <v>1.6</v>
      </c>
      <c r="E4790">
        <v>9110.06</v>
      </c>
      <c r="F4790">
        <v>18.923300000000001</v>
      </c>
    </row>
    <row r="4791" spans="1:6" x14ac:dyDescent="0.25">
      <c r="A4791">
        <v>145.88999999999999</v>
      </c>
      <c r="B4791">
        <v>175</v>
      </c>
      <c r="C4791">
        <v>6436.35</v>
      </c>
      <c r="D4791">
        <v>1.9</v>
      </c>
      <c r="E4791">
        <v>8839.6299999999992</v>
      </c>
      <c r="F4791">
        <v>19.078600000000002</v>
      </c>
    </row>
    <row r="4792" spans="1:6" x14ac:dyDescent="0.25">
      <c r="A4792">
        <v>145.88999999999999</v>
      </c>
      <c r="B4792">
        <v>175</v>
      </c>
      <c r="C4792">
        <v>6436.35</v>
      </c>
      <c r="D4792">
        <v>2.2000000000000002</v>
      </c>
      <c r="E4792">
        <v>8895.23</v>
      </c>
      <c r="F4792">
        <v>19.270199999999999</v>
      </c>
    </row>
    <row r="4793" spans="1:6" x14ac:dyDescent="0.25">
      <c r="A4793">
        <v>145.88999999999999</v>
      </c>
      <c r="B4793">
        <v>175</v>
      </c>
      <c r="C4793">
        <v>6436.35</v>
      </c>
      <c r="D4793">
        <v>2.5</v>
      </c>
      <c r="E4793">
        <v>8610.27</v>
      </c>
      <c r="F4793">
        <v>19.400099999999998</v>
      </c>
    </row>
    <row r="4794" spans="1:6" x14ac:dyDescent="0.25">
      <c r="A4794">
        <v>145.88999999999999</v>
      </c>
      <c r="B4794">
        <v>175</v>
      </c>
      <c r="C4794">
        <v>6436.35</v>
      </c>
      <c r="D4794">
        <v>2.8</v>
      </c>
      <c r="E4794">
        <v>8179.49</v>
      </c>
      <c r="F4794">
        <v>19.549299999999999</v>
      </c>
    </row>
    <row r="4795" spans="1:6" x14ac:dyDescent="0.25">
      <c r="A4795">
        <v>145.88999999999999</v>
      </c>
      <c r="B4795">
        <v>175</v>
      </c>
      <c r="C4795">
        <v>6436.35</v>
      </c>
      <c r="D4795">
        <v>3.1</v>
      </c>
      <c r="E4795">
        <v>8047.89</v>
      </c>
      <c r="F4795">
        <v>19.552800000000001</v>
      </c>
    </row>
    <row r="4796" spans="1:6" x14ac:dyDescent="0.25">
      <c r="A4796">
        <v>145.88999999999999</v>
      </c>
      <c r="B4796">
        <v>175</v>
      </c>
      <c r="C4796">
        <v>6436.35</v>
      </c>
      <c r="D4796">
        <v>3.4</v>
      </c>
      <c r="E4796">
        <v>7885.81</v>
      </c>
      <c r="F4796">
        <v>19.564800000000002</v>
      </c>
    </row>
    <row r="4797" spans="1:6" x14ac:dyDescent="0.25">
      <c r="A4797">
        <v>145.88999999999999</v>
      </c>
      <c r="B4797">
        <v>175</v>
      </c>
      <c r="C4797">
        <v>6436.35</v>
      </c>
      <c r="D4797">
        <v>3.7</v>
      </c>
      <c r="E4797">
        <v>7776.9</v>
      </c>
      <c r="F4797">
        <v>19.581600000000002</v>
      </c>
    </row>
    <row r="4798" spans="1:6" x14ac:dyDescent="0.25">
      <c r="A4798">
        <v>145.88999999999999</v>
      </c>
      <c r="B4798">
        <v>175</v>
      </c>
      <c r="C4798">
        <v>6436.35</v>
      </c>
      <c r="D4798">
        <v>4</v>
      </c>
      <c r="E4798">
        <v>7763.2</v>
      </c>
      <c r="F4798">
        <v>19.6051</v>
      </c>
    </row>
    <row r="4799" spans="1:6" x14ac:dyDescent="0.25">
      <c r="A4799">
        <v>145.88999999999999</v>
      </c>
      <c r="B4799">
        <v>175</v>
      </c>
      <c r="C4799">
        <v>7981.8</v>
      </c>
      <c r="D4799">
        <v>1</v>
      </c>
      <c r="E4799">
        <v>11893.1</v>
      </c>
      <c r="F4799">
        <v>19.2102</v>
      </c>
    </row>
    <row r="4800" spans="1:6" x14ac:dyDescent="0.25">
      <c r="A4800">
        <v>145.88999999999999</v>
      </c>
      <c r="B4800">
        <v>175</v>
      </c>
      <c r="C4800">
        <v>7981.8</v>
      </c>
      <c r="D4800">
        <v>1.3</v>
      </c>
      <c r="E4800">
        <v>11468.1</v>
      </c>
      <c r="F4800">
        <v>18.633299999999998</v>
      </c>
    </row>
    <row r="4801" spans="1:6" x14ac:dyDescent="0.25">
      <c r="A4801">
        <v>145.88999999999999</v>
      </c>
      <c r="B4801">
        <v>175</v>
      </c>
      <c r="C4801">
        <v>7981.8</v>
      </c>
      <c r="D4801">
        <v>1.6</v>
      </c>
      <c r="E4801">
        <v>10741.9</v>
      </c>
      <c r="F4801">
        <v>18.923300000000001</v>
      </c>
    </row>
    <row r="4802" spans="1:6" x14ac:dyDescent="0.25">
      <c r="A4802">
        <v>145.88999999999999</v>
      </c>
      <c r="B4802">
        <v>175</v>
      </c>
      <c r="C4802">
        <v>7981.8</v>
      </c>
      <c r="D4802">
        <v>1.9</v>
      </c>
      <c r="E4802">
        <v>10504.3</v>
      </c>
      <c r="F4802">
        <v>19.078600000000002</v>
      </c>
    </row>
    <row r="4803" spans="1:6" x14ac:dyDescent="0.25">
      <c r="A4803">
        <v>145.88999999999999</v>
      </c>
      <c r="B4803">
        <v>175</v>
      </c>
      <c r="C4803">
        <v>7981.8</v>
      </c>
      <c r="D4803">
        <v>2.2000000000000002</v>
      </c>
      <c r="E4803">
        <v>10041.6</v>
      </c>
      <c r="F4803">
        <v>19.270199999999999</v>
      </c>
    </row>
    <row r="4804" spans="1:6" x14ac:dyDescent="0.25">
      <c r="A4804">
        <v>145.88999999999999</v>
      </c>
      <c r="B4804">
        <v>175</v>
      </c>
      <c r="C4804">
        <v>7981.8</v>
      </c>
      <c r="D4804">
        <v>2.5</v>
      </c>
      <c r="E4804">
        <v>10101.200000000001</v>
      </c>
      <c r="F4804">
        <v>19.400099999999998</v>
      </c>
    </row>
    <row r="4805" spans="1:6" x14ac:dyDescent="0.25">
      <c r="A4805">
        <v>145.88999999999999</v>
      </c>
      <c r="B4805">
        <v>175</v>
      </c>
      <c r="C4805">
        <v>7981.8</v>
      </c>
      <c r="D4805">
        <v>2.8</v>
      </c>
      <c r="E4805">
        <v>9582.33</v>
      </c>
      <c r="F4805">
        <v>19.549299999999999</v>
      </c>
    </row>
    <row r="4806" spans="1:6" x14ac:dyDescent="0.25">
      <c r="A4806">
        <v>145.88999999999999</v>
      </c>
      <c r="B4806">
        <v>175</v>
      </c>
      <c r="C4806">
        <v>7981.8</v>
      </c>
      <c r="D4806">
        <v>3.1</v>
      </c>
      <c r="E4806">
        <v>9427.5400000000009</v>
      </c>
      <c r="F4806">
        <v>19.552800000000001</v>
      </c>
    </row>
    <row r="4807" spans="1:6" x14ac:dyDescent="0.25">
      <c r="A4807">
        <v>145.88999999999999</v>
      </c>
      <c r="B4807">
        <v>175</v>
      </c>
      <c r="C4807">
        <v>7981.8</v>
      </c>
      <c r="D4807">
        <v>3.4</v>
      </c>
      <c r="E4807">
        <v>9425.27</v>
      </c>
      <c r="F4807">
        <v>19.564800000000002</v>
      </c>
    </row>
    <row r="4808" spans="1:6" x14ac:dyDescent="0.25">
      <c r="A4808">
        <v>145.88999999999999</v>
      </c>
      <c r="B4808">
        <v>175</v>
      </c>
      <c r="C4808">
        <v>7981.8</v>
      </c>
      <c r="D4808">
        <v>3.7</v>
      </c>
      <c r="E4808">
        <v>9305.5499999999993</v>
      </c>
      <c r="F4808">
        <v>19.581600000000002</v>
      </c>
    </row>
    <row r="4809" spans="1:6" x14ac:dyDescent="0.25">
      <c r="A4809">
        <v>145.88999999999999</v>
      </c>
      <c r="B4809">
        <v>175</v>
      </c>
      <c r="C4809">
        <v>7981.8</v>
      </c>
      <c r="D4809">
        <v>4</v>
      </c>
      <c r="E4809">
        <v>9423.9699999999993</v>
      </c>
      <c r="F4809">
        <v>19.6051</v>
      </c>
    </row>
    <row r="4810" spans="1:6" x14ac:dyDescent="0.25">
      <c r="A4810">
        <v>145.88999999999999</v>
      </c>
      <c r="B4810">
        <v>175</v>
      </c>
      <c r="C4810">
        <v>9527.25</v>
      </c>
      <c r="D4810">
        <v>1</v>
      </c>
      <c r="E4810">
        <v>13173.5</v>
      </c>
      <c r="F4810">
        <v>19.2102</v>
      </c>
    </row>
    <row r="4811" spans="1:6" x14ac:dyDescent="0.25">
      <c r="A4811">
        <v>145.88999999999999</v>
      </c>
      <c r="B4811">
        <v>175</v>
      </c>
      <c r="C4811">
        <v>9527.25</v>
      </c>
      <c r="D4811">
        <v>1.3</v>
      </c>
      <c r="E4811">
        <v>12967</v>
      </c>
      <c r="F4811">
        <v>18.633299999999998</v>
      </c>
    </row>
    <row r="4812" spans="1:6" x14ac:dyDescent="0.25">
      <c r="A4812">
        <v>145.88999999999999</v>
      </c>
      <c r="B4812">
        <v>175</v>
      </c>
      <c r="C4812">
        <v>9527.25</v>
      </c>
      <c r="D4812">
        <v>1.6</v>
      </c>
      <c r="E4812">
        <v>12329.4</v>
      </c>
      <c r="F4812">
        <v>18.923300000000001</v>
      </c>
    </row>
    <row r="4813" spans="1:6" x14ac:dyDescent="0.25">
      <c r="A4813">
        <v>145.88999999999999</v>
      </c>
      <c r="B4813">
        <v>175</v>
      </c>
      <c r="C4813">
        <v>9527.25</v>
      </c>
      <c r="D4813">
        <v>1.9</v>
      </c>
      <c r="E4813">
        <v>12085.7</v>
      </c>
      <c r="F4813">
        <v>19.078600000000002</v>
      </c>
    </row>
    <row r="4814" spans="1:6" x14ac:dyDescent="0.25">
      <c r="A4814">
        <v>145.88999999999999</v>
      </c>
      <c r="B4814">
        <v>175</v>
      </c>
      <c r="C4814">
        <v>9527.25</v>
      </c>
      <c r="D4814">
        <v>2.2000000000000002</v>
      </c>
      <c r="E4814">
        <v>11875.2</v>
      </c>
      <c r="F4814">
        <v>19.270199999999999</v>
      </c>
    </row>
    <row r="4815" spans="1:6" x14ac:dyDescent="0.25">
      <c r="A4815">
        <v>145.88999999999999</v>
      </c>
      <c r="B4815">
        <v>175</v>
      </c>
      <c r="C4815">
        <v>9527.25</v>
      </c>
      <c r="D4815">
        <v>2.5</v>
      </c>
      <c r="E4815">
        <v>11586.1</v>
      </c>
      <c r="F4815">
        <v>19.400099999999998</v>
      </c>
    </row>
    <row r="4816" spans="1:6" x14ac:dyDescent="0.25">
      <c r="A4816">
        <v>145.88999999999999</v>
      </c>
      <c r="B4816">
        <v>175</v>
      </c>
      <c r="C4816">
        <v>9527.25</v>
      </c>
      <c r="D4816">
        <v>2.8</v>
      </c>
      <c r="E4816">
        <v>11170.3</v>
      </c>
      <c r="F4816">
        <v>19.549299999999999</v>
      </c>
    </row>
    <row r="4817" spans="1:6" x14ac:dyDescent="0.25">
      <c r="A4817">
        <v>145.88999999999999</v>
      </c>
      <c r="B4817">
        <v>175</v>
      </c>
      <c r="C4817">
        <v>9527.25</v>
      </c>
      <c r="D4817">
        <v>3.1</v>
      </c>
      <c r="E4817">
        <v>11038.4</v>
      </c>
      <c r="F4817">
        <v>19.552800000000001</v>
      </c>
    </row>
    <row r="4818" spans="1:6" x14ac:dyDescent="0.25">
      <c r="A4818">
        <v>145.88999999999999</v>
      </c>
      <c r="B4818">
        <v>175</v>
      </c>
      <c r="C4818">
        <v>9527.25</v>
      </c>
      <c r="D4818">
        <v>3.4</v>
      </c>
      <c r="E4818">
        <v>10914.7</v>
      </c>
      <c r="F4818">
        <v>19.564800000000002</v>
      </c>
    </row>
    <row r="4819" spans="1:6" x14ac:dyDescent="0.25">
      <c r="A4819">
        <v>145.88999999999999</v>
      </c>
      <c r="B4819">
        <v>175</v>
      </c>
      <c r="C4819">
        <v>9527.25</v>
      </c>
      <c r="D4819">
        <v>3.7</v>
      </c>
      <c r="E4819">
        <v>10812.7</v>
      </c>
      <c r="F4819">
        <v>19.581600000000002</v>
      </c>
    </row>
    <row r="4820" spans="1:6" x14ac:dyDescent="0.25">
      <c r="A4820">
        <v>145.88999999999999</v>
      </c>
      <c r="B4820">
        <v>175</v>
      </c>
      <c r="C4820">
        <v>9527.25</v>
      </c>
      <c r="D4820">
        <v>4</v>
      </c>
      <c r="E4820">
        <v>10957.4</v>
      </c>
      <c r="F4820">
        <v>19.6051</v>
      </c>
    </row>
    <row r="4821" spans="1:6" x14ac:dyDescent="0.25">
      <c r="A4821">
        <v>145.88999999999999</v>
      </c>
      <c r="B4821">
        <v>175</v>
      </c>
      <c r="C4821">
        <v>11072.7</v>
      </c>
      <c r="D4821">
        <v>1</v>
      </c>
      <c r="E4821">
        <v>14788</v>
      </c>
      <c r="F4821">
        <v>19.2102</v>
      </c>
    </row>
    <row r="4822" spans="1:6" x14ac:dyDescent="0.25">
      <c r="A4822">
        <v>145.88999999999999</v>
      </c>
      <c r="B4822">
        <v>175</v>
      </c>
      <c r="C4822">
        <v>11072.7</v>
      </c>
      <c r="D4822">
        <v>1.3</v>
      </c>
      <c r="E4822">
        <v>14245</v>
      </c>
      <c r="F4822">
        <v>18.633299999999998</v>
      </c>
    </row>
    <row r="4823" spans="1:6" x14ac:dyDescent="0.25">
      <c r="A4823">
        <v>145.88999999999999</v>
      </c>
      <c r="B4823">
        <v>175</v>
      </c>
      <c r="C4823">
        <v>11072.7</v>
      </c>
      <c r="D4823">
        <v>1.6</v>
      </c>
      <c r="E4823">
        <v>13642.1</v>
      </c>
      <c r="F4823">
        <v>18.923300000000001</v>
      </c>
    </row>
    <row r="4824" spans="1:6" x14ac:dyDescent="0.25">
      <c r="A4824">
        <v>145.88999999999999</v>
      </c>
      <c r="B4824">
        <v>175</v>
      </c>
      <c r="C4824">
        <v>11072.7</v>
      </c>
      <c r="D4824">
        <v>1.9</v>
      </c>
      <c r="E4824">
        <v>13599.5</v>
      </c>
      <c r="F4824">
        <v>19.078600000000002</v>
      </c>
    </row>
    <row r="4825" spans="1:6" x14ac:dyDescent="0.25">
      <c r="A4825">
        <v>145.88999999999999</v>
      </c>
      <c r="B4825">
        <v>175</v>
      </c>
      <c r="C4825">
        <v>11072.7</v>
      </c>
      <c r="D4825">
        <v>2.2000000000000002</v>
      </c>
      <c r="E4825">
        <v>13108</v>
      </c>
      <c r="F4825">
        <v>19.270199999999999</v>
      </c>
    </row>
    <row r="4826" spans="1:6" x14ac:dyDescent="0.25">
      <c r="A4826">
        <v>145.88999999999999</v>
      </c>
      <c r="B4826">
        <v>175</v>
      </c>
      <c r="C4826">
        <v>11072.7</v>
      </c>
      <c r="D4826">
        <v>2.5</v>
      </c>
      <c r="E4826">
        <v>13279.6</v>
      </c>
      <c r="F4826">
        <v>19.400099999999998</v>
      </c>
    </row>
    <row r="4827" spans="1:6" x14ac:dyDescent="0.25">
      <c r="A4827">
        <v>145.88999999999999</v>
      </c>
      <c r="B4827">
        <v>175</v>
      </c>
      <c r="C4827">
        <v>11072.7</v>
      </c>
      <c r="D4827">
        <v>2.8</v>
      </c>
      <c r="E4827">
        <v>12670.3</v>
      </c>
      <c r="F4827">
        <v>19.549299999999999</v>
      </c>
    </row>
    <row r="4828" spans="1:6" x14ac:dyDescent="0.25">
      <c r="A4828">
        <v>145.88999999999999</v>
      </c>
      <c r="B4828">
        <v>175</v>
      </c>
      <c r="C4828">
        <v>11072.7</v>
      </c>
      <c r="D4828">
        <v>3.1</v>
      </c>
      <c r="E4828">
        <v>12775.1</v>
      </c>
      <c r="F4828">
        <v>19.552800000000001</v>
      </c>
    </row>
    <row r="4829" spans="1:6" x14ac:dyDescent="0.25">
      <c r="A4829">
        <v>145.88999999999999</v>
      </c>
      <c r="B4829">
        <v>175</v>
      </c>
      <c r="C4829">
        <v>11072.7</v>
      </c>
      <c r="D4829">
        <v>3.4</v>
      </c>
      <c r="E4829">
        <v>12552.1</v>
      </c>
      <c r="F4829">
        <v>19.564800000000002</v>
      </c>
    </row>
    <row r="4830" spans="1:6" x14ac:dyDescent="0.25">
      <c r="A4830">
        <v>145.88999999999999</v>
      </c>
      <c r="B4830">
        <v>175</v>
      </c>
      <c r="C4830">
        <v>11072.7</v>
      </c>
      <c r="D4830">
        <v>3.7</v>
      </c>
      <c r="E4830">
        <v>12436.1</v>
      </c>
      <c r="F4830">
        <v>19.581600000000002</v>
      </c>
    </row>
    <row r="4831" spans="1:6" x14ac:dyDescent="0.25">
      <c r="A4831">
        <v>145.88999999999999</v>
      </c>
      <c r="B4831">
        <v>175</v>
      </c>
      <c r="C4831">
        <v>11072.7</v>
      </c>
      <c r="D4831">
        <v>4</v>
      </c>
      <c r="E4831">
        <v>12474.2</v>
      </c>
      <c r="F4831">
        <v>19.6051</v>
      </c>
    </row>
    <row r="4832" spans="1:6" x14ac:dyDescent="0.25">
      <c r="A4832">
        <v>145.88999999999999</v>
      </c>
      <c r="B4832">
        <v>175</v>
      </c>
      <c r="C4832">
        <v>12618.2</v>
      </c>
      <c r="D4832">
        <v>1</v>
      </c>
      <c r="E4832">
        <v>16229.2</v>
      </c>
      <c r="F4832">
        <v>19.2102</v>
      </c>
    </row>
    <row r="4833" spans="1:6" x14ac:dyDescent="0.25">
      <c r="A4833">
        <v>145.88999999999999</v>
      </c>
      <c r="B4833">
        <v>175</v>
      </c>
      <c r="C4833">
        <v>12618.2</v>
      </c>
      <c r="D4833">
        <v>1.3</v>
      </c>
      <c r="E4833">
        <v>15851.3</v>
      </c>
      <c r="F4833">
        <v>18.633299999999998</v>
      </c>
    </row>
    <row r="4834" spans="1:6" x14ac:dyDescent="0.25">
      <c r="A4834">
        <v>145.88999999999999</v>
      </c>
      <c r="B4834">
        <v>175</v>
      </c>
      <c r="C4834">
        <v>12618.2</v>
      </c>
      <c r="D4834">
        <v>1.6</v>
      </c>
      <c r="E4834">
        <v>15455.5</v>
      </c>
      <c r="F4834">
        <v>18.923300000000001</v>
      </c>
    </row>
    <row r="4835" spans="1:6" x14ac:dyDescent="0.25">
      <c r="A4835">
        <v>145.88999999999999</v>
      </c>
      <c r="B4835">
        <v>175</v>
      </c>
      <c r="C4835">
        <v>12618.2</v>
      </c>
      <c r="D4835">
        <v>1.9</v>
      </c>
      <c r="E4835">
        <v>15038</v>
      </c>
      <c r="F4835">
        <v>19.078600000000002</v>
      </c>
    </row>
    <row r="4836" spans="1:6" x14ac:dyDescent="0.25">
      <c r="A4836">
        <v>145.88999999999999</v>
      </c>
      <c r="B4836">
        <v>175</v>
      </c>
      <c r="C4836">
        <v>12618.2</v>
      </c>
      <c r="D4836">
        <v>2.2000000000000002</v>
      </c>
      <c r="E4836">
        <v>15054</v>
      </c>
      <c r="F4836">
        <v>19.270199999999999</v>
      </c>
    </row>
    <row r="4837" spans="1:6" x14ac:dyDescent="0.25">
      <c r="A4837">
        <v>145.88999999999999</v>
      </c>
      <c r="B4837">
        <v>175</v>
      </c>
      <c r="C4837">
        <v>12618.2</v>
      </c>
      <c r="D4837">
        <v>2.5</v>
      </c>
      <c r="E4837">
        <v>14835.7</v>
      </c>
      <c r="F4837">
        <v>19.400099999999998</v>
      </c>
    </row>
    <row r="4838" spans="1:6" x14ac:dyDescent="0.25">
      <c r="A4838">
        <v>145.88999999999999</v>
      </c>
      <c r="B4838">
        <v>175</v>
      </c>
      <c r="C4838">
        <v>12618.2</v>
      </c>
      <c r="D4838">
        <v>2.8</v>
      </c>
      <c r="E4838">
        <v>14284.4</v>
      </c>
      <c r="F4838">
        <v>19.549299999999999</v>
      </c>
    </row>
    <row r="4839" spans="1:6" x14ac:dyDescent="0.25">
      <c r="A4839">
        <v>145.88999999999999</v>
      </c>
      <c r="B4839">
        <v>175</v>
      </c>
      <c r="C4839">
        <v>12618.2</v>
      </c>
      <c r="D4839">
        <v>3.1</v>
      </c>
      <c r="E4839">
        <v>14104.5</v>
      </c>
      <c r="F4839">
        <v>19.552800000000001</v>
      </c>
    </row>
    <row r="4840" spans="1:6" x14ac:dyDescent="0.25">
      <c r="A4840">
        <v>145.88999999999999</v>
      </c>
      <c r="B4840">
        <v>175</v>
      </c>
      <c r="C4840">
        <v>12618.2</v>
      </c>
      <c r="D4840">
        <v>3.4</v>
      </c>
      <c r="E4840">
        <v>13968.4</v>
      </c>
      <c r="F4840">
        <v>19.564800000000002</v>
      </c>
    </row>
    <row r="4841" spans="1:6" x14ac:dyDescent="0.25">
      <c r="A4841">
        <v>145.88999999999999</v>
      </c>
      <c r="B4841">
        <v>175</v>
      </c>
      <c r="C4841">
        <v>12618.2</v>
      </c>
      <c r="D4841">
        <v>3.7</v>
      </c>
      <c r="E4841">
        <v>13895.6</v>
      </c>
      <c r="F4841">
        <v>19.581600000000002</v>
      </c>
    </row>
    <row r="4842" spans="1:6" x14ac:dyDescent="0.25">
      <c r="A4842">
        <v>145.88999999999999</v>
      </c>
      <c r="B4842">
        <v>175</v>
      </c>
      <c r="C4842">
        <v>12618.2</v>
      </c>
      <c r="D4842">
        <v>4</v>
      </c>
      <c r="E4842">
        <v>13936.9</v>
      </c>
      <c r="F4842">
        <v>19.6051</v>
      </c>
    </row>
    <row r="4843" spans="1:6" x14ac:dyDescent="0.25">
      <c r="A4843">
        <v>145.88999999999999</v>
      </c>
      <c r="B4843">
        <v>175</v>
      </c>
      <c r="C4843">
        <v>14163.6</v>
      </c>
      <c r="D4843">
        <v>1</v>
      </c>
      <c r="E4843">
        <v>17953.5</v>
      </c>
      <c r="F4843">
        <v>19.2102</v>
      </c>
    </row>
    <row r="4844" spans="1:6" x14ac:dyDescent="0.25">
      <c r="A4844">
        <v>145.88999999999999</v>
      </c>
      <c r="B4844">
        <v>175</v>
      </c>
      <c r="C4844">
        <v>14163.6</v>
      </c>
      <c r="D4844">
        <v>1.3</v>
      </c>
      <c r="E4844">
        <v>17376.7</v>
      </c>
      <c r="F4844">
        <v>18.633299999999998</v>
      </c>
    </row>
    <row r="4845" spans="1:6" x14ac:dyDescent="0.25">
      <c r="A4845">
        <v>145.88999999999999</v>
      </c>
      <c r="B4845">
        <v>175</v>
      </c>
      <c r="C4845">
        <v>14163.6</v>
      </c>
      <c r="D4845">
        <v>1.6</v>
      </c>
      <c r="E4845">
        <v>16950.900000000001</v>
      </c>
      <c r="F4845">
        <v>18.923300000000001</v>
      </c>
    </row>
    <row r="4846" spans="1:6" x14ac:dyDescent="0.25">
      <c r="A4846">
        <v>145.88999999999999</v>
      </c>
      <c r="B4846">
        <v>175</v>
      </c>
      <c r="C4846">
        <v>14163.6</v>
      </c>
      <c r="D4846">
        <v>1.9</v>
      </c>
      <c r="E4846">
        <v>16554</v>
      </c>
      <c r="F4846">
        <v>19.078600000000002</v>
      </c>
    </row>
    <row r="4847" spans="1:6" x14ac:dyDescent="0.25">
      <c r="A4847">
        <v>145.88999999999999</v>
      </c>
      <c r="B4847">
        <v>175</v>
      </c>
      <c r="C4847">
        <v>14163.6</v>
      </c>
      <c r="D4847">
        <v>2.2000000000000002</v>
      </c>
      <c r="E4847">
        <v>16414.3</v>
      </c>
      <c r="F4847">
        <v>19.270199999999999</v>
      </c>
    </row>
    <row r="4848" spans="1:6" x14ac:dyDescent="0.25">
      <c r="A4848">
        <v>145.88999999999999</v>
      </c>
      <c r="B4848">
        <v>175</v>
      </c>
      <c r="C4848">
        <v>14163.6</v>
      </c>
      <c r="D4848">
        <v>2.5</v>
      </c>
      <c r="E4848">
        <v>16257.6</v>
      </c>
      <c r="F4848">
        <v>19.400099999999998</v>
      </c>
    </row>
    <row r="4849" spans="1:6" x14ac:dyDescent="0.25">
      <c r="A4849">
        <v>145.88999999999999</v>
      </c>
      <c r="B4849">
        <v>175</v>
      </c>
      <c r="C4849">
        <v>14163.6</v>
      </c>
      <c r="D4849">
        <v>2.8</v>
      </c>
      <c r="E4849">
        <v>15773.6</v>
      </c>
      <c r="F4849">
        <v>19.549299999999999</v>
      </c>
    </row>
    <row r="4850" spans="1:6" x14ac:dyDescent="0.25">
      <c r="A4850">
        <v>145.88999999999999</v>
      </c>
      <c r="B4850">
        <v>175</v>
      </c>
      <c r="C4850">
        <v>14163.6</v>
      </c>
      <c r="D4850">
        <v>3.1</v>
      </c>
      <c r="E4850">
        <v>15865.7</v>
      </c>
      <c r="F4850">
        <v>19.552800000000001</v>
      </c>
    </row>
    <row r="4851" spans="1:6" x14ac:dyDescent="0.25">
      <c r="A4851">
        <v>145.88999999999999</v>
      </c>
      <c r="B4851">
        <v>175</v>
      </c>
      <c r="C4851">
        <v>14163.6</v>
      </c>
      <c r="D4851">
        <v>3.4</v>
      </c>
      <c r="E4851">
        <v>15698.4</v>
      </c>
      <c r="F4851">
        <v>19.564800000000002</v>
      </c>
    </row>
    <row r="4852" spans="1:6" x14ac:dyDescent="0.25">
      <c r="A4852">
        <v>145.88999999999999</v>
      </c>
      <c r="B4852">
        <v>175</v>
      </c>
      <c r="C4852">
        <v>14163.6</v>
      </c>
      <c r="D4852">
        <v>3.7</v>
      </c>
      <c r="E4852">
        <v>15569.4</v>
      </c>
      <c r="F4852">
        <v>19.581600000000002</v>
      </c>
    </row>
    <row r="4853" spans="1:6" x14ac:dyDescent="0.25">
      <c r="A4853">
        <v>145.88999999999999</v>
      </c>
      <c r="B4853">
        <v>175</v>
      </c>
      <c r="C4853">
        <v>14163.6</v>
      </c>
      <c r="D4853">
        <v>4</v>
      </c>
      <c r="E4853">
        <v>15466.2</v>
      </c>
      <c r="F4853">
        <v>19.6051</v>
      </c>
    </row>
    <row r="4854" spans="1:6" x14ac:dyDescent="0.25">
      <c r="A4854">
        <v>145.88999999999999</v>
      </c>
      <c r="B4854">
        <v>175</v>
      </c>
      <c r="C4854">
        <v>15709.1</v>
      </c>
      <c r="D4854">
        <v>1</v>
      </c>
      <c r="E4854">
        <v>19518.599999999999</v>
      </c>
      <c r="F4854">
        <v>19.2102</v>
      </c>
    </row>
    <row r="4855" spans="1:6" x14ac:dyDescent="0.25">
      <c r="A4855">
        <v>145.88999999999999</v>
      </c>
      <c r="B4855">
        <v>175</v>
      </c>
      <c r="C4855">
        <v>15709.1</v>
      </c>
      <c r="D4855">
        <v>1.3</v>
      </c>
      <c r="E4855">
        <v>19129.7</v>
      </c>
      <c r="F4855">
        <v>18.633299999999998</v>
      </c>
    </row>
    <row r="4856" spans="1:6" x14ac:dyDescent="0.25">
      <c r="A4856">
        <v>145.88999999999999</v>
      </c>
      <c r="B4856">
        <v>175</v>
      </c>
      <c r="C4856">
        <v>15709.1</v>
      </c>
      <c r="D4856">
        <v>1.6</v>
      </c>
      <c r="E4856">
        <v>18434.400000000001</v>
      </c>
      <c r="F4856">
        <v>18.923300000000001</v>
      </c>
    </row>
    <row r="4857" spans="1:6" x14ac:dyDescent="0.25">
      <c r="A4857">
        <v>145.88999999999999</v>
      </c>
      <c r="B4857">
        <v>175</v>
      </c>
      <c r="C4857">
        <v>15709.1</v>
      </c>
      <c r="D4857">
        <v>1.9</v>
      </c>
      <c r="E4857">
        <v>18295.900000000001</v>
      </c>
      <c r="F4857">
        <v>19.078600000000002</v>
      </c>
    </row>
    <row r="4858" spans="1:6" x14ac:dyDescent="0.25">
      <c r="A4858">
        <v>145.88999999999999</v>
      </c>
      <c r="B4858">
        <v>175</v>
      </c>
      <c r="C4858">
        <v>15709.1</v>
      </c>
      <c r="D4858">
        <v>2.2000000000000002</v>
      </c>
      <c r="E4858">
        <v>18074.599999999999</v>
      </c>
      <c r="F4858">
        <v>19.270199999999999</v>
      </c>
    </row>
    <row r="4859" spans="1:6" x14ac:dyDescent="0.25">
      <c r="A4859">
        <v>145.88999999999999</v>
      </c>
      <c r="B4859">
        <v>175</v>
      </c>
      <c r="C4859">
        <v>15709.1</v>
      </c>
      <c r="D4859">
        <v>2.5</v>
      </c>
      <c r="E4859">
        <v>17868</v>
      </c>
      <c r="F4859">
        <v>19.400099999999998</v>
      </c>
    </row>
    <row r="4860" spans="1:6" x14ac:dyDescent="0.25">
      <c r="A4860">
        <v>145.88999999999999</v>
      </c>
      <c r="B4860">
        <v>175</v>
      </c>
      <c r="C4860">
        <v>15709.1</v>
      </c>
      <c r="D4860">
        <v>2.8</v>
      </c>
      <c r="E4860">
        <v>17314</v>
      </c>
      <c r="F4860">
        <v>19.549299999999999</v>
      </c>
    </row>
    <row r="4861" spans="1:6" x14ac:dyDescent="0.25">
      <c r="A4861">
        <v>145.88999999999999</v>
      </c>
      <c r="B4861">
        <v>175</v>
      </c>
      <c r="C4861">
        <v>15709.1</v>
      </c>
      <c r="D4861">
        <v>3.1</v>
      </c>
      <c r="E4861">
        <v>17152.900000000001</v>
      </c>
      <c r="F4861">
        <v>19.552800000000001</v>
      </c>
    </row>
    <row r="4862" spans="1:6" x14ac:dyDescent="0.25">
      <c r="A4862">
        <v>145.88999999999999</v>
      </c>
      <c r="B4862">
        <v>175</v>
      </c>
      <c r="C4862">
        <v>15709.1</v>
      </c>
      <c r="D4862">
        <v>3.4</v>
      </c>
      <c r="E4862">
        <v>17296.400000000001</v>
      </c>
      <c r="F4862">
        <v>19.564800000000002</v>
      </c>
    </row>
    <row r="4863" spans="1:6" x14ac:dyDescent="0.25">
      <c r="A4863">
        <v>145.88999999999999</v>
      </c>
      <c r="B4863">
        <v>175</v>
      </c>
      <c r="C4863">
        <v>15709.1</v>
      </c>
      <c r="D4863">
        <v>3.7</v>
      </c>
      <c r="E4863">
        <v>17138</v>
      </c>
      <c r="F4863">
        <v>19.581600000000002</v>
      </c>
    </row>
    <row r="4864" spans="1:6" x14ac:dyDescent="0.25">
      <c r="A4864">
        <v>145.88999999999999</v>
      </c>
      <c r="B4864">
        <v>175</v>
      </c>
      <c r="C4864">
        <v>15709.1</v>
      </c>
      <c r="D4864">
        <v>4</v>
      </c>
      <c r="E4864">
        <v>16938.099999999999</v>
      </c>
      <c r="F4864">
        <v>19.6051</v>
      </c>
    </row>
    <row r="4865" spans="1:6" x14ac:dyDescent="0.25">
      <c r="A4865">
        <v>145.88999999999999</v>
      </c>
      <c r="B4865">
        <v>175</v>
      </c>
      <c r="C4865">
        <v>17254.5</v>
      </c>
      <c r="D4865">
        <v>1</v>
      </c>
      <c r="E4865">
        <v>20993.5</v>
      </c>
      <c r="F4865">
        <v>19.2102</v>
      </c>
    </row>
    <row r="4866" spans="1:6" x14ac:dyDescent="0.25">
      <c r="A4866">
        <v>145.88999999999999</v>
      </c>
      <c r="B4866">
        <v>175</v>
      </c>
      <c r="C4866">
        <v>17254.5</v>
      </c>
      <c r="D4866">
        <v>1.3</v>
      </c>
      <c r="E4866">
        <v>20615.7</v>
      </c>
      <c r="F4866">
        <v>18.633299999999998</v>
      </c>
    </row>
    <row r="4867" spans="1:6" x14ac:dyDescent="0.25">
      <c r="A4867">
        <v>145.88999999999999</v>
      </c>
      <c r="B4867">
        <v>175</v>
      </c>
      <c r="C4867">
        <v>17254.5</v>
      </c>
      <c r="D4867">
        <v>1.6</v>
      </c>
      <c r="E4867">
        <v>20068.7</v>
      </c>
      <c r="F4867">
        <v>18.923300000000001</v>
      </c>
    </row>
    <row r="4868" spans="1:6" x14ac:dyDescent="0.25">
      <c r="A4868">
        <v>145.88999999999999</v>
      </c>
      <c r="B4868">
        <v>175</v>
      </c>
      <c r="C4868">
        <v>17254.5</v>
      </c>
      <c r="D4868">
        <v>1.9</v>
      </c>
      <c r="E4868">
        <v>19641.2</v>
      </c>
      <c r="F4868">
        <v>19.078600000000002</v>
      </c>
    </row>
    <row r="4869" spans="1:6" x14ac:dyDescent="0.25">
      <c r="A4869">
        <v>145.88999999999999</v>
      </c>
      <c r="B4869">
        <v>175</v>
      </c>
      <c r="C4869">
        <v>17254.5</v>
      </c>
      <c r="D4869">
        <v>2.2000000000000002</v>
      </c>
      <c r="E4869">
        <v>19503.2</v>
      </c>
      <c r="F4869">
        <v>19.270199999999999</v>
      </c>
    </row>
    <row r="4870" spans="1:6" x14ac:dyDescent="0.25">
      <c r="A4870">
        <v>145.88999999999999</v>
      </c>
      <c r="B4870">
        <v>175</v>
      </c>
      <c r="C4870">
        <v>17254.5</v>
      </c>
      <c r="D4870">
        <v>2.5</v>
      </c>
      <c r="E4870">
        <v>19370.599999999999</v>
      </c>
      <c r="F4870">
        <v>19.400099999999998</v>
      </c>
    </row>
    <row r="4871" spans="1:6" x14ac:dyDescent="0.25">
      <c r="A4871">
        <v>145.88999999999999</v>
      </c>
      <c r="B4871">
        <v>175</v>
      </c>
      <c r="C4871">
        <v>17254.5</v>
      </c>
      <c r="D4871">
        <v>2.8</v>
      </c>
      <c r="E4871">
        <v>18812.7</v>
      </c>
      <c r="F4871">
        <v>19.549299999999999</v>
      </c>
    </row>
    <row r="4872" spans="1:6" x14ac:dyDescent="0.25">
      <c r="A4872">
        <v>145.88999999999999</v>
      </c>
      <c r="B4872">
        <v>175</v>
      </c>
      <c r="C4872">
        <v>17254.5</v>
      </c>
      <c r="D4872">
        <v>3.1</v>
      </c>
      <c r="E4872">
        <v>18877</v>
      </c>
      <c r="F4872">
        <v>19.552800000000001</v>
      </c>
    </row>
    <row r="4873" spans="1:6" x14ac:dyDescent="0.25">
      <c r="A4873">
        <v>145.88999999999999</v>
      </c>
      <c r="B4873">
        <v>175</v>
      </c>
      <c r="C4873">
        <v>17254.5</v>
      </c>
      <c r="D4873">
        <v>3.4</v>
      </c>
      <c r="E4873">
        <v>18733.3</v>
      </c>
      <c r="F4873">
        <v>19.564800000000002</v>
      </c>
    </row>
    <row r="4874" spans="1:6" x14ac:dyDescent="0.25">
      <c r="A4874">
        <v>145.88999999999999</v>
      </c>
      <c r="B4874">
        <v>175</v>
      </c>
      <c r="C4874">
        <v>17254.5</v>
      </c>
      <c r="D4874">
        <v>3.7</v>
      </c>
      <c r="E4874">
        <v>18613.5</v>
      </c>
      <c r="F4874">
        <v>19.581600000000002</v>
      </c>
    </row>
    <row r="4875" spans="1:6" x14ac:dyDescent="0.25">
      <c r="A4875">
        <v>145.88999999999999</v>
      </c>
      <c r="B4875">
        <v>175</v>
      </c>
      <c r="C4875">
        <v>17254.5</v>
      </c>
      <c r="D4875">
        <v>4</v>
      </c>
      <c r="E4875">
        <v>18513.900000000001</v>
      </c>
      <c r="F4875">
        <v>19.6051</v>
      </c>
    </row>
    <row r="4876" spans="1:6" x14ac:dyDescent="0.25">
      <c r="A4876">
        <v>145.88999999999999</v>
      </c>
      <c r="B4876">
        <v>175</v>
      </c>
      <c r="C4876">
        <v>18800</v>
      </c>
      <c r="D4876">
        <v>1</v>
      </c>
      <c r="E4876">
        <v>22687.3</v>
      </c>
      <c r="F4876">
        <v>19.2102</v>
      </c>
    </row>
    <row r="4877" spans="1:6" x14ac:dyDescent="0.25">
      <c r="A4877">
        <v>145.88999999999999</v>
      </c>
      <c r="B4877">
        <v>175</v>
      </c>
      <c r="C4877">
        <v>18800</v>
      </c>
      <c r="D4877">
        <v>1.3</v>
      </c>
      <c r="E4877">
        <v>21786.6</v>
      </c>
      <c r="F4877">
        <v>18.633299999999998</v>
      </c>
    </row>
    <row r="4878" spans="1:6" x14ac:dyDescent="0.25">
      <c r="A4878">
        <v>145.88999999999999</v>
      </c>
      <c r="B4878">
        <v>175</v>
      </c>
      <c r="C4878">
        <v>18800</v>
      </c>
      <c r="D4878">
        <v>1.6</v>
      </c>
      <c r="E4878">
        <v>21626.6</v>
      </c>
      <c r="F4878">
        <v>18.923300000000001</v>
      </c>
    </row>
    <row r="4879" spans="1:6" x14ac:dyDescent="0.25">
      <c r="A4879">
        <v>145.88999999999999</v>
      </c>
      <c r="B4879">
        <v>175</v>
      </c>
      <c r="C4879">
        <v>18800</v>
      </c>
      <c r="D4879">
        <v>1.9</v>
      </c>
      <c r="E4879">
        <v>21175.5</v>
      </c>
      <c r="F4879">
        <v>19.078600000000002</v>
      </c>
    </row>
    <row r="4880" spans="1:6" x14ac:dyDescent="0.25">
      <c r="A4880">
        <v>145.88999999999999</v>
      </c>
      <c r="B4880">
        <v>175</v>
      </c>
      <c r="C4880">
        <v>18800</v>
      </c>
      <c r="D4880">
        <v>2.2000000000000002</v>
      </c>
      <c r="E4880">
        <v>21146.6</v>
      </c>
      <c r="F4880">
        <v>19.270199999999999</v>
      </c>
    </row>
    <row r="4881" spans="1:6" x14ac:dyDescent="0.25">
      <c r="A4881">
        <v>145.88999999999999</v>
      </c>
      <c r="B4881">
        <v>175</v>
      </c>
      <c r="C4881">
        <v>18800</v>
      </c>
      <c r="D4881">
        <v>2.5</v>
      </c>
      <c r="E4881">
        <v>20810.7</v>
      </c>
      <c r="F4881">
        <v>19.400099999999998</v>
      </c>
    </row>
    <row r="4882" spans="1:6" x14ac:dyDescent="0.25">
      <c r="A4882">
        <v>145.88999999999999</v>
      </c>
      <c r="B4882">
        <v>175</v>
      </c>
      <c r="C4882">
        <v>18800</v>
      </c>
      <c r="D4882">
        <v>2.8</v>
      </c>
      <c r="E4882">
        <v>20660.2</v>
      </c>
      <c r="F4882">
        <v>19.549299999999999</v>
      </c>
    </row>
    <row r="4883" spans="1:6" x14ac:dyDescent="0.25">
      <c r="A4883">
        <v>145.88999999999999</v>
      </c>
      <c r="B4883">
        <v>175</v>
      </c>
      <c r="C4883">
        <v>18800</v>
      </c>
      <c r="D4883">
        <v>3.1</v>
      </c>
      <c r="E4883">
        <v>20367.2</v>
      </c>
      <c r="F4883">
        <v>19.552800000000001</v>
      </c>
    </row>
    <row r="4884" spans="1:6" x14ac:dyDescent="0.25">
      <c r="A4884">
        <v>145.88999999999999</v>
      </c>
      <c r="B4884">
        <v>175</v>
      </c>
      <c r="C4884">
        <v>18800</v>
      </c>
      <c r="D4884">
        <v>3.4</v>
      </c>
      <c r="E4884">
        <v>20298.5</v>
      </c>
      <c r="F4884">
        <v>19.564800000000002</v>
      </c>
    </row>
    <row r="4885" spans="1:6" x14ac:dyDescent="0.25">
      <c r="A4885">
        <v>145.88999999999999</v>
      </c>
      <c r="B4885">
        <v>175</v>
      </c>
      <c r="C4885">
        <v>18800</v>
      </c>
      <c r="D4885">
        <v>3.7</v>
      </c>
      <c r="E4885">
        <v>20096.400000000001</v>
      </c>
      <c r="F4885">
        <v>19.581600000000002</v>
      </c>
    </row>
    <row r="4886" spans="1:6" x14ac:dyDescent="0.25">
      <c r="A4886">
        <v>145.88999999999999</v>
      </c>
      <c r="B4886">
        <v>175</v>
      </c>
      <c r="C4886">
        <v>18800</v>
      </c>
      <c r="D4886">
        <v>4</v>
      </c>
      <c r="E4886">
        <v>20214.7</v>
      </c>
      <c r="F4886">
        <v>19.6051</v>
      </c>
    </row>
    <row r="4887" spans="1:6" x14ac:dyDescent="0.25">
      <c r="A4887">
        <v>145.88999999999999</v>
      </c>
      <c r="B4887">
        <v>178.63</v>
      </c>
      <c r="C4887">
        <v>1800</v>
      </c>
      <c r="D4887">
        <v>1</v>
      </c>
      <c r="E4887">
        <v>5635.49</v>
      </c>
      <c r="F4887">
        <v>49.875599999999999</v>
      </c>
    </row>
    <row r="4888" spans="1:6" x14ac:dyDescent="0.25">
      <c r="A4888">
        <v>145.88999999999999</v>
      </c>
      <c r="B4888">
        <v>178.63</v>
      </c>
      <c r="C4888">
        <v>1800</v>
      </c>
      <c r="D4888">
        <v>1.3</v>
      </c>
      <c r="E4888">
        <v>5047.76</v>
      </c>
      <c r="F4888">
        <v>64.049000000000007</v>
      </c>
    </row>
    <row r="4889" spans="1:6" x14ac:dyDescent="0.25">
      <c r="A4889">
        <v>145.88999999999999</v>
      </c>
      <c r="B4889">
        <v>178.63</v>
      </c>
      <c r="C4889">
        <v>1800</v>
      </c>
      <c r="D4889">
        <v>1.6</v>
      </c>
      <c r="E4889">
        <v>4754.47</v>
      </c>
      <c r="F4889">
        <v>74.5822</v>
      </c>
    </row>
    <row r="4890" spans="1:6" x14ac:dyDescent="0.25">
      <c r="A4890">
        <v>145.88999999999999</v>
      </c>
      <c r="B4890">
        <v>178.63</v>
      </c>
      <c r="C4890">
        <v>1800</v>
      </c>
      <c r="D4890">
        <v>1.9</v>
      </c>
      <c r="E4890">
        <v>4490.95</v>
      </c>
      <c r="F4890">
        <v>82.792100000000005</v>
      </c>
    </row>
    <row r="4891" spans="1:6" x14ac:dyDescent="0.25">
      <c r="A4891">
        <v>145.88999999999999</v>
      </c>
      <c r="B4891">
        <v>178.63</v>
      </c>
      <c r="C4891">
        <v>1800</v>
      </c>
      <c r="D4891">
        <v>2.2000000000000002</v>
      </c>
      <c r="E4891">
        <v>4318.8999999999996</v>
      </c>
      <c r="F4891">
        <v>85.010599999999997</v>
      </c>
    </row>
    <row r="4892" spans="1:6" x14ac:dyDescent="0.25">
      <c r="A4892">
        <v>145.88999999999999</v>
      </c>
      <c r="B4892">
        <v>178.63</v>
      </c>
      <c r="C4892">
        <v>1800</v>
      </c>
      <c r="D4892">
        <v>2.5</v>
      </c>
      <c r="E4892">
        <v>4211.3500000000004</v>
      </c>
      <c r="F4892">
        <v>90.238</v>
      </c>
    </row>
    <row r="4893" spans="1:6" x14ac:dyDescent="0.25">
      <c r="A4893">
        <v>145.88999999999999</v>
      </c>
      <c r="B4893">
        <v>178.63</v>
      </c>
      <c r="C4893">
        <v>1800</v>
      </c>
      <c r="D4893">
        <v>2.8</v>
      </c>
      <c r="E4893">
        <v>4149.25</v>
      </c>
      <c r="F4893">
        <v>93.523600000000002</v>
      </c>
    </row>
    <row r="4894" spans="1:6" x14ac:dyDescent="0.25">
      <c r="A4894">
        <v>145.88999999999999</v>
      </c>
      <c r="B4894">
        <v>178.63</v>
      </c>
      <c r="C4894">
        <v>1800</v>
      </c>
      <c r="D4894">
        <v>3.1</v>
      </c>
      <c r="E4894">
        <v>4018.5</v>
      </c>
      <c r="F4894">
        <v>95.930300000000003</v>
      </c>
    </row>
    <row r="4895" spans="1:6" x14ac:dyDescent="0.25">
      <c r="A4895">
        <v>145.88999999999999</v>
      </c>
      <c r="B4895">
        <v>178.63</v>
      </c>
      <c r="C4895">
        <v>1800</v>
      </c>
      <c r="D4895">
        <v>3.4</v>
      </c>
      <c r="E4895">
        <v>3965.87</v>
      </c>
      <c r="F4895">
        <v>96.369500000000002</v>
      </c>
    </row>
    <row r="4896" spans="1:6" x14ac:dyDescent="0.25">
      <c r="A4896">
        <v>145.88999999999999</v>
      </c>
      <c r="B4896">
        <v>178.63</v>
      </c>
      <c r="C4896">
        <v>1800</v>
      </c>
      <c r="D4896">
        <v>3.7</v>
      </c>
      <c r="E4896">
        <v>3942.35</v>
      </c>
      <c r="F4896">
        <v>99.158000000000001</v>
      </c>
    </row>
    <row r="4897" spans="1:6" x14ac:dyDescent="0.25">
      <c r="A4897">
        <v>145.88999999999999</v>
      </c>
      <c r="B4897">
        <v>178.63</v>
      </c>
      <c r="C4897">
        <v>1800</v>
      </c>
      <c r="D4897">
        <v>4</v>
      </c>
      <c r="E4897">
        <v>3824.03</v>
      </c>
      <c r="F4897">
        <v>98.248400000000004</v>
      </c>
    </row>
    <row r="4898" spans="1:6" x14ac:dyDescent="0.25">
      <c r="A4898">
        <v>145.88999999999999</v>
      </c>
      <c r="B4898">
        <v>178.63</v>
      </c>
      <c r="C4898">
        <v>3345.45</v>
      </c>
      <c r="D4898">
        <v>1</v>
      </c>
      <c r="E4898">
        <v>7087.77</v>
      </c>
      <c r="F4898">
        <v>21.169699999999999</v>
      </c>
    </row>
    <row r="4899" spans="1:6" x14ac:dyDescent="0.25">
      <c r="A4899">
        <v>145.88999999999999</v>
      </c>
      <c r="B4899">
        <v>178.63</v>
      </c>
      <c r="C4899">
        <v>3345.45</v>
      </c>
      <c r="D4899">
        <v>1.3</v>
      </c>
      <c r="E4899">
        <v>6385.28</v>
      </c>
      <c r="F4899">
        <v>24.4847</v>
      </c>
    </row>
    <row r="4900" spans="1:6" x14ac:dyDescent="0.25">
      <c r="A4900">
        <v>145.88999999999999</v>
      </c>
      <c r="B4900">
        <v>178.63</v>
      </c>
      <c r="C4900">
        <v>3345.45</v>
      </c>
      <c r="D4900">
        <v>1.6</v>
      </c>
      <c r="E4900">
        <v>5884.05</v>
      </c>
      <c r="F4900">
        <v>31.152100000000001</v>
      </c>
    </row>
    <row r="4901" spans="1:6" x14ac:dyDescent="0.25">
      <c r="A4901">
        <v>145.88999999999999</v>
      </c>
      <c r="B4901">
        <v>178.63</v>
      </c>
      <c r="C4901">
        <v>3345.45</v>
      </c>
      <c r="D4901">
        <v>1.9</v>
      </c>
      <c r="E4901">
        <v>5719.55</v>
      </c>
      <c r="F4901">
        <v>37.8613</v>
      </c>
    </row>
    <row r="4902" spans="1:6" x14ac:dyDescent="0.25">
      <c r="A4902">
        <v>145.88999999999999</v>
      </c>
      <c r="B4902">
        <v>178.63</v>
      </c>
      <c r="C4902">
        <v>3345.45</v>
      </c>
      <c r="D4902">
        <v>2.2000000000000002</v>
      </c>
      <c r="E4902">
        <v>5519.25</v>
      </c>
      <c r="F4902">
        <v>40.8904</v>
      </c>
    </row>
    <row r="4903" spans="1:6" x14ac:dyDescent="0.25">
      <c r="A4903">
        <v>145.88999999999999</v>
      </c>
      <c r="B4903">
        <v>178.63</v>
      </c>
      <c r="C4903">
        <v>3345.45</v>
      </c>
      <c r="D4903">
        <v>2.5</v>
      </c>
      <c r="E4903">
        <v>5387.89</v>
      </c>
      <c r="F4903">
        <v>44.830800000000004</v>
      </c>
    </row>
    <row r="4904" spans="1:6" x14ac:dyDescent="0.25">
      <c r="A4904">
        <v>145.88999999999999</v>
      </c>
      <c r="B4904">
        <v>178.63</v>
      </c>
      <c r="C4904">
        <v>3345.45</v>
      </c>
      <c r="D4904">
        <v>2.8</v>
      </c>
      <c r="E4904">
        <v>5271.5</v>
      </c>
      <c r="F4904">
        <v>51.7027</v>
      </c>
    </row>
    <row r="4905" spans="1:6" x14ac:dyDescent="0.25">
      <c r="A4905">
        <v>145.88999999999999</v>
      </c>
      <c r="B4905">
        <v>178.63</v>
      </c>
      <c r="C4905">
        <v>3345.45</v>
      </c>
      <c r="D4905">
        <v>3.1</v>
      </c>
      <c r="E4905">
        <v>5196.9399999999996</v>
      </c>
      <c r="F4905">
        <v>53.098399999999998</v>
      </c>
    </row>
    <row r="4906" spans="1:6" x14ac:dyDescent="0.25">
      <c r="A4906">
        <v>145.88999999999999</v>
      </c>
      <c r="B4906">
        <v>178.63</v>
      </c>
      <c r="C4906">
        <v>3345.45</v>
      </c>
      <c r="D4906">
        <v>3.4</v>
      </c>
      <c r="E4906">
        <v>5154.84</v>
      </c>
      <c r="F4906">
        <v>56.471699999999998</v>
      </c>
    </row>
    <row r="4907" spans="1:6" x14ac:dyDescent="0.25">
      <c r="A4907">
        <v>145.88999999999999</v>
      </c>
      <c r="B4907">
        <v>178.63</v>
      </c>
      <c r="C4907">
        <v>3345.45</v>
      </c>
      <c r="D4907">
        <v>3.7</v>
      </c>
      <c r="E4907">
        <v>5137.21</v>
      </c>
      <c r="F4907">
        <v>57.514899999999997</v>
      </c>
    </row>
    <row r="4908" spans="1:6" x14ac:dyDescent="0.25">
      <c r="A4908">
        <v>145.88999999999999</v>
      </c>
      <c r="B4908">
        <v>178.63</v>
      </c>
      <c r="C4908">
        <v>3345.45</v>
      </c>
      <c r="D4908">
        <v>4</v>
      </c>
      <c r="E4908">
        <v>5066.72</v>
      </c>
      <c r="F4908">
        <v>58.841900000000003</v>
      </c>
    </row>
    <row r="4909" spans="1:6" x14ac:dyDescent="0.25">
      <c r="A4909">
        <v>145.88999999999999</v>
      </c>
      <c r="B4909">
        <v>178.63</v>
      </c>
      <c r="C4909">
        <v>4890.8999999999996</v>
      </c>
      <c r="D4909">
        <v>1</v>
      </c>
      <c r="E4909">
        <v>9250.7800000000007</v>
      </c>
      <c r="F4909">
        <v>15.7843</v>
      </c>
    </row>
    <row r="4910" spans="1:6" x14ac:dyDescent="0.25">
      <c r="A4910">
        <v>145.88999999999999</v>
      </c>
      <c r="B4910">
        <v>178.63</v>
      </c>
      <c r="C4910">
        <v>4890.8999999999996</v>
      </c>
      <c r="D4910">
        <v>1.3</v>
      </c>
      <c r="E4910">
        <v>7751.36</v>
      </c>
      <c r="F4910">
        <v>16.549600000000002</v>
      </c>
    </row>
    <row r="4911" spans="1:6" x14ac:dyDescent="0.25">
      <c r="A4911">
        <v>145.88999999999999</v>
      </c>
      <c r="B4911">
        <v>178.63</v>
      </c>
      <c r="C4911">
        <v>4890.8999999999996</v>
      </c>
      <c r="D4911">
        <v>1.6</v>
      </c>
      <c r="E4911">
        <v>7230.14</v>
      </c>
      <c r="F4911">
        <v>16.377500000000001</v>
      </c>
    </row>
    <row r="4912" spans="1:6" x14ac:dyDescent="0.25">
      <c r="A4912">
        <v>145.88999999999999</v>
      </c>
      <c r="B4912">
        <v>178.63</v>
      </c>
      <c r="C4912">
        <v>4890.8999999999996</v>
      </c>
      <c r="D4912">
        <v>1.9</v>
      </c>
      <c r="E4912">
        <v>6993.68</v>
      </c>
      <c r="F4912">
        <v>16.289899999999999</v>
      </c>
    </row>
    <row r="4913" spans="1:6" x14ac:dyDescent="0.25">
      <c r="A4913">
        <v>145.88999999999999</v>
      </c>
      <c r="B4913">
        <v>178.63</v>
      </c>
      <c r="C4913">
        <v>4890.8999999999996</v>
      </c>
      <c r="D4913">
        <v>2.2000000000000002</v>
      </c>
      <c r="E4913">
        <v>7001.29</v>
      </c>
      <c r="F4913">
        <v>16.1449</v>
      </c>
    </row>
    <row r="4914" spans="1:6" x14ac:dyDescent="0.25">
      <c r="A4914">
        <v>145.88999999999999</v>
      </c>
      <c r="B4914">
        <v>178.63</v>
      </c>
      <c r="C4914">
        <v>4890.8999999999996</v>
      </c>
      <c r="D4914">
        <v>2.5</v>
      </c>
      <c r="E4914">
        <v>6742.92</v>
      </c>
      <c r="F4914">
        <v>16.0657</v>
      </c>
    </row>
    <row r="4915" spans="1:6" x14ac:dyDescent="0.25">
      <c r="A4915">
        <v>145.88999999999999</v>
      </c>
      <c r="B4915">
        <v>178.63</v>
      </c>
      <c r="C4915">
        <v>4890.8999999999996</v>
      </c>
      <c r="D4915">
        <v>2.8</v>
      </c>
      <c r="E4915">
        <v>6484.97</v>
      </c>
      <c r="F4915">
        <v>17.335799999999999</v>
      </c>
    </row>
    <row r="4916" spans="1:6" x14ac:dyDescent="0.25">
      <c r="A4916">
        <v>145.88999999999999</v>
      </c>
      <c r="B4916">
        <v>178.63</v>
      </c>
      <c r="C4916">
        <v>4890.8999999999996</v>
      </c>
      <c r="D4916">
        <v>3.1</v>
      </c>
      <c r="E4916">
        <v>6663.37</v>
      </c>
      <c r="F4916">
        <v>17.098400000000002</v>
      </c>
    </row>
    <row r="4917" spans="1:6" x14ac:dyDescent="0.25">
      <c r="A4917">
        <v>145.88999999999999</v>
      </c>
      <c r="B4917">
        <v>178.63</v>
      </c>
      <c r="C4917">
        <v>4890.8999999999996</v>
      </c>
      <c r="D4917">
        <v>3.4</v>
      </c>
      <c r="E4917">
        <v>6453.79</v>
      </c>
      <c r="F4917">
        <v>17.5886</v>
      </c>
    </row>
    <row r="4918" spans="1:6" x14ac:dyDescent="0.25">
      <c r="A4918">
        <v>145.88999999999999</v>
      </c>
      <c r="B4918">
        <v>178.63</v>
      </c>
      <c r="C4918">
        <v>4890.8999999999996</v>
      </c>
      <c r="D4918">
        <v>3.7</v>
      </c>
      <c r="E4918">
        <v>6434.45</v>
      </c>
      <c r="F4918">
        <v>19.082799999999999</v>
      </c>
    </row>
    <row r="4919" spans="1:6" x14ac:dyDescent="0.25">
      <c r="A4919">
        <v>145.88999999999999</v>
      </c>
      <c r="B4919">
        <v>178.63</v>
      </c>
      <c r="C4919">
        <v>4890.8999999999996</v>
      </c>
      <c r="D4919">
        <v>4</v>
      </c>
      <c r="E4919">
        <v>6363.61</v>
      </c>
      <c r="F4919">
        <v>18.860199999999999</v>
      </c>
    </row>
    <row r="4920" spans="1:6" x14ac:dyDescent="0.25">
      <c r="A4920">
        <v>145.88999999999999</v>
      </c>
      <c r="B4920">
        <v>178.63</v>
      </c>
      <c r="C4920">
        <v>6436.35</v>
      </c>
      <c r="D4920">
        <v>1</v>
      </c>
      <c r="E4920">
        <v>10124.4</v>
      </c>
      <c r="F4920">
        <v>19.2102</v>
      </c>
    </row>
    <row r="4921" spans="1:6" x14ac:dyDescent="0.25">
      <c r="A4921">
        <v>145.88999999999999</v>
      </c>
      <c r="B4921">
        <v>178.63</v>
      </c>
      <c r="C4921">
        <v>6436.35</v>
      </c>
      <c r="D4921">
        <v>1.3</v>
      </c>
      <c r="E4921">
        <v>9563.51</v>
      </c>
      <c r="F4921">
        <v>18.633299999999998</v>
      </c>
    </row>
    <row r="4922" spans="1:6" x14ac:dyDescent="0.25">
      <c r="A4922">
        <v>145.88999999999999</v>
      </c>
      <c r="B4922">
        <v>178.63</v>
      </c>
      <c r="C4922">
        <v>6436.35</v>
      </c>
      <c r="D4922">
        <v>1.6</v>
      </c>
      <c r="E4922">
        <v>9162.31</v>
      </c>
      <c r="F4922">
        <v>18.923300000000001</v>
      </c>
    </row>
    <row r="4923" spans="1:6" x14ac:dyDescent="0.25">
      <c r="A4923">
        <v>145.88999999999999</v>
      </c>
      <c r="B4923">
        <v>178.63</v>
      </c>
      <c r="C4923">
        <v>6436.35</v>
      </c>
      <c r="D4923">
        <v>1.9</v>
      </c>
      <c r="E4923">
        <v>8839.6299999999992</v>
      </c>
      <c r="F4923">
        <v>19.078600000000002</v>
      </c>
    </row>
    <row r="4924" spans="1:6" x14ac:dyDescent="0.25">
      <c r="A4924">
        <v>145.88999999999999</v>
      </c>
      <c r="B4924">
        <v>178.63</v>
      </c>
      <c r="C4924">
        <v>6436.35</v>
      </c>
      <c r="D4924">
        <v>2.2000000000000002</v>
      </c>
      <c r="E4924">
        <v>8491.0300000000007</v>
      </c>
      <c r="F4924">
        <v>19.270199999999999</v>
      </c>
    </row>
    <row r="4925" spans="1:6" x14ac:dyDescent="0.25">
      <c r="A4925">
        <v>145.88999999999999</v>
      </c>
      <c r="B4925">
        <v>178.63</v>
      </c>
      <c r="C4925">
        <v>6436.35</v>
      </c>
      <c r="D4925">
        <v>2.5</v>
      </c>
      <c r="E4925">
        <v>8250.7800000000007</v>
      </c>
      <c r="F4925">
        <v>19.400099999999998</v>
      </c>
    </row>
    <row r="4926" spans="1:6" x14ac:dyDescent="0.25">
      <c r="A4926">
        <v>145.88999999999999</v>
      </c>
      <c r="B4926">
        <v>178.63</v>
      </c>
      <c r="C4926">
        <v>6436.35</v>
      </c>
      <c r="D4926">
        <v>2.8</v>
      </c>
      <c r="E4926">
        <v>7927.35</v>
      </c>
      <c r="F4926">
        <v>19.549299999999999</v>
      </c>
    </row>
    <row r="4927" spans="1:6" x14ac:dyDescent="0.25">
      <c r="A4927">
        <v>145.88999999999999</v>
      </c>
      <c r="B4927">
        <v>178.63</v>
      </c>
      <c r="C4927">
        <v>6436.35</v>
      </c>
      <c r="D4927">
        <v>3.1</v>
      </c>
      <c r="E4927">
        <v>7779.39</v>
      </c>
      <c r="F4927">
        <v>19.552800000000001</v>
      </c>
    </row>
    <row r="4928" spans="1:6" x14ac:dyDescent="0.25">
      <c r="A4928">
        <v>145.88999999999999</v>
      </c>
      <c r="B4928">
        <v>178.63</v>
      </c>
      <c r="C4928">
        <v>6436.35</v>
      </c>
      <c r="D4928">
        <v>3.4</v>
      </c>
      <c r="E4928">
        <v>7691.95</v>
      </c>
      <c r="F4928">
        <v>19.564800000000002</v>
      </c>
    </row>
    <row r="4929" spans="1:6" x14ac:dyDescent="0.25">
      <c r="A4929">
        <v>145.88999999999999</v>
      </c>
      <c r="B4929">
        <v>178.63</v>
      </c>
      <c r="C4929">
        <v>6436.35</v>
      </c>
      <c r="D4929">
        <v>3.7</v>
      </c>
      <c r="E4929">
        <v>7751.34</v>
      </c>
      <c r="F4929">
        <v>19.581600000000002</v>
      </c>
    </row>
    <row r="4930" spans="1:6" x14ac:dyDescent="0.25">
      <c r="A4930">
        <v>145.88999999999999</v>
      </c>
      <c r="B4930">
        <v>178.63</v>
      </c>
      <c r="C4930">
        <v>6436.35</v>
      </c>
      <c r="D4930">
        <v>4</v>
      </c>
      <c r="E4930">
        <v>7652.79</v>
      </c>
      <c r="F4930">
        <v>19.6051</v>
      </c>
    </row>
    <row r="4931" spans="1:6" x14ac:dyDescent="0.25">
      <c r="A4931">
        <v>145.88999999999999</v>
      </c>
      <c r="B4931">
        <v>178.63</v>
      </c>
      <c r="C4931">
        <v>7981.8</v>
      </c>
      <c r="D4931">
        <v>1</v>
      </c>
      <c r="E4931">
        <v>11893.1</v>
      </c>
      <c r="F4931">
        <v>19.2102</v>
      </c>
    </row>
    <row r="4932" spans="1:6" x14ac:dyDescent="0.25">
      <c r="A4932">
        <v>145.88999999999999</v>
      </c>
      <c r="B4932">
        <v>178.63</v>
      </c>
      <c r="C4932">
        <v>7981.8</v>
      </c>
      <c r="D4932">
        <v>1.3</v>
      </c>
      <c r="E4932">
        <v>11468.1</v>
      </c>
      <c r="F4932">
        <v>18.633299999999998</v>
      </c>
    </row>
    <row r="4933" spans="1:6" x14ac:dyDescent="0.25">
      <c r="A4933">
        <v>145.88999999999999</v>
      </c>
      <c r="B4933">
        <v>178.63</v>
      </c>
      <c r="C4933">
        <v>7981.8</v>
      </c>
      <c r="D4933">
        <v>1.6</v>
      </c>
      <c r="E4933">
        <v>10741.9</v>
      </c>
      <c r="F4933">
        <v>18.923300000000001</v>
      </c>
    </row>
    <row r="4934" spans="1:6" x14ac:dyDescent="0.25">
      <c r="A4934">
        <v>145.88999999999999</v>
      </c>
      <c r="B4934">
        <v>178.63</v>
      </c>
      <c r="C4934">
        <v>7981.8</v>
      </c>
      <c r="D4934">
        <v>1.9</v>
      </c>
      <c r="E4934">
        <v>10133.700000000001</v>
      </c>
      <c r="F4934">
        <v>19.078600000000002</v>
      </c>
    </row>
    <row r="4935" spans="1:6" x14ac:dyDescent="0.25">
      <c r="A4935">
        <v>145.88999999999999</v>
      </c>
      <c r="B4935">
        <v>178.63</v>
      </c>
      <c r="C4935">
        <v>7981.8</v>
      </c>
      <c r="D4935">
        <v>2.2000000000000002</v>
      </c>
      <c r="E4935">
        <v>10041.6</v>
      </c>
      <c r="F4935">
        <v>19.270199999999999</v>
      </c>
    </row>
    <row r="4936" spans="1:6" x14ac:dyDescent="0.25">
      <c r="A4936">
        <v>145.88999999999999</v>
      </c>
      <c r="B4936">
        <v>178.63</v>
      </c>
      <c r="C4936">
        <v>7981.8</v>
      </c>
      <c r="D4936">
        <v>2.5</v>
      </c>
      <c r="E4936">
        <v>9747.2000000000007</v>
      </c>
      <c r="F4936">
        <v>19.400099999999998</v>
      </c>
    </row>
    <row r="4937" spans="1:6" x14ac:dyDescent="0.25">
      <c r="A4937">
        <v>145.88999999999999</v>
      </c>
      <c r="B4937">
        <v>178.63</v>
      </c>
      <c r="C4937">
        <v>7981.8</v>
      </c>
      <c r="D4937">
        <v>2.8</v>
      </c>
      <c r="E4937">
        <v>9582.33</v>
      </c>
      <c r="F4937">
        <v>19.549299999999999</v>
      </c>
    </row>
    <row r="4938" spans="1:6" x14ac:dyDescent="0.25">
      <c r="A4938">
        <v>145.88999999999999</v>
      </c>
      <c r="B4938">
        <v>178.63</v>
      </c>
      <c r="C4938">
        <v>7981.8</v>
      </c>
      <c r="D4938">
        <v>3.1</v>
      </c>
      <c r="E4938">
        <v>9427.5400000000009</v>
      </c>
      <c r="F4938">
        <v>19.552800000000001</v>
      </c>
    </row>
    <row r="4939" spans="1:6" x14ac:dyDescent="0.25">
      <c r="A4939">
        <v>145.88999999999999</v>
      </c>
      <c r="B4939">
        <v>178.63</v>
      </c>
      <c r="C4939">
        <v>7981.8</v>
      </c>
      <c r="D4939">
        <v>3.4</v>
      </c>
      <c r="E4939">
        <v>9425.27</v>
      </c>
      <c r="F4939">
        <v>19.564800000000002</v>
      </c>
    </row>
    <row r="4940" spans="1:6" x14ac:dyDescent="0.25">
      <c r="A4940">
        <v>145.88999999999999</v>
      </c>
      <c r="B4940">
        <v>178.63</v>
      </c>
      <c r="C4940">
        <v>7981.8</v>
      </c>
      <c r="D4940">
        <v>3.7</v>
      </c>
      <c r="E4940">
        <v>9305.5499999999993</v>
      </c>
      <c r="F4940">
        <v>19.581600000000002</v>
      </c>
    </row>
    <row r="4941" spans="1:6" x14ac:dyDescent="0.25">
      <c r="A4941">
        <v>145.88999999999999</v>
      </c>
      <c r="B4941">
        <v>178.63</v>
      </c>
      <c r="C4941">
        <v>7981.8</v>
      </c>
      <c r="D4941">
        <v>4</v>
      </c>
      <c r="E4941">
        <v>9205.39</v>
      </c>
      <c r="F4941">
        <v>19.6051</v>
      </c>
    </row>
    <row r="4942" spans="1:6" x14ac:dyDescent="0.25">
      <c r="A4942">
        <v>145.88999999999999</v>
      </c>
      <c r="B4942">
        <v>178.63</v>
      </c>
      <c r="C4942">
        <v>9527.25</v>
      </c>
      <c r="D4942">
        <v>1</v>
      </c>
      <c r="E4942">
        <v>13173.5</v>
      </c>
      <c r="F4942">
        <v>19.2102</v>
      </c>
    </row>
    <row r="4943" spans="1:6" x14ac:dyDescent="0.25">
      <c r="A4943">
        <v>145.88999999999999</v>
      </c>
      <c r="B4943">
        <v>178.63</v>
      </c>
      <c r="C4943">
        <v>9527.25</v>
      </c>
      <c r="D4943">
        <v>1.3</v>
      </c>
      <c r="E4943">
        <v>12967</v>
      </c>
      <c r="F4943">
        <v>18.633299999999998</v>
      </c>
    </row>
    <row r="4944" spans="1:6" x14ac:dyDescent="0.25">
      <c r="A4944">
        <v>145.88999999999999</v>
      </c>
      <c r="B4944">
        <v>178.63</v>
      </c>
      <c r="C4944">
        <v>9527.25</v>
      </c>
      <c r="D4944">
        <v>1.6</v>
      </c>
      <c r="E4944">
        <v>12329.4</v>
      </c>
      <c r="F4944">
        <v>18.923300000000001</v>
      </c>
    </row>
    <row r="4945" spans="1:6" x14ac:dyDescent="0.25">
      <c r="A4945">
        <v>145.88999999999999</v>
      </c>
      <c r="B4945">
        <v>178.63</v>
      </c>
      <c r="C4945">
        <v>9527.25</v>
      </c>
      <c r="D4945">
        <v>1.9</v>
      </c>
      <c r="E4945">
        <v>11722.1</v>
      </c>
      <c r="F4945">
        <v>19.078600000000002</v>
      </c>
    </row>
    <row r="4946" spans="1:6" x14ac:dyDescent="0.25">
      <c r="A4946">
        <v>145.88999999999999</v>
      </c>
      <c r="B4946">
        <v>178.63</v>
      </c>
      <c r="C4946">
        <v>9527.25</v>
      </c>
      <c r="D4946">
        <v>2.2000000000000002</v>
      </c>
      <c r="E4946">
        <v>11657.6</v>
      </c>
      <c r="F4946">
        <v>19.270199999999999</v>
      </c>
    </row>
    <row r="4947" spans="1:6" x14ac:dyDescent="0.25">
      <c r="A4947">
        <v>145.88999999999999</v>
      </c>
      <c r="B4947">
        <v>178.63</v>
      </c>
      <c r="C4947">
        <v>9527.25</v>
      </c>
      <c r="D4947">
        <v>2.5</v>
      </c>
      <c r="E4947">
        <v>11279.2</v>
      </c>
      <c r="F4947">
        <v>19.400099999999998</v>
      </c>
    </row>
    <row r="4948" spans="1:6" x14ac:dyDescent="0.25">
      <c r="A4948">
        <v>145.88999999999999</v>
      </c>
      <c r="B4948">
        <v>178.63</v>
      </c>
      <c r="C4948">
        <v>9527.25</v>
      </c>
      <c r="D4948">
        <v>2.8</v>
      </c>
      <c r="E4948">
        <v>11076.7</v>
      </c>
      <c r="F4948">
        <v>19.549299999999999</v>
      </c>
    </row>
    <row r="4949" spans="1:6" x14ac:dyDescent="0.25">
      <c r="A4949">
        <v>145.88999999999999</v>
      </c>
      <c r="B4949">
        <v>178.63</v>
      </c>
      <c r="C4949">
        <v>9527.25</v>
      </c>
      <c r="D4949">
        <v>3.1</v>
      </c>
      <c r="E4949">
        <v>11023.6</v>
      </c>
      <c r="F4949">
        <v>19.552800000000001</v>
      </c>
    </row>
    <row r="4950" spans="1:6" x14ac:dyDescent="0.25">
      <c r="A4950">
        <v>145.88999999999999</v>
      </c>
      <c r="B4950">
        <v>178.63</v>
      </c>
      <c r="C4950">
        <v>9527.25</v>
      </c>
      <c r="D4950">
        <v>3.4</v>
      </c>
      <c r="E4950">
        <v>10905.4</v>
      </c>
      <c r="F4950">
        <v>19.564800000000002</v>
      </c>
    </row>
    <row r="4951" spans="1:6" x14ac:dyDescent="0.25">
      <c r="A4951">
        <v>145.88999999999999</v>
      </c>
      <c r="B4951">
        <v>178.63</v>
      </c>
      <c r="C4951">
        <v>9527.25</v>
      </c>
      <c r="D4951">
        <v>3.7</v>
      </c>
      <c r="E4951">
        <v>10822.5</v>
      </c>
      <c r="F4951">
        <v>19.581600000000002</v>
      </c>
    </row>
    <row r="4952" spans="1:6" x14ac:dyDescent="0.25">
      <c r="A4952">
        <v>145.88999999999999</v>
      </c>
      <c r="B4952">
        <v>178.63</v>
      </c>
      <c r="C4952">
        <v>9527.25</v>
      </c>
      <c r="D4952">
        <v>4</v>
      </c>
      <c r="E4952">
        <v>10739.6</v>
      </c>
      <c r="F4952">
        <v>19.6051</v>
      </c>
    </row>
    <row r="4953" spans="1:6" x14ac:dyDescent="0.25">
      <c r="A4953">
        <v>145.88999999999999</v>
      </c>
      <c r="B4953">
        <v>178.63</v>
      </c>
      <c r="C4953">
        <v>11072.7</v>
      </c>
      <c r="D4953">
        <v>1</v>
      </c>
      <c r="E4953">
        <v>14788</v>
      </c>
      <c r="F4953">
        <v>19.2102</v>
      </c>
    </row>
    <row r="4954" spans="1:6" x14ac:dyDescent="0.25">
      <c r="A4954">
        <v>145.88999999999999</v>
      </c>
      <c r="B4954">
        <v>178.63</v>
      </c>
      <c r="C4954">
        <v>11072.7</v>
      </c>
      <c r="D4954">
        <v>1.3</v>
      </c>
      <c r="E4954">
        <v>14245</v>
      </c>
      <c r="F4954">
        <v>18.633299999999998</v>
      </c>
    </row>
    <row r="4955" spans="1:6" x14ac:dyDescent="0.25">
      <c r="A4955">
        <v>145.88999999999999</v>
      </c>
      <c r="B4955">
        <v>178.63</v>
      </c>
      <c r="C4955">
        <v>11072.7</v>
      </c>
      <c r="D4955">
        <v>1.6</v>
      </c>
      <c r="E4955">
        <v>13642.1</v>
      </c>
      <c r="F4955">
        <v>18.923300000000001</v>
      </c>
    </row>
    <row r="4956" spans="1:6" x14ac:dyDescent="0.25">
      <c r="A4956">
        <v>145.88999999999999</v>
      </c>
      <c r="B4956">
        <v>178.63</v>
      </c>
      <c r="C4956">
        <v>11072.7</v>
      </c>
      <c r="D4956">
        <v>1.9</v>
      </c>
      <c r="E4956">
        <v>13234.1</v>
      </c>
      <c r="F4956">
        <v>19.078600000000002</v>
      </c>
    </row>
    <row r="4957" spans="1:6" x14ac:dyDescent="0.25">
      <c r="A4957">
        <v>145.88999999999999</v>
      </c>
      <c r="B4957">
        <v>178.63</v>
      </c>
      <c r="C4957">
        <v>11072.7</v>
      </c>
      <c r="D4957">
        <v>2.2000000000000002</v>
      </c>
      <c r="E4957">
        <v>13058</v>
      </c>
      <c r="F4957">
        <v>19.270199999999999</v>
      </c>
    </row>
    <row r="4958" spans="1:6" x14ac:dyDescent="0.25">
      <c r="A4958">
        <v>145.88999999999999</v>
      </c>
      <c r="B4958">
        <v>178.63</v>
      </c>
      <c r="C4958">
        <v>11072.7</v>
      </c>
      <c r="D4958">
        <v>2.5</v>
      </c>
      <c r="E4958">
        <v>12901.7</v>
      </c>
      <c r="F4958">
        <v>19.400099999999998</v>
      </c>
    </row>
    <row r="4959" spans="1:6" x14ac:dyDescent="0.25">
      <c r="A4959">
        <v>145.88999999999999</v>
      </c>
      <c r="B4959">
        <v>178.63</v>
      </c>
      <c r="C4959">
        <v>11072.7</v>
      </c>
      <c r="D4959">
        <v>2.8</v>
      </c>
      <c r="E4959">
        <v>12670.3</v>
      </c>
      <c r="F4959">
        <v>19.549299999999999</v>
      </c>
    </row>
    <row r="4960" spans="1:6" x14ac:dyDescent="0.25">
      <c r="A4960">
        <v>145.88999999999999</v>
      </c>
      <c r="B4960">
        <v>178.63</v>
      </c>
      <c r="C4960">
        <v>11072.7</v>
      </c>
      <c r="D4960">
        <v>3.1</v>
      </c>
      <c r="E4960">
        <v>12487.5</v>
      </c>
      <c r="F4960">
        <v>19.552800000000001</v>
      </c>
    </row>
    <row r="4961" spans="1:6" x14ac:dyDescent="0.25">
      <c r="A4961">
        <v>145.88999999999999</v>
      </c>
      <c r="B4961">
        <v>178.63</v>
      </c>
      <c r="C4961">
        <v>11072.7</v>
      </c>
      <c r="D4961">
        <v>3.4</v>
      </c>
      <c r="E4961">
        <v>12343.2</v>
      </c>
      <c r="F4961">
        <v>19.564800000000002</v>
      </c>
    </row>
    <row r="4962" spans="1:6" x14ac:dyDescent="0.25">
      <c r="A4962">
        <v>145.88999999999999</v>
      </c>
      <c r="B4962">
        <v>178.63</v>
      </c>
      <c r="C4962">
        <v>11072.7</v>
      </c>
      <c r="D4962">
        <v>3.7</v>
      </c>
      <c r="E4962">
        <v>12436.1</v>
      </c>
      <c r="F4962">
        <v>19.581600000000002</v>
      </c>
    </row>
    <row r="4963" spans="1:6" x14ac:dyDescent="0.25">
      <c r="A4963">
        <v>145.88999999999999</v>
      </c>
      <c r="B4963">
        <v>178.63</v>
      </c>
      <c r="C4963">
        <v>11072.7</v>
      </c>
      <c r="D4963">
        <v>4</v>
      </c>
      <c r="E4963">
        <v>12242.3</v>
      </c>
      <c r="F4963">
        <v>19.6051</v>
      </c>
    </row>
    <row r="4964" spans="1:6" x14ac:dyDescent="0.25">
      <c r="A4964">
        <v>145.88999999999999</v>
      </c>
      <c r="B4964">
        <v>178.63</v>
      </c>
      <c r="C4964">
        <v>12618.2</v>
      </c>
      <c r="D4964">
        <v>1</v>
      </c>
      <c r="E4964">
        <v>16229.2</v>
      </c>
      <c r="F4964">
        <v>19.2102</v>
      </c>
    </row>
    <row r="4965" spans="1:6" x14ac:dyDescent="0.25">
      <c r="A4965">
        <v>145.88999999999999</v>
      </c>
      <c r="B4965">
        <v>178.63</v>
      </c>
      <c r="C4965">
        <v>12618.2</v>
      </c>
      <c r="D4965">
        <v>1.3</v>
      </c>
      <c r="E4965">
        <v>15800.1</v>
      </c>
      <c r="F4965">
        <v>18.633299999999998</v>
      </c>
    </row>
    <row r="4966" spans="1:6" x14ac:dyDescent="0.25">
      <c r="A4966">
        <v>145.88999999999999</v>
      </c>
      <c r="B4966">
        <v>178.63</v>
      </c>
      <c r="C4966">
        <v>12618.2</v>
      </c>
      <c r="D4966">
        <v>1.6</v>
      </c>
      <c r="E4966">
        <v>15455.5</v>
      </c>
      <c r="F4966">
        <v>18.923300000000001</v>
      </c>
    </row>
    <row r="4967" spans="1:6" x14ac:dyDescent="0.25">
      <c r="A4967">
        <v>145.88999999999999</v>
      </c>
      <c r="B4967">
        <v>178.63</v>
      </c>
      <c r="C4967">
        <v>12618.2</v>
      </c>
      <c r="D4967">
        <v>1.9</v>
      </c>
      <c r="E4967">
        <v>15038</v>
      </c>
      <c r="F4967">
        <v>19.078600000000002</v>
      </c>
    </row>
    <row r="4968" spans="1:6" x14ac:dyDescent="0.25">
      <c r="A4968">
        <v>145.88999999999999</v>
      </c>
      <c r="B4968">
        <v>178.63</v>
      </c>
      <c r="C4968">
        <v>12618.2</v>
      </c>
      <c r="D4968">
        <v>2.2000000000000002</v>
      </c>
      <c r="E4968">
        <v>14656.1</v>
      </c>
      <c r="F4968">
        <v>19.270199999999999</v>
      </c>
    </row>
    <row r="4969" spans="1:6" x14ac:dyDescent="0.25">
      <c r="A4969">
        <v>145.88999999999999</v>
      </c>
      <c r="B4969">
        <v>178.63</v>
      </c>
      <c r="C4969">
        <v>12618.2</v>
      </c>
      <c r="D4969">
        <v>2.5</v>
      </c>
      <c r="E4969">
        <v>14450.6</v>
      </c>
      <c r="F4969">
        <v>19.400099999999998</v>
      </c>
    </row>
    <row r="4970" spans="1:6" x14ac:dyDescent="0.25">
      <c r="A4970">
        <v>145.88999999999999</v>
      </c>
      <c r="B4970">
        <v>178.63</v>
      </c>
      <c r="C4970">
        <v>12618.2</v>
      </c>
      <c r="D4970">
        <v>2.8</v>
      </c>
      <c r="E4970">
        <v>14294.7</v>
      </c>
      <c r="F4970">
        <v>19.549299999999999</v>
      </c>
    </row>
    <row r="4971" spans="1:6" x14ac:dyDescent="0.25">
      <c r="A4971">
        <v>145.88999999999999</v>
      </c>
      <c r="B4971">
        <v>178.63</v>
      </c>
      <c r="C4971">
        <v>12618.2</v>
      </c>
      <c r="D4971">
        <v>3.1</v>
      </c>
      <c r="E4971">
        <v>14113.9</v>
      </c>
      <c r="F4971">
        <v>19.552800000000001</v>
      </c>
    </row>
    <row r="4972" spans="1:6" x14ac:dyDescent="0.25">
      <c r="A4972">
        <v>145.88999999999999</v>
      </c>
      <c r="B4972">
        <v>178.63</v>
      </c>
      <c r="C4972">
        <v>12618.2</v>
      </c>
      <c r="D4972">
        <v>3.4</v>
      </c>
      <c r="E4972">
        <v>13977.1</v>
      </c>
      <c r="F4972">
        <v>19.564800000000002</v>
      </c>
    </row>
    <row r="4973" spans="1:6" x14ac:dyDescent="0.25">
      <c r="A4973">
        <v>145.88999999999999</v>
      </c>
      <c r="B4973">
        <v>178.63</v>
      </c>
      <c r="C4973">
        <v>12618.2</v>
      </c>
      <c r="D4973">
        <v>3.7</v>
      </c>
      <c r="E4973">
        <v>13868</v>
      </c>
      <c r="F4973">
        <v>19.581600000000002</v>
      </c>
    </row>
    <row r="4974" spans="1:6" x14ac:dyDescent="0.25">
      <c r="A4974">
        <v>145.88999999999999</v>
      </c>
      <c r="B4974">
        <v>178.63</v>
      </c>
      <c r="C4974">
        <v>12618.2</v>
      </c>
      <c r="D4974">
        <v>4</v>
      </c>
      <c r="E4974">
        <v>13787.1</v>
      </c>
      <c r="F4974">
        <v>19.6051</v>
      </c>
    </row>
    <row r="4975" spans="1:6" x14ac:dyDescent="0.25">
      <c r="A4975">
        <v>145.88999999999999</v>
      </c>
      <c r="B4975">
        <v>178.63</v>
      </c>
      <c r="C4975">
        <v>14163.6</v>
      </c>
      <c r="D4975">
        <v>1</v>
      </c>
      <c r="E4975">
        <v>17896.099999999999</v>
      </c>
      <c r="F4975">
        <v>19.2102</v>
      </c>
    </row>
    <row r="4976" spans="1:6" x14ac:dyDescent="0.25">
      <c r="A4976">
        <v>145.88999999999999</v>
      </c>
      <c r="B4976">
        <v>178.63</v>
      </c>
      <c r="C4976">
        <v>14163.6</v>
      </c>
      <c r="D4976">
        <v>1.3</v>
      </c>
      <c r="E4976">
        <v>17310.5</v>
      </c>
      <c r="F4976">
        <v>18.633299999999998</v>
      </c>
    </row>
    <row r="4977" spans="1:6" x14ac:dyDescent="0.25">
      <c r="A4977">
        <v>145.88999999999999</v>
      </c>
      <c r="B4977">
        <v>178.63</v>
      </c>
      <c r="C4977">
        <v>14163.6</v>
      </c>
      <c r="D4977">
        <v>1.6</v>
      </c>
      <c r="E4977">
        <v>16950.900000000001</v>
      </c>
      <c r="F4977">
        <v>18.923300000000001</v>
      </c>
    </row>
    <row r="4978" spans="1:6" x14ac:dyDescent="0.25">
      <c r="A4978">
        <v>145.88999999999999</v>
      </c>
      <c r="B4978">
        <v>178.63</v>
      </c>
      <c r="C4978">
        <v>14163.6</v>
      </c>
      <c r="D4978">
        <v>1.9</v>
      </c>
      <c r="E4978">
        <v>16554</v>
      </c>
      <c r="F4978">
        <v>19.078600000000002</v>
      </c>
    </row>
    <row r="4979" spans="1:6" x14ac:dyDescent="0.25">
      <c r="A4979">
        <v>145.88999999999999</v>
      </c>
      <c r="B4979">
        <v>178.63</v>
      </c>
      <c r="C4979">
        <v>14163.6</v>
      </c>
      <c r="D4979">
        <v>2.2000000000000002</v>
      </c>
      <c r="E4979">
        <v>16099.5</v>
      </c>
      <c r="F4979">
        <v>19.270199999999999</v>
      </c>
    </row>
    <row r="4980" spans="1:6" x14ac:dyDescent="0.25">
      <c r="A4980">
        <v>145.88999999999999</v>
      </c>
      <c r="B4980">
        <v>178.63</v>
      </c>
      <c r="C4980">
        <v>14163.6</v>
      </c>
      <c r="D4980">
        <v>2.5</v>
      </c>
      <c r="E4980">
        <v>16160.8</v>
      </c>
      <c r="F4980">
        <v>19.400099999999998</v>
      </c>
    </row>
    <row r="4981" spans="1:6" x14ac:dyDescent="0.25">
      <c r="A4981">
        <v>145.88999999999999</v>
      </c>
      <c r="B4981">
        <v>178.63</v>
      </c>
      <c r="C4981">
        <v>14163.6</v>
      </c>
      <c r="D4981">
        <v>2.8</v>
      </c>
      <c r="E4981">
        <v>15783.1</v>
      </c>
      <c r="F4981">
        <v>19.549299999999999</v>
      </c>
    </row>
    <row r="4982" spans="1:6" x14ac:dyDescent="0.25">
      <c r="A4982">
        <v>145.88999999999999</v>
      </c>
      <c r="B4982">
        <v>178.63</v>
      </c>
      <c r="C4982">
        <v>14163.6</v>
      </c>
      <c r="D4982">
        <v>3.1</v>
      </c>
      <c r="E4982">
        <v>15588.5</v>
      </c>
      <c r="F4982">
        <v>19.552800000000001</v>
      </c>
    </row>
    <row r="4983" spans="1:6" x14ac:dyDescent="0.25">
      <c r="A4983">
        <v>145.88999999999999</v>
      </c>
      <c r="B4983">
        <v>178.63</v>
      </c>
      <c r="C4983">
        <v>14163.6</v>
      </c>
      <c r="D4983">
        <v>3.4</v>
      </c>
      <c r="E4983">
        <v>15466.3</v>
      </c>
      <c r="F4983">
        <v>19.564800000000002</v>
      </c>
    </row>
    <row r="4984" spans="1:6" x14ac:dyDescent="0.25">
      <c r="A4984">
        <v>145.88999999999999</v>
      </c>
      <c r="B4984">
        <v>178.63</v>
      </c>
      <c r="C4984">
        <v>14163.6</v>
      </c>
      <c r="D4984">
        <v>3.7</v>
      </c>
      <c r="E4984">
        <v>15507</v>
      </c>
      <c r="F4984">
        <v>19.581600000000002</v>
      </c>
    </row>
    <row r="4985" spans="1:6" x14ac:dyDescent="0.25">
      <c r="A4985">
        <v>145.88999999999999</v>
      </c>
      <c r="B4985">
        <v>178.63</v>
      </c>
      <c r="C4985">
        <v>14163.6</v>
      </c>
      <c r="D4985">
        <v>4</v>
      </c>
      <c r="E4985">
        <v>15427.8</v>
      </c>
      <c r="F4985">
        <v>19.6051</v>
      </c>
    </row>
    <row r="4986" spans="1:6" x14ac:dyDescent="0.25">
      <c r="A4986">
        <v>145.88999999999999</v>
      </c>
      <c r="B4986">
        <v>178.63</v>
      </c>
      <c r="C4986">
        <v>15709.1</v>
      </c>
      <c r="D4986">
        <v>1</v>
      </c>
      <c r="E4986">
        <v>19416.3</v>
      </c>
      <c r="F4986">
        <v>19.2102</v>
      </c>
    </row>
    <row r="4987" spans="1:6" x14ac:dyDescent="0.25">
      <c r="A4987">
        <v>145.88999999999999</v>
      </c>
      <c r="B4987">
        <v>178.63</v>
      </c>
      <c r="C4987">
        <v>15709.1</v>
      </c>
      <c r="D4987">
        <v>1.3</v>
      </c>
      <c r="E4987">
        <v>19129.7</v>
      </c>
      <c r="F4987">
        <v>18.633299999999998</v>
      </c>
    </row>
    <row r="4988" spans="1:6" x14ac:dyDescent="0.25">
      <c r="A4988">
        <v>145.88999999999999</v>
      </c>
      <c r="B4988">
        <v>178.63</v>
      </c>
      <c r="C4988">
        <v>15709.1</v>
      </c>
      <c r="D4988">
        <v>1.6</v>
      </c>
      <c r="E4988">
        <v>18434.400000000001</v>
      </c>
      <c r="F4988">
        <v>18.923300000000001</v>
      </c>
    </row>
    <row r="4989" spans="1:6" x14ac:dyDescent="0.25">
      <c r="A4989">
        <v>145.88999999999999</v>
      </c>
      <c r="B4989">
        <v>178.63</v>
      </c>
      <c r="C4989">
        <v>15709.1</v>
      </c>
      <c r="D4989">
        <v>1.9</v>
      </c>
      <c r="E4989">
        <v>17933.5</v>
      </c>
      <c r="F4989">
        <v>19.078600000000002</v>
      </c>
    </row>
    <row r="4990" spans="1:6" x14ac:dyDescent="0.25">
      <c r="A4990">
        <v>145.88999999999999</v>
      </c>
      <c r="B4990">
        <v>178.63</v>
      </c>
      <c r="C4990">
        <v>15709.1</v>
      </c>
      <c r="D4990">
        <v>2.2000000000000002</v>
      </c>
      <c r="E4990">
        <v>17793.5</v>
      </c>
      <c r="F4990">
        <v>19.270199999999999</v>
      </c>
    </row>
    <row r="4991" spans="1:6" x14ac:dyDescent="0.25">
      <c r="A4991">
        <v>145.88999999999999</v>
      </c>
      <c r="B4991">
        <v>178.63</v>
      </c>
      <c r="C4991">
        <v>15709.1</v>
      </c>
      <c r="D4991">
        <v>2.5</v>
      </c>
      <c r="E4991">
        <v>17807.2</v>
      </c>
      <c r="F4991">
        <v>19.400099999999998</v>
      </c>
    </row>
    <row r="4992" spans="1:6" x14ac:dyDescent="0.25">
      <c r="A4992">
        <v>145.88999999999999</v>
      </c>
      <c r="B4992">
        <v>178.63</v>
      </c>
      <c r="C4992">
        <v>15709.1</v>
      </c>
      <c r="D4992">
        <v>2.8</v>
      </c>
      <c r="E4992">
        <v>17215.2</v>
      </c>
      <c r="F4992">
        <v>19.549299999999999</v>
      </c>
    </row>
    <row r="4993" spans="1:6" x14ac:dyDescent="0.25">
      <c r="A4993">
        <v>145.88999999999999</v>
      </c>
      <c r="B4993">
        <v>178.63</v>
      </c>
      <c r="C4993">
        <v>15709.1</v>
      </c>
      <c r="D4993">
        <v>3.1</v>
      </c>
      <c r="E4993">
        <v>17152.900000000001</v>
      </c>
      <c r="F4993">
        <v>19.552800000000001</v>
      </c>
    </row>
    <row r="4994" spans="1:6" x14ac:dyDescent="0.25">
      <c r="A4994">
        <v>145.88999999999999</v>
      </c>
      <c r="B4994">
        <v>178.63</v>
      </c>
      <c r="C4994">
        <v>15709.1</v>
      </c>
      <c r="D4994">
        <v>3.4</v>
      </c>
      <c r="E4994">
        <v>17038.8</v>
      </c>
      <c r="F4994">
        <v>19.564800000000002</v>
      </c>
    </row>
    <row r="4995" spans="1:6" x14ac:dyDescent="0.25">
      <c r="A4995">
        <v>145.88999999999999</v>
      </c>
      <c r="B4995">
        <v>178.63</v>
      </c>
      <c r="C4995">
        <v>15709.1</v>
      </c>
      <c r="D4995">
        <v>3.7</v>
      </c>
      <c r="E4995">
        <v>16897.599999999999</v>
      </c>
      <c r="F4995">
        <v>19.581600000000002</v>
      </c>
    </row>
    <row r="4996" spans="1:6" x14ac:dyDescent="0.25">
      <c r="A4996">
        <v>145.88999999999999</v>
      </c>
      <c r="B4996">
        <v>178.63</v>
      </c>
      <c r="C4996">
        <v>15709.1</v>
      </c>
      <c r="D4996">
        <v>4</v>
      </c>
      <c r="E4996">
        <v>16920.7</v>
      </c>
      <c r="F4996">
        <v>19.6051</v>
      </c>
    </row>
    <row r="4997" spans="1:6" x14ac:dyDescent="0.25">
      <c r="A4997">
        <v>145.88999999999999</v>
      </c>
      <c r="B4997">
        <v>178.63</v>
      </c>
      <c r="C4997">
        <v>17254.5</v>
      </c>
      <c r="D4997">
        <v>1</v>
      </c>
      <c r="E4997">
        <v>20993.5</v>
      </c>
      <c r="F4997">
        <v>19.2102</v>
      </c>
    </row>
    <row r="4998" spans="1:6" x14ac:dyDescent="0.25">
      <c r="A4998">
        <v>145.88999999999999</v>
      </c>
      <c r="B4998">
        <v>178.63</v>
      </c>
      <c r="C4998">
        <v>17254.5</v>
      </c>
      <c r="D4998">
        <v>1.3</v>
      </c>
      <c r="E4998">
        <v>20615.7</v>
      </c>
      <c r="F4998">
        <v>18.633299999999998</v>
      </c>
    </row>
    <row r="4999" spans="1:6" x14ac:dyDescent="0.25">
      <c r="A4999">
        <v>145.88999999999999</v>
      </c>
      <c r="B4999">
        <v>178.63</v>
      </c>
      <c r="C4999">
        <v>17254.5</v>
      </c>
      <c r="D4999">
        <v>1.6</v>
      </c>
      <c r="E4999">
        <v>19991.2</v>
      </c>
      <c r="F4999">
        <v>18.923300000000001</v>
      </c>
    </row>
    <row r="5000" spans="1:6" x14ac:dyDescent="0.25">
      <c r="A5000">
        <v>145.88999999999999</v>
      </c>
      <c r="B5000">
        <v>178.63</v>
      </c>
      <c r="C5000">
        <v>17254.5</v>
      </c>
      <c r="D5000">
        <v>1.9</v>
      </c>
      <c r="E5000">
        <v>19560.400000000001</v>
      </c>
      <c r="F5000">
        <v>19.078600000000002</v>
      </c>
    </row>
    <row r="5001" spans="1:6" x14ac:dyDescent="0.25">
      <c r="A5001">
        <v>145.88999999999999</v>
      </c>
      <c r="B5001">
        <v>178.63</v>
      </c>
      <c r="C5001">
        <v>17254.5</v>
      </c>
      <c r="D5001">
        <v>2.2000000000000002</v>
      </c>
      <c r="E5001">
        <v>19332.7</v>
      </c>
      <c r="F5001">
        <v>19.270199999999999</v>
      </c>
    </row>
    <row r="5002" spans="1:6" x14ac:dyDescent="0.25">
      <c r="A5002">
        <v>145.88999999999999</v>
      </c>
      <c r="B5002">
        <v>178.63</v>
      </c>
      <c r="C5002">
        <v>17254.5</v>
      </c>
      <c r="D5002">
        <v>2.5</v>
      </c>
      <c r="E5002">
        <v>19007.3</v>
      </c>
      <c r="F5002">
        <v>19.400099999999998</v>
      </c>
    </row>
    <row r="5003" spans="1:6" x14ac:dyDescent="0.25">
      <c r="A5003">
        <v>145.88999999999999</v>
      </c>
      <c r="B5003">
        <v>178.63</v>
      </c>
      <c r="C5003">
        <v>17254.5</v>
      </c>
      <c r="D5003">
        <v>2.8</v>
      </c>
      <c r="E5003">
        <v>18805.400000000001</v>
      </c>
      <c r="F5003">
        <v>19.549299999999999</v>
      </c>
    </row>
    <row r="5004" spans="1:6" x14ac:dyDescent="0.25">
      <c r="A5004">
        <v>145.88999999999999</v>
      </c>
      <c r="B5004">
        <v>178.63</v>
      </c>
      <c r="C5004">
        <v>17254.5</v>
      </c>
      <c r="D5004">
        <v>3.1</v>
      </c>
      <c r="E5004">
        <v>18735.2</v>
      </c>
      <c r="F5004">
        <v>19.552800000000001</v>
      </c>
    </row>
    <row r="5005" spans="1:6" x14ac:dyDescent="0.25">
      <c r="A5005">
        <v>145.88999999999999</v>
      </c>
      <c r="B5005">
        <v>178.63</v>
      </c>
      <c r="C5005">
        <v>17254.5</v>
      </c>
      <c r="D5005">
        <v>3.4</v>
      </c>
      <c r="E5005">
        <v>18574.5</v>
      </c>
      <c r="F5005">
        <v>19.564800000000002</v>
      </c>
    </row>
    <row r="5006" spans="1:6" x14ac:dyDescent="0.25">
      <c r="A5006">
        <v>145.88999999999999</v>
      </c>
      <c r="B5006">
        <v>178.63</v>
      </c>
      <c r="C5006">
        <v>17254.5</v>
      </c>
      <c r="D5006">
        <v>3.7</v>
      </c>
      <c r="E5006">
        <v>18458.8</v>
      </c>
      <c r="F5006">
        <v>19.581600000000002</v>
      </c>
    </row>
    <row r="5007" spans="1:6" x14ac:dyDescent="0.25">
      <c r="A5007">
        <v>145.88999999999999</v>
      </c>
      <c r="B5007">
        <v>178.63</v>
      </c>
      <c r="C5007">
        <v>17254.5</v>
      </c>
      <c r="D5007">
        <v>4</v>
      </c>
      <c r="E5007">
        <v>18398.099999999999</v>
      </c>
      <c r="F5007">
        <v>19.6051</v>
      </c>
    </row>
    <row r="5008" spans="1:6" x14ac:dyDescent="0.25">
      <c r="A5008">
        <v>145.88999999999999</v>
      </c>
      <c r="B5008">
        <v>178.63</v>
      </c>
      <c r="C5008">
        <v>18800</v>
      </c>
      <c r="D5008">
        <v>1</v>
      </c>
      <c r="E5008">
        <v>22614.9</v>
      </c>
      <c r="F5008">
        <v>19.2102</v>
      </c>
    </row>
    <row r="5009" spans="1:6" x14ac:dyDescent="0.25">
      <c r="A5009">
        <v>145.88999999999999</v>
      </c>
      <c r="B5009">
        <v>178.63</v>
      </c>
      <c r="C5009">
        <v>18800</v>
      </c>
      <c r="D5009">
        <v>1.3</v>
      </c>
      <c r="E5009">
        <v>22275.1</v>
      </c>
      <c r="F5009">
        <v>18.633299999999998</v>
      </c>
    </row>
    <row r="5010" spans="1:6" x14ac:dyDescent="0.25">
      <c r="A5010">
        <v>145.88999999999999</v>
      </c>
      <c r="B5010">
        <v>178.63</v>
      </c>
      <c r="C5010">
        <v>18800</v>
      </c>
      <c r="D5010">
        <v>1.6</v>
      </c>
      <c r="E5010">
        <v>21636.799999999999</v>
      </c>
      <c r="F5010">
        <v>18.923300000000001</v>
      </c>
    </row>
    <row r="5011" spans="1:6" x14ac:dyDescent="0.25">
      <c r="A5011">
        <v>145.88999999999999</v>
      </c>
      <c r="B5011">
        <v>178.63</v>
      </c>
      <c r="C5011">
        <v>18800</v>
      </c>
      <c r="D5011">
        <v>1.9</v>
      </c>
      <c r="E5011">
        <v>21186</v>
      </c>
      <c r="F5011">
        <v>19.078600000000002</v>
      </c>
    </row>
    <row r="5012" spans="1:6" x14ac:dyDescent="0.25">
      <c r="A5012">
        <v>145.88999999999999</v>
      </c>
      <c r="B5012">
        <v>178.63</v>
      </c>
      <c r="C5012">
        <v>18800</v>
      </c>
      <c r="D5012">
        <v>2.2000000000000002</v>
      </c>
      <c r="E5012">
        <v>20797.5</v>
      </c>
      <c r="F5012">
        <v>19.270199999999999</v>
      </c>
    </row>
    <row r="5013" spans="1:6" x14ac:dyDescent="0.25">
      <c r="A5013">
        <v>145.88999999999999</v>
      </c>
      <c r="B5013">
        <v>178.63</v>
      </c>
      <c r="C5013">
        <v>18800</v>
      </c>
      <c r="D5013">
        <v>2.5</v>
      </c>
      <c r="E5013">
        <v>20674.5</v>
      </c>
      <c r="F5013">
        <v>19.400099999999998</v>
      </c>
    </row>
    <row r="5014" spans="1:6" x14ac:dyDescent="0.25">
      <c r="A5014">
        <v>145.88999999999999</v>
      </c>
      <c r="B5014">
        <v>178.63</v>
      </c>
      <c r="C5014">
        <v>18800</v>
      </c>
      <c r="D5014">
        <v>2.8</v>
      </c>
      <c r="E5014">
        <v>20306.2</v>
      </c>
      <c r="F5014">
        <v>19.549299999999999</v>
      </c>
    </row>
    <row r="5015" spans="1:6" x14ac:dyDescent="0.25">
      <c r="A5015">
        <v>145.88999999999999</v>
      </c>
      <c r="B5015">
        <v>178.63</v>
      </c>
      <c r="C5015">
        <v>18800</v>
      </c>
      <c r="D5015">
        <v>3.1</v>
      </c>
      <c r="E5015">
        <v>20222.8</v>
      </c>
      <c r="F5015">
        <v>19.552800000000001</v>
      </c>
    </row>
    <row r="5016" spans="1:6" x14ac:dyDescent="0.25">
      <c r="A5016">
        <v>145.88999999999999</v>
      </c>
      <c r="B5016">
        <v>178.63</v>
      </c>
      <c r="C5016">
        <v>18800</v>
      </c>
      <c r="D5016">
        <v>3.4</v>
      </c>
      <c r="E5016">
        <v>20080.599999999999</v>
      </c>
      <c r="F5016">
        <v>19.564800000000002</v>
      </c>
    </row>
    <row r="5017" spans="1:6" x14ac:dyDescent="0.25">
      <c r="A5017">
        <v>145.88999999999999</v>
      </c>
      <c r="B5017">
        <v>178.63</v>
      </c>
      <c r="C5017">
        <v>18800</v>
      </c>
      <c r="D5017">
        <v>3.7</v>
      </c>
      <c r="E5017">
        <v>20171.3</v>
      </c>
      <c r="F5017">
        <v>19.581600000000002</v>
      </c>
    </row>
    <row r="5018" spans="1:6" x14ac:dyDescent="0.25">
      <c r="A5018">
        <v>145.88999999999999</v>
      </c>
      <c r="B5018">
        <v>178.63</v>
      </c>
      <c r="C5018">
        <v>18800</v>
      </c>
      <c r="D5018">
        <v>4</v>
      </c>
      <c r="E5018">
        <v>20078.8</v>
      </c>
      <c r="F5018">
        <v>19.6051</v>
      </c>
    </row>
    <row r="5019" spans="1:6" x14ac:dyDescent="0.25">
      <c r="A5019">
        <v>145.88999999999999</v>
      </c>
      <c r="B5019">
        <v>182.26</v>
      </c>
      <c r="C5019">
        <v>1800</v>
      </c>
      <c r="D5019">
        <v>1</v>
      </c>
      <c r="E5019">
        <v>5566.56</v>
      </c>
      <c r="F5019">
        <v>49.875599999999999</v>
      </c>
    </row>
    <row r="5020" spans="1:6" x14ac:dyDescent="0.25">
      <c r="A5020">
        <v>145.88999999999999</v>
      </c>
      <c r="B5020">
        <v>182.26</v>
      </c>
      <c r="C5020">
        <v>1800</v>
      </c>
      <c r="D5020">
        <v>1.3</v>
      </c>
      <c r="E5020">
        <v>4971.83</v>
      </c>
      <c r="F5020">
        <v>62.082500000000003</v>
      </c>
    </row>
    <row r="5021" spans="1:6" x14ac:dyDescent="0.25">
      <c r="A5021">
        <v>145.88999999999999</v>
      </c>
      <c r="B5021">
        <v>182.26</v>
      </c>
      <c r="C5021">
        <v>1800</v>
      </c>
      <c r="D5021">
        <v>1.6</v>
      </c>
      <c r="E5021">
        <v>4655.01</v>
      </c>
      <c r="F5021">
        <v>72.454599999999999</v>
      </c>
    </row>
    <row r="5022" spans="1:6" x14ac:dyDescent="0.25">
      <c r="A5022">
        <v>145.88999999999999</v>
      </c>
      <c r="B5022">
        <v>182.26</v>
      </c>
      <c r="C5022">
        <v>1800</v>
      </c>
      <c r="D5022">
        <v>1.9</v>
      </c>
      <c r="E5022">
        <v>4370.63</v>
      </c>
      <c r="F5022">
        <v>82.336399999999998</v>
      </c>
    </row>
    <row r="5023" spans="1:6" x14ac:dyDescent="0.25">
      <c r="A5023">
        <v>145.88999999999999</v>
      </c>
      <c r="B5023">
        <v>182.26</v>
      </c>
      <c r="C5023">
        <v>1800</v>
      </c>
      <c r="D5023">
        <v>2.2000000000000002</v>
      </c>
      <c r="E5023">
        <v>4214.2700000000004</v>
      </c>
      <c r="F5023">
        <v>91.046599999999998</v>
      </c>
    </row>
    <row r="5024" spans="1:6" x14ac:dyDescent="0.25">
      <c r="A5024">
        <v>145.88999999999999</v>
      </c>
      <c r="B5024">
        <v>182.26</v>
      </c>
      <c r="C5024">
        <v>1800</v>
      </c>
      <c r="D5024">
        <v>2.5</v>
      </c>
      <c r="E5024">
        <v>4069.47</v>
      </c>
      <c r="F5024">
        <v>96.083399999999997</v>
      </c>
    </row>
    <row r="5025" spans="1:6" x14ac:dyDescent="0.25">
      <c r="A5025">
        <v>145.88999999999999</v>
      </c>
      <c r="B5025">
        <v>182.26</v>
      </c>
      <c r="C5025">
        <v>1800</v>
      </c>
      <c r="D5025">
        <v>2.8</v>
      </c>
      <c r="E5025">
        <v>3976.61</v>
      </c>
      <c r="F5025">
        <v>94.771500000000003</v>
      </c>
    </row>
    <row r="5026" spans="1:6" x14ac:dyDescent="0.25">
      <c r="A5026">
        <v>145.88999999999999</v>
      </c>
      <c r="B5026">
        <v>182.26</v>
      </c>
      <c r="C5026">
        <v>1800</v>
      </c>
      <c r="D5026">
        <v>3.1</v>
      </c>
      <c r="E5026">
        <v>3888.51</v>
      </c>
      <c r="F5026">
        <v>96.572100000000006</v>
      </c>
    </row>
    <row r="5027" spans="1:6" x14ac:dyDescent="0.25">
      <c r="A5027">
        <v>145.88999999999999</v>
      </c>
      <c r="B5027">
        <v>182.26</v>
      </c>
      <c r="C5027">
        <v>1800</v>
      </c>
      <c r="D5027">
        <v>3.4</v>
      </c>
      <c r="E5027">
        <v>3822.56</v>
      </c>
      <c r="F5027">
        <v>97.567400000000006</v>
      </c>
    </row>
    <row r="5028" spans="1:6" x14ac:dyDescent="0.25">
      <c r="A5028">
        <v>145.88999999999999</v>
      </c>
      <c r="B5028">
        <v>182.26</v>
      </c>
      <c r="C5028">
        <v>1800</v>
      </c>
      <c r="D5028">
        <v>3.7</v>
      </c>
      <c r="E5028">
        <v>3792.29</v>
      </c>
      <c r="F5028">
        <v>98.829800000000006</v>
      </c>
    </row>
    <row r="5029" spans="1:6" x14ac:dyDescent="0.25">
      <c r="A5029">
        <v>145.88999999999999</v>
      </c>
      <c r="B5029">
        <v>182.26</v>
      </c>
      <c r="C5029">
        <v>1800</v>
      </c>
      <c r="D5029">
        <v>4</v>
      </c>
      <c r="E5029">
        <v>3731.94</v>
      </c>
      <c r="F5029">
        <v>99.839500000000001</v>
      </c>
    </row>
    <row r="5030" spans="1:6" x14ac:dyDescent="0.25">
      <c r="A5030">
        <v>145.88999999999999</v>
      </c>
      <c r="B5030">
        <v>182.26</v>
      </c>
      <c r="C5030">
        <v>3345.45</v>
      </c>
      <c r="D5030">
        <v>1</v>
      </c>
      <c r="E5030">
        <v>7087.77</v>
      </c>
      <c r="F5030">
        <v>21.169699999999999</v>
      </c>
    </row>
    <row r="5031" spans="1:6" x14ac:dyDescent="0.25">
      <c r="A5031">
        <v>145.88999999999999</v>
      </c>
      <c r="B5031">
        <v>182.26</v>
      </c>
      <c r="C5031">
        <v>3345.45</v>
      </c>
      <c r="D5031">
        <v>1.3</v>
      </c>
      <c r="E5031">
        <v>6385.28</v>
      </c>
      <c r="F5031">
        <v>24.3752</v>
      </c>
    </row>
    <row r="5032" spans="1:6" x14ac:dyDescent="0.25">
      <c r="A5032">
        <v>145.88999999999999</v>
      </c>
      <c r="B5032">
        <v>182.26</v>
      </c>
      <c r="C5032">
        <v>3345.45</v>
      </c>
      <c r="D5032">
        <v>1.6</v>
      </c>
      <c r="E5032">
        <v>5884.05</v>
      </c>
      <c r="F5032">
        <v>29.358599999999999</v>
      </c>
    </row>
    <row r="5033" spans="1:6" x14ac:dyDescent="0.25">
      <c r="A5033">
        <v>145.88999999999999</v>
      </c>
      <c r="B5033">
        <v>182.26</v>
      </c>
      <c r="C5033">
        <v>3345.45</v>
      </c>
      <c r="D5033">
        <v>1.9</v>
      </c>
      <c r="E5033">
        <v>5675.33</v>
      </c>
      <c r="F5033">
        <v>34.889099999999999</v>
      </c>
    </row>
    <row r="5034" spans="1:6" x14ac:dyDescent="0.25">
      <c r="A5034">
        <v>145.88999999999999</v>
      </c>
      <c r="B5034">
        <v>182.26</v>
      </c>
      <c r="C5034">
        <v>3345.45</v>
      </c>
      <c r="D5034">
        <v>2.2000000000000002</v>
      </c>
      <c r="E5034">
        <v>5512.63</v>
      </c>
      <c r="F5034">
        <v>38.752800000000001</v>
      </c>
    </row>
    <row r="5035" spans="1:6" x14ac:dyDescent="0.25">
      <c r="A5035">
        <v>145.88999999999999</v>
      </c>
      <c r="B5035">
        <v>182.26</v>
      </c>
      <c r="C5035">
        <v>3345.45</v>
      </c>
      <c r="D5035">
        <v>2.5</v>
      </c>
      <c r="E5035">
        <v>5285.01</v>
      </c>
      <c r="F5035">
        <v>44.011899999999997</v>
      </c>
    </row>
    <row r="5036" spans="1:6" x14ac:dyDescent="0.25">
      <c r="A5036">
        <v>145.88999999999999</v>
      </c>
      <c r="B5036">
        <v>182.26</v>
      </c>
      <c r="C5036">
        <v>3345.45</v>
      </c>
      <c r="D5036">
        <v>2.8</v>
      </c>
      <c r="E5036">
        <v>5282.13</v>
      </c>
      <c r="F5036">
        <v>49.021999999999998</v>
      </c>
    </row>
    <row r="5037" spans="1:6" x14ac:dyDescent="0.25">
      <c r="A5037">
        <v>145.88999999999999</v>
      </c>
      <c r="B5037">
        <v>182.26</v>
      </c>
      <c r="C5037">
        <v>3345.45</v>
      </c>
      <c r="D5037">
        <v>3.1</v>
      </c>
      <c r="E5037">
        <v>5120.7</v>
      </c>
      <c r="F5037">
        <v>54.4467</v>
      </c>
    </row>
    <row r="5038" spans="1:6" x14ac:dyDescent="0.25">
      <c r="A5038">
        <v>145.88999999999999</v>
      </c>
      <c r="B5038">
        <v>182.26</v>
      </c>
      <c r="C5038">
        <v>3345.45</v>
      </c>
      <c r="D5038">
        <v>3.4</v>
      </c>
      <c r="E5038">
        <v>5038.29</v>
      </c>
      <c r="F5038">
        <v>57.018700000000003</v>
      </c>
    </row>
    <row r="5039" spans="1:6" x14ac:dyDescent="0.25">
      <c r="A5039">
        <v>145.88999999999999</v>
      </c>
      <c r="B5039">
        <v>182.26</v>
      </c>
      <c r="C5039">
        <v>3345.45</v>
      </c>
      <c r="D5039">
        <v>3.7</v>
      </c>
      <c r="E5039">
        <v>5022.57</v>
      </c>
      <c r="F5039">
        <v>55.950899999999997</v>
      </c>
    </row>
    <row r="5040" spans="1:6" x14ac:dyDescent="0.25">
      <c r="A5040">
        <v>145.88999999999999</v>
      </c>
      <c r="B5040">
        <v>182.26</v>
      </c>
      <c r="C5040">
        <v>3345.45</v>
      </c>
      <c r="D5040">
        <v>4</v>
      </c>
      <c r="E5040">
        <v>4971.8900000000003</v>
      </c>
      <c r="F5040">
        <v>56.939500000000002</v>
      </c>
    </row>
    <row r="5041" spans="1:6" x14ac:dyDescent="0.25">
      <c r="A5041">
        <v>145.88999999999999</v>
      </c>
      <c r="B5041">
        <v>182.26</v>
      </c>
      <c r="C5041">
        <v>4890.8999999999996</v>
      </c>
      <c r="D5041">
        <v>1</v>
      </c>
      <c r="E5041">
        <v>8713.67</v>
      </c>
      <c r="F5041">
        <v>15.7843</v>
      </c>
    </row>
    <row r="5042" spans="1:6" x14ac:dyDescent="0.25">
      <c r="A5042">
        <v>145.88999999999999</v>
      </c>
      <c r="B5042">
        <v>182.26</v>
      </c>
      <c r="C5042">
        <v>4890.8999999999996</v>
      </c>
      <c r="D5042">
        <v>1.3</v>
      </c>
      <c r="E5042">
        <v>7737.73</v>
      </c>
      <c r="F5042">
        <v>16.549600000000002</v>
      </c>
    </row>
    <row r="5043" spans="1:6" x14ac:dyDescent="0.25">
      <c r="A5043">
        <v>145.88999999999999</v>
      </c>
      <c r="B5043">
        <v>182.26</v>
      </c>
      <c r="C5043">
        <v>4890.8999999999996</v>
      </c>
      <c r="D5043">
        <v>1.6</v>
      </c>
      <c r="E5043">
        <v>7230.14</v>
      </c>
      <c r="F5043">
        <v>16.377500000000001</v>
      </c>
    </row>
    <row r="5044" spans="1:6" x14ac:dyDescent="0.25">
      <c r="A5044">
        <v>145.88999999999999</v>
      </c>
      <c r="B5044">
        <v>182.26</v>
      </c>
      <c r="C5044">
        <v>4890.8999999999996</v>
      </c>
      <c r="D5044">
        <v>1.9</v>
      </c>
      <c r="E5044">
        <v>6993.68</v>
      </c>
      <c r="F5044">
        <v>16.289899999999999</v>
      </c>
    </row>
    <row r="5045" spans="1:6" x14ac:dyDescent="0.25">
      <c r="A5045">
        <v>145.88999999999999</v>
      </c>
      <c r="B5045">
        <v>182.26</v>
      </c>
      <c r="C5045">
        <v>4890.8999999999996</v>
      </c>
      <c r="D5045">
        <v>2.2000000000000002</v>
      </c>
      <c r="E5045">
        <v>7001.29</v>
      </c>
      <c r="F5045">
        <v>16.1449</v>
      </c>
    </row>
    <row r="5046" spans="1:6" x14ac:dyDescent="0.25">
      <c r="A5046">
        <v>145.88999999999999</v>
      </c>
      <c r="B5046">
        <v>182.26</v>
      </c>
      <c r="C5046">
        <v>4890.8999999999996</v>
      </c>
      <c r="D5046">
        <v>2.5</v>
      </c>
      <c r="E5046">
        <v>6742.92</v>
      </c>
      <c r="F5046">
        <v>16.0657</v>
      </c>
    </row>
    <row r="5047" spans="1:6" x14ac:dyDescent="0.25">
      <c r="A5047">
        <v>145.88999999999999</v>
      </c>
      <c r="B5047">
        <v>182.26</v>
      </c>
      <c r="C5047">
        <v>4890.8999999999996</v>
      </c>
      <c r="D5047">
        <v>2.8</v>
      </c>
      <c r="E5047">
        <v>6651.25</v>
      </c>
      <c r="F5047">
        <v>17.335799999999999</v>
      </c>
    </row>
    <row r="5048" spans="1:6" x14ac:dyDescent="0.25">
      <c r="A5048">
        <v>145.88999999999999</v>
      </c>
      <c r="B5048">
        <v>182.26</v>
      </c>
      <c r="C5048">
        <v>4890.8999999999996</v>
      </c>
      <c r="D5048">
        <v>3.1</v>
      </c>
      <c r="E5048">
        <v>6385.94</v>
      </c>
      <c r="F5048">
        <v>17.098400000000002</v>
      </c>
    </row>
    <row r="5049" spans="1:6" x14ac:dyDescent="0.25">
      <c r="A5049">
        <v>145.88999999999999</v>
      </c>
      <c r="B5049">
        <v>182.26</v>
      </c>
      <c r="C5049">
        <v>4890.8999999999996</v>
      </c>
      <c r="D5049">
        <v>3.4</v>
      </c>
      <c r="E5049">
        <v>6342.09</v>
      </c>
      <c r="F5049">
        <v>17.5886</v>
      </c>
    </row>
    <row r="5050" spans="1:6" x14ac:dyDescent="0.25">
      <c r="A5050">
        <v>145.88999999999999</v>
      </c>
      <c r="B5050">
        <v>182.26</v>
      </c>
      <c r="C5050">
        <v>4890.8999999999996</v>
      </c>
      <c r="D5050">
        <v>3.7</v>
      </c>
      <c r="E5050">
        <v>6370.13</v>
      </c>
      <c r="F5050">
        <v>19.082799999999999</v>
      </c>
    </row>
    <row r="5051" spans="1:6" x14ac:dyDescent="0.25">
      <c r="A5051">
        <v>145.88999999999999</v>
      </c>
      <c r="B5051">
        <v>182.26</v>
      </c>
      <c r="C5051">
        <v>4890.8999999999996</v>
      </c>
      <c r="D5051">
        <v>4</v>
      </c>
      <c r="E5051">
        <v>6363.61</v>
      </c>
      <c r="F5051">
        <v>18.860199999999999</v>
      </c>
    </row>
    <row r="5052" spans="1:6" x14ac:dyDescent="0.25">
      <c r="A5052">
        <v>145.88999999999999</v>
      </c>
      <c r="B5052">
        <v>182.26</v>
      </c>
      <c r="C5052">
        <v>6436.35</v>
      </c>
      <c r="D5052">
        <v>1</v>
      </c>
      <c r="E5052">
        <v>10124.4</v>
      </c>
      <c r="F5052">
        <v>19.2102</v>
      </c>
    </row>
    <row r="5053" spans="1:6" x14ac:dyDescent="0.25">
      <c r="A5053">
        <v>145.88999999999999</v>
      </c>
      <c r="B5053">
        <v>182.26</v>
      </c>
      <c r="C5053">
        <v>6436.35</v>
      </c>
      <c r="D5053">
        <v>1.3</v>
      </c>
      <c r="E5053">
        <v>9481.9500000000007</v>
      </c>
      <c r="F5053">
        <v>18.633299999999998</v>
      </c>
    </row>
    <row r="5054" spans="1:6" x14ac:dyDescent="0.25">
      <c r="A5054">
        <v>145.88999999999999</v>
      </c>
      <c r="B5054">
        <v>182.26</v>
      </c>
      <c r="C5054">
        <v>6436.35</v>
      </c>
      <c r="D5054">
        <v>1.6</v>
      </c>
      <c r="E5054">
        <v>8909.2999999999993</v>
      </c>
      <c r="F5054">
        <v>18.923300000000001</v>
      </c>
    </row>
    <row r="5055" spans="1:6" x14ac:dyDescent="0.25">
      <c r="A5055">
        <v>145.88999999999999</v>
      </c>
      <c r="B5055">
        <v>182.26</v>
      </c>
      <c r="C5055">
        <v>6436.35</v>
      </c>
      <c r="D5055">
        <v>1.9</v>
      </c>
      <c r="E5055">
        <v>8614.2900000000009</v>
      </c>
      <c r="F5055">
        <v>19.078600000000002</v>
      </c>
    </row>
    <row r="5056" spans="1:6" x14ac:dyDescent="0.25">
      <c r="A5056">
        <v>145.88999999999999</v>
      </c>
      <c r="B5056">
        <v>182.26</v>
      </c>
      <c r="C5056">
        <v>6436.35</v>
      </c>
      <c r="D5056">
        <v>2.2000000000000002</v>
      </c>
      <c r="E5056">
        <v>8474.31</v>
      </c>
      <c r="F5056">
        <v>19.270199999999999</v>
      </c>
    </row>
    <row r="5057" spans="1:6" x14ac:dyDescent="0.25">
      <c r="A5057">
        <v>145.88999999999999</v>
      </c>
      <c r="B5057">
        <v>182.26</v>
      </c>
      <c r="C5057">
        <v>6436.35</v>
      </c>
      <c r="D5057">
        <v>2.5</v>
      </c>
      <c r="E5057">
        <v>8238.74</v>
      </c>
      <c r="F5057">
        <v>19.400099999999998</v>
      </c>
    </row>
    <row r="5058" spans="1:6" x14ac:dyDescent="0.25">
      <c r="A5058">
        <v>145.88999999999999</v>
      </c>
      <c r="B5058">
        <v>182.26</v>
      </c>
      <c r="C5058">
        <v>6436.35</v>
      </c>
      <c r="D5058">
        <v>2.8</v>
      </c>
      <c r="E5058">
        <v>7905.44</v>
      </c>
      <c r="F5058">
        <v>19.549299999999999</v>
      </c>
    </row>
    <row r="5059" spans="1:6" x14ac:dyDescent="0.25">
      <c r="A5059">
        <v>145.88999999999999</v>
      </c>
      <c r="B5059">
        <v>182.26</v>
      </c>
      <c r="C5059">
        <v>6436.35</v>
      </c>
      <c r="D5059">
        <v>3.1</v>
      </c>
      <c r="E5059">
        <v>7801.67</v>
      </c>
      <c r="F5059">
        <v>19.552800000000001</v>
      </c>
    </row>
    <row r="5060" spans="1:6" x14ac:dyDescent="0.25">
      <c r="A5060">
        <v>145.88999999999999</v>
      </c>
      <c r="B5060">
        <v>182.26</v>
      </c>
      <c r="C5060">
        <v>6436.35</v>
      </c>
      <c r="D5060">
        <v>3.4</v>
      </c>
      <c r="E5060">
        <v>7672.47</v>
      </c>
      <c r="F5060">
        <v>19.564800000000002</v>
      </c>
    </row>
    <row r="5061" spans="1:6" x14ac:dyDescent="0.25">
      <c r="A5061">
        <v>145.88999999999999</v>
      </c>
      <c r="B5061">
        <v>182.26</v>
      </c>
      <c r="C5061">
        <v>6436.35</v>
      </c>
      <c r="D5061">
        <v>3.7</v>
      </c>
      <c r="E5061">
        <v>7596.27</v>
      </c>
      <c r="F5061">
        <v>19.581600000000002</v>
      </c>
    </row>
    <row r="5062" spans="1:6" x14ac:dyDescent="0.25">
      <c r="A5062">
        <v>145.88999999999999</v>
      </c>
      <c r="B5062">
        <v>182.26</v>
      </c>
      <c r="C5062">
        <v>6436.35</v>
      </c>
      <c r="D5062">
        <v>4</v>
      </c>
      <c r="E5062">
        <v>7508.93</v>
      </c>
      <c r="F5062">
        <v>19.6051</v>
      </c>
    </row>
    <row r="5063" spans="1:6" x14ac:dyDescent="0.25">
      <c r="A5063">
        <v>145.88999999999999</v>
      </c>
      <c r="B5063">
        <v>182.26</v>
      </c>
      <c r="C5063">
        <v>7981.8</v>
      </c>
      <c r="D5063">
        <v>1</v>
      </c>
      <c r="E5063">
        <v>11893.1</v>
      </c>
      <c r="F5063">
        <v>19.2102</v>
      </c>
    </row>
    <row r="5064" spans="1:6" x14ac:dyDescent="0.25">
      <c r="A5064">
        <v>145.88999999999999</v>
      </c>
      <c r="B5064">
        <v>182.26</v>
      </c>
      <c r="C5064">
        <v>7981.8</v>
      </c>
      <c r="D5064">
        <v>1.3</v>
      </c>
      <c r="E5064">
        <v>11150.4</v>
      </c>
      <c r="F5064">
        <v>18.633299999999998</v>
      </c>
    </row>
    <row r="5065" spans="1:6" x14ac:dyDescent="0.25">
      <c r="A5065">
        <v>145.88999999999999</v>
      </c>
      <c r="B5065">
        <v>182.26</v>
      </c>
      <c r="C5065">
        <v>7981.8</v>
      </c>
      <c r="D5065">
        <v>1.6</v>
      </c>
      <c r="E5065">
        <v>10683.9</v>
      </c>
      <c r="F5065">
        <v>18.923300000000001</v>
      </c>
    </row>
    <row r="5066" spans="1:6" x14ac:dyDescent="0.25">
      <c r="A5066">
        <v>145.88999999999999</v>
      </c>
      <c r="B5066">
        <v>182.26</v>
      </c>
      <c r="C5066">
        <v>7981.8</v>
      </c>
      <c r="D5066">
        <v>1.9</v>
      </c>
      <c r="E5066">
        <v>10146.5</v>
      </c>
      <c r="F5066">
        <v>19.078600000000002</v>
      </c>
    </row>
    <row r="5067" spans="1:6" x14ac:dyDescent="0.25">
      <c r="A5067">
        <v>145.88999999999999</v>
      </c>
      <c r="B5067">
        <v>182.26</v>
      </c>
      <c r="C5067">
        <v>7981.8</v>
      </c>
      <c r="D5067">
        <v>2.2000000000000002</v>
      </c>
      <c r="E5067">
        <v>10077.6</v>
      </c>
      <c r="F5067">
        <v>19.270199999999999</v>
      </c>
    </row>
    <row r="5068" spans="1:6" x14ac:dyDescent="0.25">
      <c r="A5068">
        <v>145.88999999999999</v>
      </c>
      <c r="B5068">
        <v>182.26</v>
      </c>
      <c r="C5068">
        <v>7981.8</v>
      </c>
      <c r="D5068">
        <v>2.5</v>
      </c>
      <c r="E5068">
        <v>9708.83</v>
      </c>
      <c r="F5068">
        <v>19.400099999999998</v>
      </c>
    </row>
    <row r="5069" spans="1:6" x14ac:dyDescent="0.25">
      <c r="A5069">
        <v>145.88999999999999</v>
      </c>
      <c r="B5069">
        <v>182.26</v>
      </c>
      <c r="C5069">
        <v>7981.8</v>
      </c>
      <c r="D5069">
        <v>2.8</v>
      </c>
      <c r="E5069">
        <v>9582.33</v>
      </c>
      <c r="F5069">
        <v>19.549299999999999</v>
      </c>
    </row>
    <row r="5070" spans="1:6" x14ac:dyDescent="0.25">
      <c r="A5070">
        <v>145.88999999999999</v>
      </c>
      <c r="B5070">
        <v>182.26</v>
      </c>
      <c r="C5070">
        <v>7981.8</v>
      </c>
      <c r="D5070">
        <v>3.1</v>
      </c>
      <c r="E5070">
        <v>9427.5400000000009</v>
      </c>
      <c r="F5070">
        <v>19.552800000000001</v>
      </c>
    </row>
    <row r="5071" spans="1:6" x14ac:dyDescent="0.25">
      <c r="A5071">
        <v>145.88999999999999</v>
      </c>
      <c r="B5071">
        <v>182.26</v>
      </c>
      <c r="C5071">
        <v>7981.8</v>
      </c>
      <c r="D5071">
        <v>3.4</v>
      </c>
      <c r="E5071">
        <v>9214.68</v>
      </c>
      <c r="F5071">
        <v>19.564800000000002</v>
      </c>
    </row>
    <row r="5072" spans="1:6" x14ac:dyDescent="0.25">
      <c r="A5072">
        <v>145.88999999999999</v>
      </c>
      <c r="B5072">
        <v>182.26</v>
      </c>
      <c r="C5072">
        <v>7981.8</v>
      </c>
      <c r="D5072">
        <v>3.7</v>
      </c>
      <c r="E5072">
        <v>9305.5499999999993</v>
      </c>
      <c r="F5072">
        <v>19.581600000000002</v>
      </c>
    </row>
    <row r="5073" spans="1:6" x14ac:dyDescent="0.25">
      <c r="A5073">
        <v>145.88999999999999</v>
      </c>
      <c r="B5073">
        <v>182.26</v>
      </c>
      <c r="C5073">
        <v>7981.8</v>
      </c>
      <c r="D5073">
        <v>4</v>
      </c>
      <c r="E5073">
        <v>9205.39</v>
      </c>
      <c r="F5073">
        <v>19.6051</v>
      </c>
    </row>
    <row r="5074" spans="1:6" x14ac:dyDescent="0.25">
      <c r="A5074">
        <v>145.88999999999999</v>
      </c>
      <c r="B5074">
        <v>182.26</v>
      </c>
      <c r="C5074">
        <v>9527.25</v>
      </c>
      <c r="D5074">
        <v>1</v>
      </c>
      <c r="E5074">
        <v>13361.2</v>
      </c>
      <c r="F5074">
        <v>19.2102</v>
      </c>
    </row>
    <row r="5075" spans="1:6" x14ac:dyDescent="0.25">
      <c r="A5075">
        <v>145.88999999999999</v>
      </c>
      <c r="B5075">
        <v>182.26</v>
      </c>
      <c r="C5075">
        <v>9527.25</v>
      </c>
      <c r="D5075">
        <v>1.3</v>
      </c>
      <c r="E5075">
        <v>12586.4</v>
      </c>
      <c r="F5075">
        <v>18.633299999999998</v>
      </c>
    </row>
    <row r="5076" spans="1:6" x14ac:dyDescent="0.25">
      <c r="A5076">
        <v>145.88999999999999</v>
      </c>
      <c r="B5076">
        <v>182.26</v>
      </c>
      <c r="C5076">
        <v>9527.25</v>
      </c>
      <c r="D5076">
        <v>1.6</v>
      </c>
      <c r="E5076">
        <v>11998.1</v>
      </c>
      <c r="F5076">
        <v>18.923300000000001</v>
      </c>
    </row>
    <row r="5077" spans="1:6" x14ac:dyDescent="0.25">
      <c r="A5077">
        <v>145.88999999999999</v>
      </c>
      <c r="B5077">
        <v>182.26</v>
      </c>
      <c r="C5077">
        <v>9527.25</v>
      </c>
      <c r="D5077">
        <v>1.9</v>
      </c>
      <c r="E5077">
        <v>11722.1</v>
      </c>
      <c r="F5077">
        <v>19.078600000000002</v>
      </c>
    </row>
    <row r="5078" spans="1:6" x14ac:dyDescent="0.25">
      <c r="A5078">
        <v>145.88999999999999</v>
      </c>
      <c r="B5078">
        <v>182.26</v>
      </c>
      <c r="C5078">
        <v>9527.25</v>
      </c>
      <c r="D5078">
        <v>2.2000000000000002</v>
      </c>
      <c r="E5078">
        <v>11400.7</v>
      </c>
      <c r="F5078">
        <v>19.270199999999999</v>
      </c>
    </row>
    <row r="5079" spans="1:6" x14ac:dyDescent="0.25">
      <c r="A5079">
        <v>145.88999999999999</v>
      </c>
      <c r="B5079">
        <v>182.26</v>
      </c>
      <c r="C5079">
        <v>9527.25</v>
      </c>
      <c r="D5079">
        <v>2.5</v>
      </c>
      <c r="E5079">
        <v>11226.4</v>
      </c>
      <c r="F5079">
        <v>19.400099999999998</v>
      </c>
    </row>
    <row r="5080" spans="1:6" x14ac:dyDescent="0.25">
      <c r="A5080">
        <v>145.88999999999999</v>
      </c>
      <c r="B5080">
        <v>182.26</v>
      </c>
      <c r="C5080">
        <v>9527.25</v>
      </c>
      <c r="D5080">
        <v>2.8</v>
      </c>
      <c r="E5080">
        <v>11013.5</v>
      </c>
      <c r="F5080">
        <v>19.549299999999999</v>
      </c>
    </row>
    <row r="5081" spans="1:6" x14ac:dyDescent="0.25">
      <c r="A5081">
        <v>145.88999999999999</v>
      </c>
      <c r="B5081">
        <v>182.26</v>
      </c>
      <c r="C5081">
        <v>9527.25</v>
      </c>
      <c r="D5081">
        <v>3.1</v>
      </c>
      <c r="E5081">
        <v>10933.1</v>
      </c>
      <c r="F5081">
        <v>19.552800000000001</v>
      </c>
    </row>
    <row r="5082" spans="1:6" x14ac:dyDescent="0.25">
      <c r="A5082">
        <v>145.88999999999999</v>
      </c>
      <c r="B5082">
        <v>182.26</v>
      </c>
      <c r="C5082">
        <v>9527.25</v>
      </c>
      <c r="D5082">
        <v>3.4</v>
      </c>
      <c r="E5082">
        <v>10908.1</v>
      </c>
      <c r="F5082">
        <v>19.564800000000002</v>
      </c>
    </row>
    <row r="5083" spans="1:6" x14ac:dyDescent="0.25">
      <c r="A5083">
        <v>145.88999999999999</v>
      </c>
      <c r="B5083">
        <v>182.26</v>
      </c>
      <c r="C5083">
        <v>9527.25</v>
      </c>
      <c r="D5083">
        <v>3.7</v>
      </c>
      <c r="E5083">
        <v>10810.8</v>
      </c>
      <c r="F5083">
        <v>19.581600000000002</v>
      </c>
    </row>
    <row r="5084" spans="1:6" x14ac:dyDescent="0.25">
      <c r="A5084">
        <v>145.88999999999999</v>
      </c>
      <c r="B5084">
        <v>182.26</v>
      </c>
      <c r="C5084">
        <v>9527.25</v>
      </c>
      <c r="D5084">
        <v>4</v>
      </c>
      <c r="E5084">
        <v>10748.1</v>
      </c>
      <c r="F5084">
        <v>19.6051</v>
      </c>
    </row>
    <row r="5085" spans="1:6" x14ac:dyDescent="0.25">
      <c r="A5085">
        <v>145.88999999999999</v>
      </c>
      <c r="B5085">
        <v>182.26</v>
      </c>
      <c r="C5085">
        <v>11072.7</v>
      </c>
      <c r="D5085">
        <v>1</v>
      </c>
      <c r="E5085">
        <v>14591.1</v>
      </c>
      <c r="F5085">
        <v>19.2102</v>
      </c>
    </row>
    <row r="5086" spans="1:6" x14ac:dyDescent="0.25">
      <c r="A5086">
        <v>145.88999999999999</v>
      </c>
      <c r="B5086">
        <v>182.26</v>
      </c>
      <c r="C5086">
        <v>11072.7</v>
      </c>
      <c r="D5086">
        <v>1.3</v>
      </c>
      <c r="E5086">
        <v>14245</v>
      </c>
      <c r="F5086">
        <v>18.633299999999998</v>
      </c>
    </row>
    <row r="5087" spans="1:6" x14ac:dyDescent="0.25">
      <c r="A5087">
        <v>145.88999999999999</v>
      </c>
      <c r="B5087">
        <v>182.26</v>
      </c>
      <c r="C5087">
        <v>11072.7</v>
      </c>
      <c r="D5087">
        <v>1.6</v>
      </c>
      <c r="E5087">
        <v>13642.1</v>
      </c>
      <c r="F5087">
        <v>18.923300000000001</v>
      </c>
    </row>
    <row r="5088" spans="1:6" x14ac:dyDescent="0.25">
      <c r="A5088">
        <v>145.88999999999999</v>
      </c>
      <c r="B5088">
        <v>182.26</v>
      </c>
      <c r="C5088">
        <v>11072.7</v>
      </c>
      <c r="D5088">
        <v>1.9</v>
      </c>
      <c r="E5088">
        <v>13234.1</v>
      </c>
      <c r="F5088">
        <v>19.078600000000002</v>
      </c>
    </row>
    <row r="5089" spans="1:6" x14ac:dyDescent="0.25">
      <c r="A5089">
        <v>145.88999999999999</v>
      </c>
      <c r="B5089">
        <v>182.26</v>
      </c>
      <c r="C5089">
        <v>11072.7</v>
      </c>
      <c r="D5089">
        <v>2.2000000000000002</v>
      </c>
      <c r="E5089">
        <v>12978.3</v>
      </c>
      <c r="F5089">
        <v>19.270199999999999</v>
      </c>
    </row>
    <row r="5090" spans="1:6" x14ac:dyDescent="0.25">
      <c r="A5090">
        <v>145.88999999999999</v>
      </c>
      <c r="B5090">
        <v>182.26</v>
      </c>
      <c r="C5090">
        <v>11072.7</v>
      </c>
      <c r="D5090">
        <v>2.5</v>
      </c>
      <c r="E5090">
        <v>12789</v>
      </c>
      <c r="F5090">
        <v>19.400099999999998</v>
      </c>
    </row>
    <row r="5091" spans="1:6" x14ac:dyDescent="0.25">
      <c r="A5091">
        <v>145.88999999999999</v>
      </c>
      <c r="B5091">
        <v>182.26</v>
      </c>
      <c r="C5091">
        <v>11072.7</v>
      </c>
      <c r="D5091">
        <v>2.8</v>
      </c>
      <c r="E5091">
        <v>12645.4</v>
      </c>
      <c r="F5091">
        <v>19.549299999999999</v>
      </c>
    </row>
    <row r="5092" spans="1:6" x14ac:dyDescent="0.25">
      <c r="A5092">
        <v>145.88999999999999</v>
      </c>
      <c r="B5092">
        <v>182.26</v>
      </c>
      <c r="C5092">
        <v>11072.7</v>
      </c>
      <c r="D5092">
        <v>3.1</v>
      </c>
      <c r="E5092">
        <v>12458.1</v>
      </c>
      <c r="F5092">
        <v>19.552800000000001</v>
      </c>
    </row>
    <row r="5093" spans="1:6" x14ac:dyDescent="0.25">
      <c r="A5093">
        <v>145.88999999999999</v>
      </c>
      <c r="B5093">
        <v>182.26</v>
      </c>
      <c r="C5093">
        <v>11072.7</v>
      </c>
      <c r="D5093">
        <v>3.4</v>
      </c>
      <c r="E5093">
        <v>12343.2</v>
      </c>
      <c r="F5093">
        <v>19.564800000000002</v>
      </c>
    </row>
    <row r="5094" spans="1:6" x14ac:dyDescent="0.25">
      <c r="A5094">
        <v>145.88999999999999</v>
      </c>
      <c r="B5094">
        <v>182.26</v>
      </c>
      <c r="C5094">
        <v>11072.7</v>
      </c>
      <c r="D5094">
        <v>3.7</v>
      </c>
      <c r="E5094">
        <v>12243.1</v>
      </c>
      <c r="F5094">
        <v>19.581600000000002</v>
      </c>
    </row>
    <row r="5095" spans="1:6" x14ac:dyDescent="0.25">
      <c r="A5095">
        <v>145.88999999999999</v>
      </c>
      <c r="B5095">
        <v>182.26</v>
      </c>
      <c r="C5095">
        <v>11072.7</v>
      </c>
      <c r="D5095">
        <v>4</v>
      </c>
      <c r="E5095">
        <v>12242.3</v>
      </c>
      <c r="F5095">
        <v>19.6051</v>
      </c>
    </row>
    <row r="5096" spans="1:6" x14ac:dyDescent="0.25">
      <c r="A5096">
        <v>145.88999999999999</v>
      </c>
      <c r="B5096">
        <v>182.26</v>
      </c>
      <c r="C5096">
        <v>12618.2</v>
      </c>
      <c r="D5096">
        <v>1</v>
      </c>
      <c r="E5096">
        <v>16426.3</v>
      </c>
      <c r="F5096">
        <v>19.2102</v>
      </c>
    </row>
    <row r="5097" spans="1:6" x14ac:dyDescent="0.25">
      <c r="A5097">
        <v>145.88999999999999</v>
      </c>
      <c r="B5097">
        <v>182.26</v>
      </c>
      <c r="C5097">
        <v>12618.2</v>
      </c>
      <c r="D5097">
        <v>1.3</v>
      </c>
      <c r="E5097">
        <v>15800.1</v>
      </c>
      <c r="F5097">
        <v>18.633299999999998</v>
      </c>
    </row>
    <row r="5098" spans="1:6" x14ac:dyDescent="0.25">
      <c r="A5098">
        <v>145.88999999999999</v>
      </c>
      <c r="B5098">
        <v>182.26</v>
      </c>
      <c r="C5098">
        <v>12618.2</v>
      </c>
      <c r="D5098">
        <v>1.6</v>
      </c>
      <c r="E5098">
        <v>15180.8</v>
      </c>
      <c r="F5098">
        <v>18.923300000000001</v>
      </c>
    </row>
    <row r="5099" spans="1:6" x14ac:dyDescent="0.25">
      <c r="A5099">
        <v>145.88999999999999</v>
      </c>
      <c r="B5099">
        <v>182.26</v>
      </c>
      <c r="C5099">
        <v>12618.2</v>
      </c>
      <c r="D5099">
        <v>1.9</v>
      </c>
      <c r="E5099">
        <v>15038</v>
      </c>
      <c r="F5099">
        <v>19.078600000000002</v>
      </c>
    </row>
    <row r="5100" spans="1:6" x14ac:dyDescent="0.25">
      <c r="A5100">
        <v>145.88999999999999</v>
      </c>
      <c r="B5100">
        <v>182.26</v>
      </c>
      <c r="C5100">
        <v>12618.2</v>
      </c>
      <c r="D5100">
        <v>2.2000000000000002</v>
      </c>
      <c r="E5100">
        <v>14629.2</v>
      </c>
      <c r="F5100">
        <v>19.270199999999999</v>
      </c>
    </row>
    <row r="5101" spans="1:6" x14ac:dyDescent="0.25">
      <c r="A5101">
        <v>145.88999999999999</v>
      </c>
      <c r="B5101">
        <v>182.26</v>
      </c>
      <c r="C5101">
        <v>12618.2</v>
      </c>
      <c r="D5101">
        <v>2.5</v>
      </c>
      <c r="E5101">
        <v>14399.2</v>
      </c>
      <c r="F5101">
        <v>19.400099999999998</v>
      </c>
    </row>
    <row r="5102" spans="1:6" x14ac:dyDescent="0.25">
      <c r="A5102">
        <v>145.88999999999999</v>
      </c>
      <c r="B5102">
        <v>182.26</v>
      </c>
      <c r="C5102">
        <v>12618.2</v>
      </c>
      <c r="D5102">
        <v>2.8</v>
      </c>
      <c r="E5102">
        <v>14304.3</v>
      </c>
      <c r="F5102">
        <v>19.549299999999999</v>
      </c>
    </row>
    <row r="5103" spans="1:6" x14ac:dyDescent="0.25">
      <c r="A5103">
        <v>145.88999999999999</v>
      </c>
      <c r="B5103">
        <v>182.26</v>
      </c>
      <c r="C5103">
        <v>12618.2</v>
      </c>
      <c r="D5103">
        <v>3.1</v>
      </c>
      <c r="E5103">
        <v>14122.8</v>
      </c>
      <c r="F5103">
        <v>19.552800000000001</v>
      </c>
    </row>
    <row r="5104" spans="1:6" x14ac:dyDescent="0.25">
      <c r="A5104">
        <v>145.88999999999999</v>
      </c>
      <c r="B5104">
        <v>182.26</v>
      </c>
      <c r="C5104">
        <v>12618.2</v>
      </c>
      <c r="D5104">
        <v>3.4</v>
      </c>
      <c r="E5104">
        <v>13985.3</v>
      </c>
      <c r="F5104">
        <v>19.564800000000002</v>
      </c>
    </row>
    <row r="5105" spans="1:6" x14ac:dyDescent="0.25">
      <c r="A5105">
        <v>145.88999999999999</v>
      </c>
      <c r="B5105">
        <v>182.26</v>
      </c>
      <c r="C5105">
        <v>12618.2</v>
      </c>
      <c r="D5105">
        <v>3.7</v>
      </c>
      <c r="E5105">
        <v>13875.6</v>
      </c>
      <c r="F5105">
        <v>19.581600000000002</v>
      </c>
    </row>
    <row r="5106" spans="1:6" x14ac:dyDescent="0.25">
      <c r="A5106">
        <v>145.88999999999999</v>
      </c>
      <c r="B5106">
        <v>182.26</v>
      </c>
      <c r="C5106">
        <v>12618.2</v>
      </c>
      <c r="D5106">
        <v>4</v>
      </c>
      <c r="E5106">
        <v>13794.2</v>
      </c>
      <c r="F5106">
        <v>19.6051</v>
      </c>
    </row>
    <row r="5107" spans="1:6" x14ac:dyDescent="0.25">
      <c r="A5107">
        <v>145.88999999999999</v>
      </c>
      <c r="B5107">
        <v>182.26</v>
      </c>
      <c r="C5107">
        <v>14163.6</v>
      </c>
      <c r="D5107">
        <v>1</v>
      </c>
      <c r="E5107">
        <v>17887.599999999999</v>
      </c>
      <c r="F5107">
        <v>19.2102</v>
      </c>
    </row>
    <row r="5108" spans="1:6" x14ac:dyDescent="0.25">
      <c r="A5108">
        <v>145.88999999999999</v>
      </c>
      <c r="B5108">
        <v>182.26</v>
      </c>
      <c r="C5108">
        <v>14163.6</v>
      </c>
      <c r="D5108">
        <v>1.3</v>
      </c>
      <c r="E5108">
        <v>17310.5</v>
      </c>
      <c r="F5108">
        <v>18.633299999999998</v>
      </c>
    </row>
    <row r="5109" spans="1:6" x14ac:dyDescent="0.25">
      <c r="A5109">
        <v>145.88999999999999</v>
      </c>
      <c r="B5109">
        <v>182.26</v>
      </c>
      <c r="C5109">
        <v>14163.6</v>
      </c>
      <c r="D5109">
        <v>1.6</v>
      </c>
      <c r="E5109">
        <v>16610.099999999999</v>
      </c>
      <c r="F5109">
        <v>18.923300000000001</v>
      </c>
    </row>
    <row r="5110" spans="1:6" x14ac:dyDescent="0.25">
      <c r="A5110">
        <v>145.88999999999999</v>
      </c>
      <c r="B5110">
        <v>182.26</v>
      </c>
      <c r="C5110">
        <v>14163.6</v>
      </c>
      <c r="D5110">
        <v>1.9</v>
      </c>
      <c r="E5110">
        <v>16554</v>
      </c>
      <c r="F5110">
        <v>19.078600000000002</v>
      </c>
    </row>
    <row r="5111" spans="1:6" x14ac:dyDescent="0.25">
      <c r="A5111">
        <v>145.88999999999999</v>
      </c>
      <c r="B5111">
        <v>182.26</v>
      </c>
      <c r="C5111">
        <v>14163.6</v>
      </c>
      <c r="D5111">
        <v>2.2000000000000002</v>
      </c>
      <c r="E5111">
        <v>16099.5</v>
      </c>
      <c r="F5111">
        <v>19.270199999999999</v>
      </c>
    </row>
    <row r="5112" spans="1:6" x14ac:dyDescent="0.25">
      <c r="A5112">
        <v>145.88999999999999</v>
      </c>
      <c r="B5112">
        <v>182.26</v>
      </c>
      <c r="C5112">
        <v>14163.6</v>
      </c>
      <c r="D5112">
        <v>2.5</v>
      </c>
      <c r="E5112">
        <v>16015.1</v>
      </c>
      <c r="F5112">
        <v>19.400099999999998</v>
      </c>
    </row>
    <row r="5113" spans="1:6" x14ac:dyDescent="0.25">
      <c r="A5113">
        <v>145.88999999999999</v>
      </c>
      <c r="B5113">
        <v>182.26</v>
      </c>
      <c r="C5113">
        <v>14163.6</v>
      </c>
      <c r="D5113">
        <v>2.8</v>
      </c>
      <c r="E5113">
        <v>15621.7</v>
      </c>
      <c r="F5113">
        <v>19.549299999999999</v>
      </c>
    </row>
    <row r="5114" spans="1:6" x14ac:dyDescent="0.25">
      <c r="A5114">
        <v>145.88999999999999</v>
      </c>
      <c r="B5114">
        <v>182.26</v>
      </c>
      <c r="C5114">
        <v>14163.6</v>
      </c>
      <c r="D5114">
        <v>3.1</v>
      </c>
      <c r="E5114">
        <v>15561.6</v>
      </c>
      <c r="F5114">
        <v>19.552800000000001</v>
      </c>
    </row>
    <row r="5115" spans="1:6" x14ac:dyDescent="0.25">
      <c r="A5115">
        <v>145.88999999999999</v>
      </c>
      <c r="B5115">
        <v>182.26</v>
      </c>
      <c r="C5115">
        <v>14163.6</v>
      </c>
      <c r="D5115">
        <v>3.4</v>
      </c>
      <c r="E5115">
        <v>15419.4</v>
      </c>
      <c r="F5115">
        <v>19.564800000000002</v>
      </c>
    </row>
    <row r="5116" spans="1:6" x14ac:dyDescent="0.25">
      <c r="A5116">
        <v>145.88999999999999</v>
      </c>
      <c r="B5116">
        <v>182.26</v>
      </c>
      <c r="C5116">
        <v>14163.6</v>
      </c>
      <c r="D5116">
        <v>3.7</v>
      </c>
      <c r="E5116">
        <v>15310.8</v>
      </c>
      <c r="F5116">
        <v>19.581600000000002</v>
      </c>
    </row>
    <row r="5117" spans="1:6" x14ac:dyDescent="0.25">
      <c r="A5117">
        <v>145.88999999999999</v>
      </c>
      <c r="B5117">
        <v>182.26</v>
      </c>
      <c r="C5117">
        <v>14163.6</v>
      </c>
      <c r="D5117">
        <v>4</v>
      </c>
      <c r="E5117">
        <v>15376.6</v>
      </c>
      <c r="F5117">
        <v>19.6051</v>
      </c>
    </row>
    <row r="5118" spans="1:6" x14ac:dyDescent="0.25">
      <c r="A5118">
        <v>145.88999999999999</v>
      </c>
      <c r="B5118">
        <v>182.26</v>
      </c>
      <c r="C5118">
        <v>15709.1</v>
      </c>
      <c r="D5118">
        <v>1</v>
      </c>
      <c r="E5118">
        <v>19281.599999999999</v>
      </c>
      <c r="F5118">
        <v>19.2102</v>
      </c>
    </row>
    <row r="5119" spans="1:6" x14ac:dyDescent="0.25">
      <c r="A5119">
        <v>145.88999999999999</v>
      </c>
      <c r="B5119">
        <v>182.26</v>
      </c>
      <c r="C5119">
        <v>15709.1</v>
      </c>
      <c r="D5119">
        <v>1.3</v>
      </c>
      <c r="E5119">
        <v>18723.099999999999</v>
      </c>
      <c r="F5119">
        <v>18.633299999999998</v>
      </c>
    </row>
    <row r="5120" spans="1:6" x14ac:dyDescent="0.25">
      <c r="A5120">
        <v>145.88999999999999</v>
      </c>
      <c r="B5120">
        <v>182.26</v>
      </c>
      <c r="C5120">
        <v>15709.1</v>
      </c>
      <c r="D5120">
        <v>1.6</v>
      </c>
      <c r="E5120">
        <v>18395.900000000001</v>
      </c>
      <c r="F5120">
        <v>18.923300000000001</v>
      </c>
    </row>
    <row r="5121" spans="1:6" x14ac:dyDescent="0.25">
      <c r="A5121">
        <v>145.88999999999999</v>
      </c>
      <c r="B5121">
        <v>182.26</v>
      </c>
      <c r="C5121">
        <v>15709.1</v>
      </c>
      <c r="D5121">
        <v>1.9</v>
      </c>
      <c r="E5121">
        <v>17933.5</v>
      </c>
      <c r="F5121">
        <v>19.078600000000002</v>
      </c>
    </row>
    <row r="5122" spans="1:6" x14ac:dyDescent="0.25">
      <c r="A5122">
        <v>145.88999999999999</v>
      </c>
      <c r="B5122">
        <v>182.26</v>
      </c>
      <c r="C5122">
        <v>15709.1</v>
      </c>
      <c r="D5122">
        <v>2.2000000000000002</v>
      </c>
      <c r="E5122">
        <v>17837.099999999999</v>
      </c>
      <c r="F5122">
        <v>19.270199999999999</v>
      </c>
    </row>
    <row r="5123" spans="1:6" x14ac:dyDescent="0.25">
      <c r="A5123">
        <v>145.88999999999999</v>
      </c>
      <c r="B5123">
        <v>182.26</v>
      </c>
      <c r="C5123">
        <v>15709.1</v>
      </c>
      <c r="D5123">
        <v>2.5</v>
      </c>
      <c r="E5123">
        <v>17421.8</v>
      </c>
      <c r="F5123">
        <v>19.400099999999998</v>
      </c>
    </row>
    <row r="5124" spans="1:6" x14ac:dyDescent="0.25">
      <c r="A5124">
        <v>145.88999999999999</v>
      </c>
      <c r="B5124">
        <v>182.26</v>
      </c>
      <c r="C5124">
        <v>15709.1</v>
      </c>
      <c r="D5124">
        <v>2.8</v>
      </c>
      <c r="E5124">
        <v>17150.599999999999</v>
      </c>
      <c r="F5124">
        <v>19.549299999999999</v>
      </c>
    </row>
    <row r="5125" spans="1:6" x14ac:dyDescent="0.25">
      <c r="A5125">
        <v>145.88999999999999</v>
      </c>
      <c r="B5125">
        <v>182.26</v>
      </c>
      <c r="C5125">
        <v>15709.1</v>
      </c>
      <c r="D5125">
        <v>3.1</v>
      </c>
      <c r="E5125">
        <v>17152.900000000001</v>
      </c>
      <c r="F5125">
        <v>19.552800000000001</v>
      </c>
    </row>
    <row r="5126" spans="1:6" x14ac:dyDescent="0.25">
      <c r="A5126">
        <v>145.88999999999999</v>
      </c>
      <c r="B5126">
        <v>182.26</v>
      </c>
      <c r="C5126">
        <v>15709.1</v>
      </c>
      <c r="D5126">
        <v>3.4</v>
      </c>
      <c r="E5126">
        <v>17051</v>
      </c>
      <c r="F5126">
        <v>19.564800000000002</v>
      </c>
    </row>
    <row r="5127" spans="1:6" x14ac:dyDescent="0.25">
      <c r="A5127">
        <v>145.88999999999999</v>
      </c>
      <c r="B5127">
        <v>182.26</v>
      </c>
      <c r="C5127">
        <v>15709.1</v>
      </c>
      <c r="D5127">
        <v>3.7</v>
      </c>
      <c r="E5127">
        <v>16877</v>
      </c>
      <c r="F5127">
        <v>19.581600000000002</v>
      </c>
    </row>
    <row r="5128" spans="1:6" x14ac:dyDescent="0.25">
      <c r="A5128">
        <v>145.88999999999999</v>
      </c>
      <c r="B5128">
        <v>182.26</v>
      </c>
      <c r="C5128">
        <v>15709.1</v>
      </c>
      <c r="D5128">
        <v>4</v>
      </c>
      <c r="E5128">
        <v>16928.8</v>
      </c>
      <c r="F5128">
        <v>19.6051</v>
      </c>
    </row>
    <row r="5129" spans="1:6" x14ac:dyDescent="0.25">
      <c r="A5129">
        <v>145.88999999999999</v>
      </c>
      <c r="B5129">
        <v>182.26</v>
      </c>
      <c r="C5129">
        <v>17254.5</v>
      </c>
      <c r="D5129">
        <v>1</v>
      </c>
      <c r="E5129">
        <v>20796.5</v>
      </c>
      <c r="F5129">
        <v>19.2102</v>
      </c>
    </row>
    <row r="5130" spans="1:6" x14ac:dyDescent="0.25">
      <c r="A5130">
        <v>145.88999999999999</v>
      </c>
      <c r="B5130">
        <v>182.26</v>
      </c>
      <c r="C5130">
        <v>17254.5</v>
      </c>
      <c r="D5130">
        <v>1.3</v>
      </c>
      <c r="E5130">
        <v>20207.8</v>
      </c>
      <c r="F5130">
        <v>18.633299999999998</v>
      </c>
    </row>
    <row r="5131" spans="1:6" x14ac:dyDescent="0.25">
      <c r="A5131">
        <v>145.88999999999999</v>
      </c>
      <c r="B5131">
        <v>182.26</v>
      </c>
      <c r="C5131">
        <v>17254.5</v>
      </c>
      <c r="D5131">
        <v>1.6</v>
      </c>
      <c r="E5131">
        <v>19874.7</v>
      </c>
      <c r="F5131">
        <v>18.923300000000001</v>
      </c>
    </row>
    <row r="5132" spans="1:6" x14ac:dyDescent="0.25">
      <c r="A5132">
        <v>145.88999999999999</v>
      </c>
      <c r="B5132">
        <v>182.26</v>
      </c>
      <c r="C5132">
        <v>17254.5</v>
      </c>
      <c r="D5132">
        <v>1.9</v>
      </c>
      <c r="E5132">
        <v>19450.8</v>
      </c>
      <c r="F5132">
        <v>19.078600000000002</v>
      </c>
    </row>
    <row r="5133" spans="1:6" x14ac:dyDescent="0.25">
      <c r="A5133">
        <v>145.88999999999999</v>
      </c>
      <c r="B5133">
        <v>182.26</v>
      </c>
      <c r="C5133">
        <v>17254.5</v>
      </c>
      <c r="D5133">
        <v>2.2000000000000002</v>
      </c>
      <c r="E5133">
        <v>19355.400000000001</v>
      </c>
      <c r="F5133">
        <v>19.270199999999999</v>
      </c>
    </row>
    <row r="5134" spans="1:6" x14ac:dyDescent="0.25">
      <c r="A5134">
        <v>145.88999999999999</v>
      </c>
      <c r="B5134">
        <v>182.26</v>
      </c>
      <c r="C5134">
        <v>17254.5</v>
      </c>
      <c r="D5134">
        <v>2.5</v>
      </c>
      <c r="E5134">
        <v>18967.5</v>
      </c>
      <c r="F5134">
        <v>19.400099999999998</v>
      </c>
    </row>
    <row r="5135" spans="1:6" x14ac:dyDescent="0.25">
      <c r="A5135">
        <v>145.88999999999999</v>
      </c>
      <c r="B5135">
        <v>182.26</v>
      </c>
      <c r="C5135">
        <v>17254.5</v>
      </c>
      <c r="D5135">
        <v>2.8</v>
      </c>
      <c r="E5135">
        <v>18772.400000000001</v>
      </c>
      <c r="F5135">
        <v>19.549299999999999</v>
      </c>
    </row>
    <row r="5136" spans="1:6" x14ac:dyDescent="0.25">
      <c r="A5136">
        <v>145.88999999999999</v>
      </c>
      <c r="B5136">
        <v>182.26</v>
      </c>
      <c r="C5136">
        <v>17254.5</v>
      </c>
      <c r="D5136">
        <v>3.1</v>
      </c>
      <c r="E5136">
        <v>18617</v>
      </c>
      <c r="F5136">
        <v>19.552800000000001</v>
      </c>
    </row>
    <row r="5137" spans="1:6" x14ac:dyDescent="0.25">
      <c r="A5137">
        <v>145.88999999999999</v>
      </c>
      <c r="B5137">
        <v>182.26</v>
      </c>
      <c r="C5137">
        <v>17254.5</v>
      </c>
      <c r="D5137">
        <v>3.4</v>
      </c>
      <c r="E5137">
        <v>18691.8</v>
      </c>
      <c r="F5137">
        <v>19.564800000000002</v>
      </c>
    </row>
    <row r="5138" spans="1:6" x14ac:dyDescent="0.25">
      <c r="A5138">
        <v>145.88999999999999</v>
      </c>
      <c r="B5138">
        <v>182.26</v>
      </c>
      <c r="C5138">
        <v>17254.5</v>
      </c>
      <c r="D5138">
        <v>3.7</v>
      </c>
      <c r="E5138">
        <v>18565.3</v>
      </c>
      <c r="F5138">
        <v>19.581600000000002</v>
      </c>
    </row>
    <row r="5139" spans="1:6" x14ac:dyDescent="0.25">
      <c r="A5139">
        <v>145.88999999999999</v>
      </c>
      <c r="B5139">
        <v>182.26</v>
      </c>
      <c r="C5139">
        <v>17254.5</v>
      </c>
      <c r="D5139">
        <v>4</v>
      </c>
      <c r="E5139">
        <v>18465.5</v>
      </c>
      <c r="F5139">
        <v>19.6051</v>
      </c>
    </row>
    <row r="5140" spans="1:6" x14ac:dyDescent="0.25">
      <c r="A5140">
        <v>145.88999999999999</v>
      </c>
      <c r="B5140">
        <v>182.26</v>
      </c>
      <c r="C5140">
        <v>18800</v>
      </c>
      <c r="D5140">
        <v>1</v>
      </c>
      <c r="E5140">
        <v>22468.7</v>
      </c>
      <c r="F5140">
        <v>19.2102</v>
      </c>
    </row>
    <row r="5141" spans="1:6" x14ac:dyDescent="0.25">
      <c r="A5141">
        <v>145.88999999999999</v>
      </c>
      <c r="B5141">
        <v>182.26</v>
      </c>
      <c r="C5141">
        <v>18800</v>
      </c>
      <c r="D5141">
        <v>1.3</v>
      </c>
      <c r="E5141">
        <v>21858.3</v>
      </c>
      <c r="F5141">
        <v>18.633299999999998</v>
      </c>
    </row>
    <row r="5142" spans="1:6" x14ac:dyDescent="0.25">
      <c r="A5142">
        <v>145.88999999999999</v>
      </c>
      <c r="B5142">
        <v>182.26</v>
      </c>
      <c r="C5142">
        <v>18800</v>
      </c>
      <c r="D5142">
        <v>1.6</v>
      </c>
      <c r="E5142">
        <v>21704.2</v>
      </c>
      <c r="F5142">
        <v>18.923300000000001</v>
      </c>
    </row>
    <row r="5143" spans="1:6" x14ac:dyDescent="0.25">
      <c r="A5143">
        <v>145.88999999999999</v>
      </c>
      <c r="B5143">
        <v>182.26</v>
      </c>
      <c r="C5143">
        <v>18800</v>
      </c>
      <c r="D5143">
        <v>1.9</v>
      </c>
      <c r="E5143">
        <v>21269.7</v>
      </c>
      <c r="F5143">
        <v>19.078600000000002</v>
      </c>
    </row>
    <row r="5144" spans="1:6" x14ac:dyDescent="0.25">
      <c r="A5144">
        <v>145.88999999999999</v>
      </c>
      <c r="B5144">
        <v>182.26</v>
      </c>
      <c r="C5144">
        <v>18800</v>
      </c>
      <c r="D5144">
        <v>2.2000000000000002</v>
      </c>
      <c r="E5144">
        <v>20732.099999999999</v>
      </c>
      <c r="F5144">
        <v>19.270199999999999</v>
      </c>
    </row>
    <row r="5145" spans="1:6" x14ac:dyDescent="0.25">
      <c r="A5145">
        <v>145.88999999999999</v>
      </c>
      <c r="B5145">
        <v>182.26</v>
      </c>
      <c r="C5145">
        <v>18800</v>
      </c>
      <c r="D5145">
        <v>2.5</v>
      </c>
      <c r="E5145">
        <v>20631.400000000001</v>
      </c>
      <c r="F5145">
        <v>19.400099999999998</v>
      </c>
    </row>
    <row r="5146" spans="1:6" x14ac:dyDescent="0.25">
      <c r="A5146">
        <v>145.88999999999999</v>
      </c>
      <c r="B5146">
        <v>182.26</v>
      </c>
      <c r="C5146">
        <v>18800</v>
      </c>
      <c r="D5146">
        <v>2.8</v>
      </c>
      <c r="E5146">
        <v>20242.099999999999</v>
      </c>
      <c r="F5146">
        <v>19.549299999999999</v>
      </c>
    </row>
    <row r="5147" spans="1:6" x14ac:dyDescent="0.25">
      <c r="A5147">
        <v>145.88999999999999</v>
      </c>
      <c r="B5147">
        <v>182.26</v>
      </c>
      <c r="C5147">
        <v>18800</v>
      </c>
      <c r="D5147">
        <v>3.1</v>
      </c>
      <c r="E5147">
        <v>20211.599999999999</v>
      </c>
      <c r="F5147">
        <v>19.552800000000001</v>
      </c>
    </row>
    <row r="5148" spans="1:6" x14ac:dyDescent="0.25">
      <c r="A5148">
        <v>145.88999999999999</v>
      </c>
      <c r="B5148">
        <v>182.26</v>
      </c>
      <c r="C5148">
        <v>18800</v>
      </c>
      <c r="D5148">
        <v>3.4</v>
      </c>
      <c r="E5148">
        <v>20053.900000000001</v>
      </c>
      <c r="F5148">
        <v>19.564800000000002</v>
      </c>
    </row>
    <row r="5149" spans="1:6" x14ac:dyDescent="0.25">
      <c r="A5149">
        <v>145.88999999999999</v>
      </c>
      <c r="B5149">
        <v>182.26</v>
      </c>
      <c r="C5149">
        <v>18800</v>
      </c>
      <c r="D5149">
        <v>3.7</v>
      </c>
      <c r="E5149">
        <v>19946.5</v>
      </c>
      <c r="F5149">
        <v>19.581600000000002</v>
      </c>
    </row>
    <row r="5150" spans="1:6" x14ac:dyDescent="0.25">
      <c r="A5150">
        <v>145.88999999999999</v>
      </c>
      <c r="B5150">
        <v>182.26</v>
      </c>
      <c r="C5150">
        <v>18800</v>
      </c>
      <c r="D5150">
        <v>4</v>
      </c>
      <c r="E5150">
        <v>19906.2</v>
      </c>
      <c r="F5150">
        <v>19.6051</v>
      </c>
    </row>
    <row r="5151" spans="1:6" x14ac:dyDescent="0.25">
      <c r="A5151">
        <v>145.88999999999999</v>
      </c>
      <c r="B5151">
        <v>185.89</v>
      </c>
      <c r="C5151">
        <v>1800</v>
      </c>
      <c r="D5151">
        <v>1</v>
      </c>
      <c r="E5151">
        <v>5539.43</v>
      </c>
      <c r="F5151">
        <v>49.875599999999999</v>
      </c>
    </row>
    <row r="5152" spans="1:6" x14ac:dyDescent="0.25">
      <c r="A5152">
        <v>145.88999999999999</v>
      </c>
      <c r="B5152">
        <v>185.89</v>
      </c>
      <c r="C5152">
        <v>1800</v>
      </c>
      <c r="D5152">
        <v>1.3</v>
      </c>
      <c r="E5152">
        <v>4982.75</v>
      </c>
      <c r="F5152">
        <v>62.082500000000003</v>
      </c>
    </row>
    <row r="5153" spans="1:6" x14ac:dyDescent="0.25">
      <c r="A5153">
        <v>145.88999999999999</v>
      </c>
      <c r="B5153">
        <v>185.89</v>
      </c>
      <c r="C5153">
        <v>1800</v>
      </c>
      <c r="D5153">
        <v>1.6</v>
      </c>
      <c r="E5153">
        <v>4583.53</v>
      </c>
      <c r="F5153">
        <v>70.093800000000002</v>
      </c>
    </row>
    <row r="5154" spans="1:6" x14ac:dyDescent="0.25">
      <c r="A5154">
        <v>145.88999999999999</v>
      </c>
      <c r="B5154">
        <v>185.89</v>
      </c>
      <c r="C5154">
        <v>1800</v>
      </c>
      <c r="D5154">
        <v>1.9</v>
      </c>
      <c r="E5154">
        <v>4292.08</v>
      </c>
      <c r="F5154">
        <v>79.722800000000007</v>
      </c>
    </row>
    <row r="5155" spans="1:6" x14ac:dyDescent="0.25">
      <c r="A5155">
        <v>145.88999999999999</v>
      </c>
      <c r="B5155">
        <v>185.89</v>
      </c>
      <c r="C5155">
        <v>1800</v>
      </c>
      <c r="D5155">
        <v>2.2000000000000002</v>
      </c>
      <c r="E5155">
        <v>4143.55</v>
      </c>
      <c r="F5155">
        <v>90.291600000000003</v>
      </c>
    </row>
    <row r="5156" spans="1:6" x14ac:dyDescent="0.25">
      <c r="A5156">
        <v>145.88999999999999</v>
      </c>
      <c r="B5156">
        <v>185.89</v>
      </c>
      <c r="C5156">
        <v>1800</v>
      </c>
      <c r="D5156">
        <v>2.5</v>
      </c>
      <c r="E5156">
        <v>3977.27</v>
      </c>
      <c r="F5156">
        <v>91.917199999999994</v>
      </c>
    </row>
    <row r="5157" spans="1:6" x14ac:dyDescent="0.25">
      <c r="A5157">
        <v>145.88999999999999</v>
      </c>
      <c r="B5157">
        <v>185.89</v>
      </c>
      <c r="C5157">
        <v>1800</v>
      </c>
      <c r="D5157">
        <v>2.8</v>
      </c>
      <c r="E5157">
        <v>3846.92</v>
      </c>
      <c r="F5157">
        <v>97.841099999999997</v>
      </c>
    </row>
    <row r="5158" spans="1:6" x14ac:dyDescent="0.25">
      <c r="A5158">
        <v>145.88999999999999</v>
      </c>
      <c r="B5158">
        <v>185.89</v>
      </c>
      <c r="C5158">
        <v>1800</v>
      </c>
      <c r="D5158">
        <v>3.1</v>
      </c>
      <c r="E5158">
        <v>3771.38</v>
      </c>
      <c r="F5158">
        <v>100.85</v>
      </c>
    </row>
    <row r="5159" spans="1:6" x14ac:dyDescent="0.25">
      <c r="A5159">
        <v>145.88999999999999</v>
      </c>
      <c r="B5159">
        <v>185.89</v>
      </c>
      <c r="C5159">
        <v>1800</v>
      </c>
      <c r="D5159">
        <v>3.4</v>
      </c>
      <c r="E5159">
        <v>3696.49</v>
      </c>
      <c r="F5159">
        <v>102.093</v>
      </c>
    </row>
    <row r="5160" spans="1:6" x14ac:dyDescent="0.25">
      <c r="A5160">
        <v>145.88999999999999</v>
      </c>
      <c r="B5160">
        <v>185.89</v>
      </c>
      <c r="C5160">
        <v>1800</v>
      </c>
      <c r="D5160">
        <v>3.7</v>
      </c>
      <c r="E5160">
        <v>3614.79</v>
      </c>
      <c r="F5160">
        <v>103.989</v>
      </c>
    </row>
    <row r="5161" spans="1:6" x14ac:dyDescent="0.25">
      <c r="A5161">
        <v>145.88999999999999</v>
      </c>
      <c r="B5161">
        <v>185.89</v>
      </c>
      <c r="C5161">
        <v>1800</v>
      </c>
      <c r="D5161">
        <v>4</v>
      </c>
      <c r="E5161">
        <v>3586.21</v>
      </c>
      <c r="F5161">
        <v>105.7</v>
      </c>
    </row>
    <row r="5162" spans="1:6" x14ac:dyDescent="0.25">
      <c r="A5162">
        <v>145.88999999999999</v>
      </c>
      <c r="B5162">
        <v>185.89</v>
      </c>
      <c r="C5162">
        <v>3345.45</v>
      </c>
      <c r="D5162">
        <v>1</v>
      </c>
      <c r="E5162">
        <v>7087.77</v>
      </c>
      <c r="F5162">
        <v>21.169699999999999</v>
      </c>
    </row>
    <row r="5163" spans="1:6" x14ac:dyDescent="0.25">
      <c r="A5163">
        <v>145.88999999999999</v>
      </c>
      <c r="B5163">
        <v>185.89</v>
      </c>
      <c r="C5163">
        <v>3345.45</v>
      </c>
      <c r="D5163">
        <v>1.3</v>
      </c>
      <c r="E5163">
        <v>6385.28</v>
      </c>
      <c r="F5163">
        <v>24.3752</v>
      </c>
    </row>
    <row r="5164" spans="1:6" x14ac:dyDescent="0.25">
      <c r="A5164">
        <v>145.88999999999999</v>
      </c>
      <c r="B5164">
        <v>185.89</v>
      </c>
      <c r="C5164">
        <v>3345.45</v>
      </c>
      <c r="D5164">
        <v>1.6</v>
      </c>
      <c r="E5164">
        <v>5884.05</v>
      </c>
      <c r="F5164">
        <v>28.726500000000001</v>
      </c>
    </row>
    <row r="5165" spans="1:6" x14ac:dyDescent="0.25">
      <c r="A5165">
        <v>145.88999999999999</v>
      </c>
      <c r="B5165">
        <v>185.89</v>
      </c>
      <c r="C5165">
        <v>3345.45</v>
      </c>
      <c r="D5165">
        <v>1.9</v>
      </c>
      <c r="E5165">
        <v>5675.33</v>
      </c>
      <c r="F5165">
        <v>32.328699999999998</v>
      </c>
    </row>
    <row r="5166" spans="1:6" x14ac:dyDescent="0.25">
      <c r="A5166">
        <v>145.88999999999999</v>
      </c>
      <c r="B5166">
        <v>185.89</v>
      </c>
      <c r="C5166">
        <v>3345.45</v>
      </c>
      <c r="D5166">
        <v>2.2000000000000002</v>
      </c>
      <c r="E5166">
        <v>5512.63</v>
      </c>
      <c r="F5166">
        <v>36.000599999999999</v>
      </c>
    </row>
    <row r="5167" spans="1:6" x14ac:dyDescent="0.25">
      <c r="A5167">
        <v>145.88999999999999</v>
      </c>
      <c r="B5167">
        <v>185.89</v>
      </c>
      <c r="C5167">
        <v>3345.45</v>
      </c>
      <c r="D5167">
        <v>2.5</v>
      </c>
      <c r="E5167">
        <v>5285.01</v>
      </c>
      <c r="F5167">
        <v>42.221499999999999</v>
      </c>
    </row>
    <row r="5168" spans="1:6" x14ac:dyDescent="0.25">
      <c r="A5168">
        <v>145.88999999999999</v>
      </c>
      <c r="B5168">
        <v>185.89</v>
      </c>
      <c r="C5168">
        <v>3345.45</v>
      </c>
      <c r="D5168">
        <v>2.8</v>
      </c>
      <c r="E5168">
        <v>5144.3599999999997</v>
      </c>
      <c r="F5168">
        <v>48.350999999999999</v>
      </c>
    </row>
    <row r="5169" spans="1:6" x14ac:dyDescent="0.25">
      <c r="A5169">
        <v>145.88999999999999</v>
      </c>
      <c r="B5169">
        <v>185.89</v>
      </c>
      <c r="C5169">
        <v>3345.45</v>
      </c>
      <c r="D5169">
        <v>3.1</v>
      </c>
      <c r="E5169">
        <v>5130.53</v>
      </c>
      <c r="F5169">
        <v>51.492899999999999</v>
      </c>
    </row>
    <row r="5170" spans="1:6" x14ac:dyDescent="0.25">
      <c r="A5170">
        <v>145.88999999999999</v>
      </c>
      <c r="B5170">
        <v>185.89</v>
      </c>
      <c r="C5170">
        <v>3345.45</v>
      </c>
      <c r="D5170">
        <v>3.4</v>
      </c>
      <c r="E5170">
        <v>5008.58</v>
      </c>
      <c r="F5170">
        <v>56.353400000000001</v>
      </c>
    </row>
    <row r="5171" spans="1:6" x14ac:dyDescent="0.25">
      <c r="A5171">
        <v>145.88999999999999</v>
      </c>
      <c r="B5171">
        <v>185.89</v>
      </c>
      <c r="C5171">
        <v>3345.45</v>
      </c>
      <c r="D5171">
        <v>3.7</v>
      </c>
      <c r="E5171">
        <v>4934.63</v>
      </c>
      <c r="F5171">
        <v>55.927799999999998</v>
      </c>
    </row>
    <row r="5172" spans="1:6" x14ac:dyDescent="0.25">
      <c r="A5172">
        <v>145.88999999999999</v>
      </c>
      <c r="B5172">
        <v>185.89</v>
      </c>
      <c r="C5172">
        <v>3345.45</v>
      </c>
      <c r="D5172">
        <v>4</v>
      </c>
      <c r="E5172">
        <v>4881.76</v>
      </c>
      <c r="F5172">
        <v>58.794499999999999</v>
      </c>
    </row>
    <row r="5173" spans="1:6" x14ac:dyDescent="0.25">
      <c r="A5173">
        <v>145.88999999999999</v>
      </c>
      <c r="B5173">
        <v>185.89</v>
      </c>
      <c r="C5173">
        <v>4890.8999999999996</v>
      </c>
      <c r="D5173">
        <v>1</v>
      </c>
      <c r="E5173">
        <v>8713.67</v>
      </c>
      <c r="F5173">
        <v>15.7843</v>
      </c>
    </row>
    <row r="5174" spans="1:6" x14ac:dyDescent="0.25">
      <c r="A5174">
        <v>145.88999999999999</v>
      </c>
      <c r="B5174">
        <v>185.89</v>
      </c>
      <c r="C5174">
        <v>4890.8999999999996</v>
      </c>
      <c r="D5174">
        <v>1.3</v>
      </c>
      <c r="E5174">
        <v>7737.73</v>
      </c>
      <c r="F5174">
        <v>16.549600000000002</v>
      </c>
    </row>
    <row r="5175" spans="1:6" x14ac:dyDescent="0.25">
      <c r="A5175">
        <v>145.88999999999999</v>
      </c>
      <c r="B5175">
        <v>185.89</v>
      </c>
      <c r="C5175">
        <v>4890.8999999999996</v>
      </c>
      <c r="D5175">
        <v>1.6</v>
      </c>
      <c r="E5175">
        <v>7230.14</v>
      </c>
      <c r="F5175">
        <v>16.377500000000001</v>
      </c>
    </row>
    <row r="5176" spans="1:6" x14ac:dyDescent="0.25">
      <c r="A5176">
        <v>145.88999999999999</v>
      </c>
      <c r="B5176">
        <v>185.89</v>
      </c>
      <c r="C5176">
        <v>4890.8999999999996</v>
      </c>
      <c r="D5176">
        <v>1.9</v>
      </c>
      <c r="E5176">
        <v>6903.83</v>
      </c>
      <c r="F5176">
        <v>16.289899999999999</v>
      </c>
    </row>
    <row r="5177" spans="1:6" x14ac:dyDescent="0.25">
      <c r="A5177">
        <v>145.88999999999999</v>
      </c>
      <c r="B5177">
        <v>185.89</v>
      </c>
      <c r="C5177">
        <v>4890.8999999999996</v>
      </c>
      <c r="D5177">
        <v>2.2000000000000002</v>
      </c>
      <c r="E5177">
        <v>6756.31</v>
      </c>
      <c r="F5177">
        <v>16.1449</v>
      </c>
    </row>
    <row r="5178" spans="1:6" x14ac:dyDescent="0.25">
      <c r="A5178">
        <v>145.88999999999999</v>
      </c>
      <c r="B5178">
        <v>185.89</v>
      </c>
      <c r="C5178">
        <v>4890.8999999999996</v>
      </c>
      <c r="D5178">
        <v>2.5</v>
      </c>
      <c r="E5178">
        <v>6708.43</v>
      </c>
      <c r="F5178">
        <v>16.0657</v>
      </c>
    </row>
    <row r="5179" spans="1:6" x14ac:dyDescent="0.25">
      <c r="A5179">
        <v>145.88999999999999</v>
      </c>
      <c r="B5179">
        <v>185.89</v>
      </c>
      <c r="C5179">
        <v>4890.8999999999996</v>
      </c>
      <c r="D5179">
        <v>2.8</v>
      </c>
      <c r="E5179">
        <v>6447.9</v>
      </c>
      <c r="F5179">
        <v>17.335799999999999</v>
      </c>
    </row>
    <row r="5180" spans="1:6" x14ac:dyDescent="0.25">
      <c r="A5180">
        <v>145.88999999999999</v>
      </c>
      <c r="B5180">
        <v>185.89</v>
      </c>
      <c r="C5180">
        <v>4890.8999999999996</v>
      </c>
      <c r="D5180">
        <v>3.1</v>
      </c>
      <c r="E5180">
        <v>6370.74</v>
      </c>
      <c r="F5180">
        <v>17.098400000000002</v>
      </c>
    </row>
    <row r="5181" spans="1:6" x14ac:dyDescent="0.25">
      <c r="A5181">
        <v>145.88999999999999</v>
      </c>
      <c r="B5181">
        <v>185.89</v>
      </c>
      <c r="C5181">
        <v>4890.8999999999996</v>
      </c>
      <c r="D5181">
        <v>3.4</v>
      </c>
      <c r="E5181">
        <v>6342.09</v>
      </c>
      <c r="F5181">
        <v>17.5886</v>
      </c>
    </row>
    <row r="5182" spans="1:6" x14ac:dyDescent="0.25">
      <c r="A5182">
        <v>145.88999999999999</v>
      </c>
      <c r="B5182">
        <v>185.89</v>
      </c>
      <c r="C5182">
        <v>4890.8999999999996</v>
      </c>
      <c r="D5182">
        <v>3.7</v>
      </c>
      <c r="E5182">
        <v>6370.13</v>
      </c>
      <c r="F5182">
        <v>19.082799999999999</v>
      </c>
    </row>
    <row r="5183" spans="1:6" x14ac:dyDescent="0.25">
      <c r="A5183">
        <v>145.88999999999999</v>
      </c>
      <c r="B5183">
        <v>185.89</v>
      </c>
      <c r="C5183">
        <v>4890.8999999999996</v>
      </c>
      <c r="D5183">
        <v>4</v>
      </c>
      <c r="E5183">
        <v>6363.61</v>
      </c>
      <c r="F5183">
        <v>18.860199999999999</v>
      </c>
    </row>
    <row r="5184" spans="1:6" x14ac:dyDescent="0.25">
      <c r="A5184">
        <v>145.88999999999999</v>
      </c>
      <c r="B5184">
        <v>185.89</v>
      </c>
      <c r="C5184">
        <v>6436.35</v>
      </c>
      <c r="D5184">
        <v>1</v>
      </c>
      <c r="E5184">
        <v>10124.4</v>
      </c>
      <c r="F5184">
        <v>19.2102</v>
      </c>
    </row>
    <row r="5185" spans="1:6" x14ac:dyDescent="0.25">
      <c r="A5185">
        <v>145.88999999999999</v>
      </c>
      <c r="B5185">
        <v>185.89</v>
      </c>
      <c r="C5185">
        <v>6436.35</v>
      </c>
      <c r="D5185">
        <v>1.3</v>
      </c>
      <c r="E5185">
        <v>9458.7199999999993</v>
      </c>
      <c r="F5185">
        <v>18.633299999999998</v>
      </c>
    </row>
    <row r="5186" spans="1:6" x14ac:dyDescent="0.25">
      <c r="A5186">
        <v>145.88999999999999</v>
      </c>
      <c r="B5186">
        <v>185.89</v>
      </c>
      <c r="C5186">
        <v>6436.35</v>
      </c>
      <c r="D5186">
        <v>1.6</v>
      </c>
      <c r="E5186">
        <v>8847.56</v>
      </c>
      <c r="F5186">
        <v>18.923300000000001</v>
      </c>
    </row>
    <row r="5187" spans="1:6" x14ac:dyDescent="0.25">
      <c r="A5187">
        <v>145.88999999999999</v>
      </c>
      <c r="B5187">
        <v>185.89</v>
      </c>
      <c r="C5187">
        <v>6436.35</v>
      </c>
      <c r="D5187">
        <v>1.9</v>
      </c>
      <c r="E5187">
        <v>8548.1200000000008</v>
      </c>
      <c r="F5187">
        <v>19.078600000000002</v>
      </c>
    </row>
    <row r="5188" spans="1:6" x14ac:dyDescent="0.25">
      <c r="A5188">
        <v>145.88999999999999</v>
      </c>
      <c r="B5188">
        <v>185.89</v>
      </c>
      <c r="C5188">
        <v>6436.35</v>
      </c>
      <c r="D5188">
        <v>2.2000000000000002</v>
      </c>
      <c r="E5188">
        <v>8437.35</v>
      </c>
      <c r="F5188">
        <v>19.270199999999999</v>
      </c>
    </row>
    <row r="5189" spans="1:6" x14ac:dyDescent="0.25">
      <c r="A5189">
        <v>145.88999999999999</v>
      </c>
      <c r="B5189">
        <v>185.89</v>
      </c>
      <c r="C5189">
        <v>6436.35</v>
      </c>
      <c r="D5189">
        <v>2.5</v>
      </c>
      <c r="E5189">
        <v>8200.4</v>
      </c>
      <c r="F5189">
        <v>19.400099999999998</v>
      </c>
    </row>
    <row r="5190" spans="1:6" x14ac:dyDescent="0.25">
      <c r="A5190">
        <v>145.88999999999999</v>
      </c>
      <c r="B5190">
        <v>185.89</v>
      </c>
      <c r="C5190">
        <v>6436.35</v>
      </c>
      <c r="D5190">
        <v>2.8</v>
      </c>
      <c r="E5190">
        <v>7889.16</v>
      </c>
      <c r="F5190">
        <v>19.549299999999999</v>
      </c>
    </row>
    <row r="5191" spans="1:6" x14ac:dyDescent="0.25">
      <c r="A5191">
        <v>145.88999999999999</v>
      </c>
      <c r="B5191">
        <v>185.89</v>
      </c>
      <c r="C5191">
        <v>6436.35</v>
      </c>
      <c r="D5191">
        <v>3.1</v>
      </c>
      <c r="E5191">
        <v>7783.84</v>
      </c>
      <c r="F5191">
        <v>19.552800000000001</v>
      </c>
    </row>
    <row r="5192" spans="1:6" x14ac:dyDescent="0.25">
      <c r="A5192">
        <v>145.88999999999999</v>
      </c>
      <c r="B5192">
        <v>185.89</v>
      </c>
      <c r="C5192">
        <v>6436.35</v>
      </c>
      <c r="D5192">
        <v>3.4</v>
      </c>
      <c r="E5192">
        <v>7695.17</v>
      </c>
      <c r="F5192">
        <v>19.564800000000002</v>
      </c>
    </row>
    <row r="5193" spans="1:6" x14ac:dyDescent="0.25">
      <c r="A5193">
        <v>145.88999999999999</v>
      </c>
      <c r="B5193">
        <v>185.89</v>
      </c>
      <c r="C5193">
        <v>6436.35</v>
      </c>
      <c r="D5193">
        <v>3.7</v>
      </c>
      <c r="E5193">
        <v>7580.79</v>
      </c>
      <c r="F5193">
        <v>19.581600000000002</v>
      </c>
    </row>
    <row r="5194" spans="1:6" x14ac:dyDescent="0.25">
      <c r="A5194">
        <v>145.88999999999999</v>
      </c>
      <c r="B5194">
        <v>185.89</v>
      </c>
      <c r="C5194">
        <v>6436.35</v>
      </c>
      <c r="D5194">
        <v>4</v>
      </c>
      <c r="E5194">
        <v>7513.55</v>
      </c>
      <c r="F5194">
        <v>19.6051</v>
      </c>
    </row>
    <row r="5195" spans="1:6" x14ac:dyDescent="0.25">
      <c r="A5195">
        <v>145.88999999999999</v>
      </c>
      <c r="B5195">
        <v>185.89</v>
      </c>
      <c r="C5195">
        <v>7981.8</v>
      </c>
      <c r="D5195">
        <v>1</v>
      </c>
      <c r="E5195">
        <v>11704.1</v>
      </c>
      <c r="F5195">
        <v>19.2102</v>
      </c>
    </row>
    <row r="5196" spans="1:6" x14ac:dyDescent="0.25">
      <c r="A5196">
        <v>145.88999999999999</v>
      </c>
      <c r="B5196">
        <v>185.89</v>
      </c>
      <c r="C5196">
        <v>7981.8</v>
      </c>
      <c r="D5196">
        <v>1.3</v>
      </c>
      <c r="E5196">
        <v>11070.8</v>
      </c>
      <c r="F5196">
        <v>18.633299999999998</v>
      </c>
    </row>
    <row r="5197" spans="1:6" x14ac:dyDescent="0.25">
      <c r="A5197">
        <v>145.88999999999999</v>
      </c>
      <c r="B5197">
        <v>185.89</v>
      </c>
      <c r="C5197">
        <v>7981.8</v>
      </c>
      <c r="D5197">
        <v>1.6</v>
      </c>
      <c r="E5197">
        <v>10683.9</v>
      </c>
      <c r="F5197">
        <v>18.923300000000001</v>
      </c>
    </row>
    <row r="5198" spans="1:6" x14ac:dyDescent="0.25">
      <c r="A5198">
        <v>145.88999999999999</v>
      </c>
      <c r="B5198">
        <v>185.89</v>
      </c>
      <c r="C5198">
        <v>7981.8</v>
      </c>
      <c r="D5198">
        <v>1.9</v>
      </c>
      <c r="E5198">
        <v>10217.799999999999</v>
      </c>
      <c r="F5198">
        <v>19.078600000000002</v>
      </c>
    </row>
    <row r="5199" spans="1:6" x14ac:dyDescent="0.25">
      <c r="A5199">
        <v>145.88999999999999</v>
      </c>
      <c r="B5199">
        <v>185.89</v>
      </c>
      <c r="C5199">
        <v>7981.8</v>
      </c>
      <c r="D5199">
        <v>2.2000000000000002</v>
      </c>
      <c r="E5199">
        <v>10007.299999999999</v>
      </c>
      <c r="F5199">
        <v>19.270199999999999</v>
      </c>
    </row>
    <row r="5200" spans="1:6" x14ac:dyDescent="0.25">
      <c r="A5200">
        <v>145.88999999999999</v>
      </c>
      <c r="B5200">
        <v>185.89</v>
      </c>
      <c r="C5200">
        <v>7981.8</v>
      </c>
      <c r="D5200">
        <v>2.5</v>
      </c>
      <c r="E5200">
        <v>9708.83</v>
      </c>
      <c r="F5200">
        <v>19.400099999999998</v>
      </c>
    </row>
    <row r="5201" spans="1:6" x14ac:dyDescent="0.25">
      <c r="A5201">
        <v>145.88999999999999</v>
      </c>
      <c r="B5201">
        <v>185.89</v>
      </c>
      <c r="C5201">
        <v>7981.8</v>
      </c>
      <c r="D5201">
        <v>2.8</v>
      </c>
      <c r="E5201">
        <v>9582.33</v>
      </c>
      <c r="F5201">
        <v>19.549299999999999</v>
      </c>
    </row>
    <row r="5202" spans="1:6" x14ac:dyDescent="0.25">
      <c r="A5202">
        <v>145.88999999999999</v>
      </c>
      <c r="B5202">
        <v>185.89</v>
      </c>
      <c r="C5202">
        <v>7981.8</v>
      </c>
      <c r="D5202">
        <v>3.1</v>
      </c>
      <c r="E5202">
        <v>9427.5400000000009</v>
      </c>
      <c r="F5202">
        <v>19.552800000000001</v>
      </c>
    </row>
    <row r="5203" spans="1:6" x14ac:dyDescent="0.25">
      <c r="A5203">
        <v>145.88999999999999</v>
      </c>
      <c r="B5203">
        <v>185.89</v>
      </c>
      <c r="C5203">
        <v>7981.8</v>
      </c>
      <c r="D5203">
        <v>3.4</v>
      </c>
      <c r="E5203">
        <v>9214.68</v>
      </c>
      <c r="F5203">
        <v>19.564800000000002</v>
      </c>
    </row>
    <row r="5204" spans="1:6" x14ac:dyDescent="0.25">
      <c r="A5204">
        <v>145.88999999999999</v>
      </c>
      <c r="B5204">
        <v>185.89</v>
      </c>
      <c r="C5204">
        <v>7981.8</v>
      </c>
      <c r="D5204">
        <v>3.7</v>
      </c>
      <c r="E5204">
        <v>9305.5499999999993</v>
      </c>
      <c r="F5204">
        <v>19.581600000000002</v>
      </c>
    </row>
    <row r="5205" spans="1:6" x14ac:dyDescent="0.25">
      <c r="A5205">
        <v>145.88999999999999</v>
      </c>
      <c r="B5205">
        <v>185.89</v>
      </c>
      <c r="C5205">
        <v>7981.8</v>
      </c>
      <c r="D5205">
        <v>4</v>
      </c>
      <c r="E5205">
        <v>9205.39</v>
      </c>
      <c r="F5205">
        <v>19.6051</v>
      </c>
    </row>
    <row r="5206" spans="1:6" x14ac:dyDescent="0.25">
      <c r="A5206">
        <v>145.88999999999999</v>
      </c>
      <c r="B5206">
        <v>185.89</v>
      </c>
      <c r="C5206">
        <v>9527.25</v>
      </c>
      <c r="D5206">
        <v>1</v>
      </c>
      <c r="E5206">
        <v>13361.2</v>
      </c>
      <c r="F5206">
        <v>19.2102</v>
      </c>
    </row>
    <row r="5207" spans="1:6" x14ac:dyDescent="0.25">
      <c r="A5207">
        <v>145.88999999999999</v>
      </c>
      <c r="B5207">
        <v>185.89</v>
      </c>
      <c r="C5207">
        <v>9527.25</v>
      </c>
      <c r="D5207">
        <v>1.3</v>
      </c>
      <c r="E5207">
        <v>12560.2</v>
      </c>
      <c r="F5207">
        <v>18.633299999999998</v>
      </c>
    </row>
    <row r="5208" spans="1:6" x14ac:dyDescent="0.25">
      <c r="A5208">
        <v>145.88999999999999</v>
      </c>
      <c r="B5208">
        <v>185.89</v>
      </c>
      <c r="C5208">
        <v>9527.25</v>
      </c>
      <c r="D5208">
        <v>1.6</v>
      </c>
      <c r="E5208">
        <v>11981</v>
      </c>
      <c r="F5208">
        <v>18.923300000000001</v>
      </c>
    </row>
    <row r="5209" spans="1:6" x14ac:dyDescent="0.25">
      <c r="A5209">
        <v>145.88999999999999</v>
      </c>
      <c r="B5209">
        <v>185.89</v>
      </c>
      <c r="C5209">
        <v>9527.25</v>
      </c>
      <c r="D5209">
        <v>1.9</v>
      </c>
      <c r="E5209">
        <v>11722.1</v>
      </c>
      <c r="F5209">
        <v>19.078600000000002</v>
      </c>
    </row>
    <row r="5210" spans="1:6" x14ac:dyDescent="0.25">
      <c r="A5210">
        <v>145.88999999999999</v>
      </c>
      <c r="B5210">
        <v>185.89</v>
      </c>
      <c r="C5210">
        <v>9527.25</v>
      </c>
      <c r="D5210">
        <v>2.2000000000000002</v>
      </c>
      <c r="E5210">
        <v>11400.7</v>
      </c>
      <c r="F5210">
        <v>19.270199999999999</v>
      </c>
    </row>
    <row r="5211" spans="1:6" x14ac:dyDescent="0.25">
      <c r="A5211">
        <v>145.88999999999999</v>
      </c>
      <c r="B5211">
        <v>185.89</v>
      </c>
      <c r="C5211">
        <v>9527.25</v>
      </c>
      <c r="D5211">
        <v>2.5</v>
      </c>
      <c r="E5211">
        <v>11226.4</v>
      </c>
      <c r="F5211">
        <v>19.400099999999998</v>
      </c>
    </row>
    <row r="5212" spans="1:6" x14ac:dyDescent="0.25">
      <c r="A5212">
        <v>145.88999999999999</v>
      </c>
      <c r="B5212">
        <v>185.89</v>
      </c>
      <c r="C5212">
        <v>9527.25</v>
      </c>
      <c r="D5212">
        <v>2.8</v>
      </c>
      <c r="E5212">
        <v>10978.1</v>
      </c>
      <c r="F5212">
        <v>19.549299999999999</v>
      </c>
    </row>
    <row r="5213" spans="1:6" x14ac:dyDescent="0.25">
      <c r="A5213">
        <v>145.88999999999999</v>
      </c>
      <c r="B5213">
        <v>185.89</v>
      </c>
      <c r="C5213">
        <v>9527.25</v>
      </c>
      <c r="D5213">
        <v>3.1</v>
      </c>
      <c r="E5213">
        <v>10874.3</v>
      </c>
      <c r="F5213">
        <v>19.552800000000001</v>
      </c>
    </row>
    <row r="5214" spans="1:6" x14ac:dyDescent="0.25">
      <c r="A5214">
        <v>145.88999999999999</v>
      </c>
      <c r="B5214">
        <v>185.89</v>
      </c>
      <c r="C5214">
        <v>9527.25</v>
      </c>
      <c r="D5214">
        <v>3.4</v>
      </c>
      <c r="E5214">
        <v>10823.2</v>
      </c>
      <c r="F5214">
        <v>19.564800000000002</v>
      </c>
    </row>
    <row r="5215" spans="1:6" x14ac:dyDescent="0.25">
      <c r="A5215">
        <v>145.88999999999999</v>
      </c>
      <c r="B5215">
        <v>185.89</v>
      </c>
      <c r="C5215">
        <v>9527.25</v>
      </c>
      <c r="D5215">
        <v>3.7</v>
      </c>
      <c r="E5215">
        <v>10813.2</v>
      </c>
      <c r="F5215">
        <v>19.581600000000002</v>
      </c>
    </row>
    <row r="5216" spans="1:6" x14ac:dyDescent="0.25">
      <c r="A5216">
        <v>145.88999999999999</v>
      </c>
      <c r="B5216">
        <v>185.89</v>
      </c>
      <c r="C5216">
        <v>9527.25</v>
      </c>
      <c r="D5216">
        <v>4</v>
      </c>
      <c r="E5216">
        <v>10735.8</v>
      </c>
      <c r="F5216">
        <v>19.6051</v>
      </c>
    </row>
    <row r="5217" spans="1:6" x14ac:dyDescent="0.25">
      <c r="A5217">
        <v>145.88999999999999</v>
      </c>
      <c r="B5217">
        <v>185.89</v>
      </c>
      <c r="C5217">
        <v>11072.7</v>
      </c>
      <c r="D5217">
        <v>1</v>
      </c>
      <c r="E5217">
        <v>14591.1</v>
      </c>
      <c r="F5217">
        <v>19.2102</v>
      </c>
    </row>
    <row r="5218" spans="1:6" x14ac:dyDescent="0.25">
      <c r="A5218">
        <v>145.88999999999999</v>
      </c>
      <c r="B5218">
        <v>185.89</v>
      </c>
      <c r="C5218">
        <v>11072.7</v>
      </c>
      <c r="D5218">
        <v>1.3</v>
      </c>
      <c r="E5218">
        <v>14245</v>
      </c>
      <c r="F5218">
        <v>18.633299999999998</v>
      </c>
    </row>
    <row r="5219" spans="1:6" x14ac:dyDescent="0.25">
      <c r="A5219">
        <v>145.88999999999999</v>
      </c>
      <c r="B5219">
        <v>185.89</v>
      </c>
      <c r="C5219">
        <v>11072.7</v>
      </c>
      <c r="D5219">
        <v>1.6</v>
      </c>
      <c r="E5219">
        <v>13642.1</v>
      </c>
      <c r="F5219">
        <v>18.923300000000001</v>
      </c>
    </row>
    <row r="5220" spans="1:6" x14ac:dyDescent="0.25">
      <c r="A5220">
        <v>145.88999999999999</v>
      </c>
      <c r="B5220">
        <v>185.89</v>
      </c>
      <c r="C5220">
        <v>11072.7</v>
      </c>
      <c r="D5220">
        <v>1.9</v>
      </c>
      <c r="E5220">
        <v>13234.1</v>
      </c>
      <c r="F5220">
        <v>19.078600000000002</v>
      </c>
    </row>
    <row r="5221" spans="1:6" x14ac:dyDescent="0.25">
      <c r="A5221">
        <v>145.88999999999999</v>
      </c>
      <c r="B5221">
        <v>185.89</v>
      </c>
      <c r="C5221">
        <v>11072.7</v>
      </c>
      <c r="D5221">
        <v>2.2000000000000002</v>
      </c>
      <c r="E5221">
        <v>12945.4</v>
      </c>
      <c r="F5221">
        <v>19.270199999999999</v>
      </c>
    </row>
    <row r="5222" spans="1:6" x14ac:dyDescent="0.25">
      <c r="A5222">
        <v>145.88999999999999</v>
      </c>
      <c r="B5222">
        <v>185.89</v>
      </c>
      <c r="C5222">
        <v>11072.7</v>
      </c>
      <c r="D5222">
        <v>2.5</v>
      </c>
      <c r="E5222">
        <v>12944.2</v>
      </c>
      <c r="F5222">
        <v>19.400099999999998</v>
      </c>
    </row>
    <row r="5223" spans="1:6" x14ac:dyDescent="0.25">
      <c r="A5223">
        <v>145.88999999999999</v>
      </c>
      <c r="B5223">
        <v>185.89</v>
      </c>
      <c r="C5223">
        <v>11072.7</v>
      </c>
      <c r="D5223">
        <v>2.8</v>
      </c>
      <c r="E5223">
        <v>12641.6</v>
      </c>
      <c r="F5223">
        <v>19.549299999999999</v>
      </c>
    </row>
    <row r="5224" spans="1:6" x14ac:dyDescent="0.25">
      <c r="A5224">
        <v>145.88999999999999</v>
      </c>
      <c r="B5224">
        <v>185.89</v>
      </c>
      <c r="C5224">
        <v>11072.7</v>
      </c>
      <c r="D5224">
        <v>3.1</v>
      </c>
      <c r="E5224">
        <v>12458.1</v>
      </c>
      <c r="F5224">
        <v>19.552800000000001</v>
      </c>
    </row>
    <row r="5225" spans="1:6" x14ac:dyDescent="0.25">
      <c r="A5225">
        <v>145.88999999999999</v>
      </c>
      <c r="B5225">
        <v>185.89</v>
      </c>
      <c r="C5225">
        <v>11072.7</v>
      </c>
      <c r="D5225">
        <v>3.4</v>
      </c>
      <c r="E5225">
        <v>12343.2</v>
      </c>
      <c r="F5225">
        <v>19.564800000000002</v>
      </c>
    </row>
    <row r="5226" spans="1:6" x14ac:dyDescent="0.25">
      <c r="A5226">
        <v>145.88999999999999</v>
      </c>
      <c r="B5226">
        <v>185.89</v>
      </c>
      <c r="C5226">
        <v>11072.7</v>
      </c>
      <c r="D5226">
        <v>3.7</v>
      </c>
      <c r="E5226">
        <v>12243.1</v>
      </c>
      <c r="F5226">
        <v>19.581600000000002</v>
      </c>
    </row>
    <row r="5227" spans="1:6" x14ac:dyDescent="0.25">
      <c r="A5227">
        <v>145.88999999999999</v>
      </c>
      <c r="B5227">
        <v>185.89</v>
      </c>
      <c r="C5227">
        <v>11072.7</v>
      </c>
      <c r="D5227">
        <v>4</v>
      </c>
      <c r="E5227">
        <v>12207.4</v>
      </c>
      <c r="F5227">
        <v>19.6051</v>
      </c>
    </row>
    <row r="5228" spans="1:6" x14ac:dyDescent="0.25">
      <c r="A5228">
        <v>145.88999999999999</v>
      </c>
      <c r="B5228">
        <v>185.89</v>
      </c>
      <c r="C5228">
        <v>12618.2</v>
      </c>
      <c r="D5228">
        <v>1</v>
      </c>
      <c r="E5228">
        <v>16426.3</v>
      </c>
      <c r="F5228">
        <v>19.2102</v>
      </c>
    </row>
    <row r="5229" spans="1:6" x14ac:dyDescent="0.25">
      <c r="A5229">
        <v>145.88999999999999</v>
      </c>
      <c r="B5229">
        <v>185.89</v>
      </c>
      <c r="C5229">
        <v>12618.2</v>
      </c>
      <c r="D5229">
        <v>1.3</v>
      </c>
      <c r="E5229">
        <v>15800.1</v>
      </c>
      <c r="F5229">
        <v>18.633299999999998</v>
      </c>
    </row>
    <row r="5230" spans="1:6" x14ac:dyDescent="0.25">
      <c r="A5230">
        <v>145.88999999999999</v>
      </c>
      <c r="B5230">
        <v>185.89</v>
      </c>
      <c r="C5230">
        <v>12618.2</v>
      </c>
      <c r="D5230">
        <v>1.6</v>
      </c>
      <c r="E5230">
        <v>15117.3</v>
      </c>
      <c r="F5230">
        <v>18.923300000000001</v>
      </c>
    </row>
    <row r="5231" spans="1:6" x14ac:dyDescent="0.25">
      <c r="A5231">
        <v>145.88999999999999</v>
      </c>
      <c r="B5231">
        <v>185.89</v>
      </c>
      <c r="C5231">
        <v>12618.2</v>
      </c>
      <c r="D5231">
        <v>1.9</v>
      </c>
      <c r="E5231">
        <v>14764.1</v>
      </c>
      <c r="F5231">
        <v>19.078600000000002</v>
      </c>
    </row>
    <row r="5232" spans="1:6" x14ac:dyDescent="0.25">
      <c r="A5232">
        <v>145.88999999999999</v>
      </c>
      <c r="B5232">
        <v>185.89</v>
      </c>
      <c r="C5232">
        <v>12618.2</v>
      </c>
      <c r="D5232">
        <v>2.2000000000000002</v>
      </c>
      <c r="E5232">
        <v>14614</v>
      </c>
      <c r="F5232">
        <v>19.270199999999999</v>
      </c>
    </row>
    <row r="5233" spans="1:6" x14ac:dyDescent="0.25">
      <c r="A5233">
        <v>145.88999999999999</v>
      </c>
      <c r="B5233">
        <v>185.89</v>
      </c>
      <c r="C5233">
        <v>12618.2</v>
      </c>
      <c r="D5233">
        <v>2.5</v>
      </c>
      <c r="E5233">
        <v>14372.5</v>
      </c>
      <c r="F5233">
        <v>19.400099999999998</v>
      </c>
    </row>
    <row r="5234" spans="1:6" x14ac:dyDescent="0.25">
      <c r="A5234">
        <v>145.88999999999999</v>
      </c>
      <c r="B5234">
        <v>185.89</v>
      </c>
      <c r="C5234">
        <v>12618.2</v>
      </c>
      <c r="D5234">
        <v>2.8</v>
      </c>
      <c r="E5234">
        <v>14118.5</v>
      </c>
      <c r="F5234">
        <v>19.549299999999999</v>
      </c>
    </row>
    <row r="5235" spans="1:6" x14ac:dyDescent="0.25">
      <c r="A5235">
        <v>145.88999999999999</v>
      </c>
      <c r="B5235">
        <v>185.89</v>
      </c>
      <c r="C5235">
        <v>12618.2</v>
      </c>
      <c r="D5235">
        <v>3.1</v>
      </c>
      <c r="E5235">
        <v>13938</v>
      </c>
      <c r="F5235">
        <v>19.552800000000001</v>
      </c>
    </row>
    <row r="5236" spans="1:6" x14ac:dyDescent="0.25">
      <c r="A5236">
        <v>145.88999999999999</v>
      </c>
      <c r="B5236">
        <v>185.89</v>
      </c>
      <c r="C5236">
        <v>12618.2</v>
      </c>
      <c r="D5236">
        <v>3.4</v>
      </c>
      <c r="E5236">
        <v>13957</v>
      </c>
      <c r="F5236">
        <v>19.564800000000002</v>
      </c>
    </row>
    <row r="5237" spans="1:6" x14ac:dyDescent="0.25">
      <c r="A5237">
        <v>145.88999999999999</v>
      </c>
      <c r="B5237">
        <v>185.89</v>
      </c>
      <c r="C5237">
        <v>12618.2</v>
      </c>
      <c r="D5237">
        <v>3.7</v>
      </c>
      <c r="E5237">
        <v>13850.9</v>
      </c>
      <c r="F5237">
        <v>19.581600000000002</v>
      </c>
    </row>
    <row r="5238" spans="1:6" x14ac:dyDescent="0.25">
      <c r="A5238">
        <v>145.88999999999999</v>
      </c>
      <c r="B5238">
        <v>185.89</v>
      </c>
      <c r="C5238">
        <v>12618.2</v>
      </c>
      <c r="D5238">
        <v>4</v>
      </c>
      <c r="E5238">
        <v>13781.7</v>
      </c>
      <c r="F5238">
        <v>19.6051</v>
      </c>
    </row>
    <row r="5239" spans="1:6" x14ac:dyDescent="0.25">
      <c r="A5239">
        <v>145.88999999999999</v>
      </c>
      <c r="B5239">
        <v>185.89</v>
      </c>
      <c r="C5239">
        <v>14163.6</v>
      </c>
      <c r="D5239">
        <v>1</v>
      </c>
      <c r="E5239">
        <v>17887.599999999999</v>
      </c>
      <c r="F5239">
        <v>19.2102</v>
      </c>
    </row>
    <row r="5240" spans="1:6" x14ac:dyDescent="0.25">
      <c r="A5240">
        <v>145.88999999999999</v>
      </c>
      <c r="B5240">
        <v>185.89</v>
      </c>
      <c r="C5240">
        <v>14163.6</v>
      </c>
      <c r="D5240">
        <v>1.3</v>
      </c>
      <c r="E5240">
        <v>17310.5</v>
      </c>
      <c r="F5240">
        <v>18.633299999999998</v>
      </c>
    </row>
    <row r="5241" spans="1:6" x14ac:dyDescent="0.25">
      <c r="A5241">
        <v>145.88999999999999</v>
      </c>
      <c r="B5241">
        <v>185.89</v>
      </c>
      <c r="C5241">
        <v>14163.6</v>
      </c>
      <c r="D5241">
        <v>1.6</v>
      </c>
      <c r="E5241">
        <v>16607.5</v>
      </c>
      <c r="F5241">
        <v>18.923300000000001</v>
      </c>
    </row>
    <row r="5242" spans="1:6" x14ac:dyDescent="0.25">
      <c r="A5242">
        <v>145.88999999999999</v>
      </c>
      <c r="B5242">
        <v>185.89</v>
      </c>
      <c r="C5242">
        <v>14163.6</v>
      </c>
      <c r="D5242">
        <v>1.9</v>
      </c>
      <c r="E5242">
        <v>16283.6</v>
      </c>
      <c r="F5242">
        <v>19.078600000000002</v>
      </c>
    </row>
    <row r="5243" spans="1:6" x14ac:dyDescent="0.25">
      <c r="A5243">
        <v>145.88999999999999</v>
      </c>
      <c r="B5243">
        <v>185.89</v>
      </c>
      <c r="C5243">
        <v>14163.6</v>
      </c>
      <c r="D5243">
        <v>2.2000000000000002</v>
      </c>
      <c r="E5243">
        <v>16099.5</v>
      </c>
      <c r="F5243">
        <v>19.270199999999999</v>
      </c>
    </row>
    <row r="5244" spans="1:6" x14ac:dyDescent="0.25">
      <c r="A5244">
        <v>145.88999999999999</v>
      </c>
      <c r="B5244">
        <v>185.89</v>
      </c>
      <c r="C5244">
        <v>14163.6</v>
      </c>
      <c r="D5244">
        <v>2.5</v>
      </c>
      <c r="E5244">
        <v>15974.1</v>
      </c>
      <c r="F5244">
        <v>19.400099999999998</v>
      </c>
    </row>
    <row r="5245" spans="1:6" x14ac:dyDescent="0.25">
      <c r="A5245">
        <v>145.88999999999999</v>
      </c>
      <c r="B5245">
        <v>185.89</v>
      </c>
      <c r="C5245">
        <v>14163.6</v>
      </c>
      <c r="D5245">
        <v>2.8</v>
      </c>
      <c r="E5245">
        <v>15590.7</v>
      </c>
      <c r="F5245">
        <v>19.549299999999999</v>
      </c>
    </row>
    <row r="5246" spans="1:6" x14ac:dyDescent="0.25">
      <c r="A5246">
        <v>145.88999999999999</v>
      </c>
      <c r="B5246">
        <v>185.89</v>
      </c>
      <c r="C5246">
        <v>14163.6</v>
      </c>
      <c r="D5246">
        <v>3.1</v>
      </c>
      <c r="E5246">
        <v>15565.4</v>
      </c>
      <c r="F5246">
        <v>19.552800000000001</v>
      </c>
    </row>
    <row r="5247" spans="1:6" x14ac:dyDescent="0.25">
      <c r="A5247">
        <v>145.88999999999999</v>
      </c>
      <c r="B5247">
        <v>185.89</v>
      </c>
      <c r="C5247">
        <v>14163.6</v>
      </c>
      <c r="D5247">
        <v>3.4</v>
      </c>
      <c r="E5247">
        <v>15422.9</v>
      </c>
      <c r="F5247">
        <v>19.564800000000002</v>
      </c>
    </row>
    <row r="5248" spans="1:6" x14ac:dyDescent="0.25">
      <c r="A5248">
        <v>145.88999999999999</v>
      </c>
      <c r="B5248">
        <v>185.89</v>
      </c>
      <c r="C5248">
        <v>14163.6</v>
      </c>
      <c r="D5248">
        <v>3.7</v>
      </c>
      <c r="E5248">
        <v>15314.2</v>
      </c>
      <c r="F5248">
        <v>19.581600000000002</v>
      </c>
    </row>
    <row r="5249" spans="1:6" x14ac:dyDescent="0.25">
      <c r="A5249">
        <v>145.88999999999999</v>
      </c>
      <c r="B5249">
        <v>185.89</v>
      </c>
      <c r="C5249">
        <v>14163.6</v>
      </c>
      <c r="D5249">
        <v>4</v>
      </c>
      <c r="E5249">
        <v>15234.4</v>
      </c>
      <c r="F5249">
        <v>19.6051</v>
      </c>
    </row>
    <row r="5250" spans="1:6" x14ac:dyDescent="0.25">
      <c r="A5250">
        <v>145.88999999999999</v>
      </c>
      <c r="B5250">
        <v>185.89</v>
      </c>
      <c r="C5250">
        <v>15709.1</v>
      </c>
      <c r="D5250">
        <v>1</v>
      </c>
      <c r="E5250">
        <v>19280.400000000001</v>
      </c>
      <c r="F5250">
        <v>19.2102</v>
      </c>
    </row>
    <row r="5251" spans="1:6" x14ac:dyDescent="0.25">
      <c r="A5251">
        <v>145.88999999999999</v>
      </c>
      <c r="B5251">
        <v>185.89</v>
      </c>
      <c r="C5251">
        <v>15709.1</v>
      </c>
      <c r="D5251">
        <v>1.3</v>
      </c>
      <c r="E5251">
        <v>18721</v>
      </c>
      <c r="F5251">
        <v>18.633299999999998</v>
      </c>
    </row>
    <row r="5252" spans="1:6" x14ac:dyDescent="0.25">
      <c r="A5252">
        <v>145.88999999999999</v>
      </c>
      <c r="B5252">
        <v>185.89</v>
      </c>
      <c r="C5252">
        <v>15709.1</v>
      </c>
      <c r="D5252">
        <v>1.6</v>
      </c>
      <c r="E5252">
        <v>18395.900000000001</v>
      </c>
      <c r="F5252">
        <v>18.923300000000001</v>
      </c>
    </row>
    <row r="5253" spans="1:6" x14ac:dyDescent="0.25">
      <c r="A5253">
        <v>145.88999999999999</v>
      </c>
      <c r="B5253">
        <v>185.89</v>
      </c>
      <c r="C5253">
        <v>15709.1</v>
      </c>
      <c r="D5253">
        <v>1.9</v>
      </c>
      <c r="E5253">
        <v>17933.5</v>
      </c>
      <c r="F5253">
        <v>19.078600000000002</v>
      </c>
    </row>
    <row r="5254" spans="1:6" x14ac:dyDescent="0.25">
      <c r="A5254">
        <v>145.88999999999999</v>
      </c>
      <c r="B5254">
        <v>185.89</v>
      </c>
      <c r="C5254">
        <v>15709.1</v>
      </c>
      <c r="D5254">
        <v>2.2000000000000002</v>
      </c>
      <c r="E5254">
        <v>17613.400000000001</v>
      </c>
      <c r="F5254">
        <v>19.270199999999999</v>
      </c>
    </row>
    <row r="5255" spans="1:6" x14ac:dyDescent="0.25">
      <c r="A5255">
        <v>145.88999999999999</v>
      </c>
      <c r="B5255">
        <v>185.89</v>
      </c>
      <c r="C5255">
        <v>15709.1</v>
      </c>
      <c r="D5255">
        <v>2.5</v>
      </c>
      <c r="E5255">
        <v>17516</v>
      </c>
      <c r="F5255">
        <v>19.400099999999998</v>
      </c>
    </row>
    <row r="5256" spans="1:6" x14ac:dyDescent="0.25">
      <c r="A5256">
        <v>145.88999999999999</v>
      </c>
      <c r="B5256">
        <v>185.89</v>
      </c>
      <c r="C5256">
        <v>15709.1</v>
      </c>
      <c r="D5256">
        <v>2.8</v>
      </c>
      <c r="E5256">
        <v>17324.5</v>
      </c>
      <c r="F5256">
        <v>19.549299999999999</v>
      </c>
    </row>
    <row r="5257" spans="1:6" x14ac:dyDescent="0.25">
      <c r="A5257">
        <v>145.88999999999999</v>
      </c>
      <c r="B5257">
        <v>185.89</v>
      </c>
      <c r="C5257">
        <v>15709.1</v>
      </c>
      <c r="D5257">
        <v>3.1</v>
      </c>
      <c r="E5257">
        <v>17152.900000000001</v>
      </c>
      <c r="F5257">
        <v>19.552800000000001</v>
      </c>
    </row>
    <row r="5258" spans="1:6" x14ac:dyDescent="0.25">
      <c r="A5258">
        <v>145.88999999999999</v>
      </c>
      <c r="B5258">
        <v>185.89</v>
      </c>
      <c r="C5258">
        <v>15709.1</v>
      </c>
      <c r="D5258">
        <v>3.4</v>
      </c>
      <c r="E5258">
        <v>17019.5</v>
      </c>
      <c r="F5258">
        <v>19.564800000000002</v>
      </c>
    </row>
    <row r="5259" spans="1:6" x14ac:dyDescent="0.25">
      <c r="A5259">
        <v>145.88999999999999</v>
      </c>
      <c r="B5259">
        <v>185.89</v>
      </c>
      <c r="C5259">
        <v>15709.1</v>
      </c>
      <c r="D5259">
        <v>3.7</v>
      </c>
      <c r="E5259">
        <v>16877</v>
      </c>
      <c r="F5259">
        <v>19.581600000000002</v>
      </c>
    </row>
    <row r="5260" spans="1:6" x14ac:dyDescent="0.25">
      <c r="A5260">
        <v>145.88999999999999</v>
      </c>
      <c r="B5260">
        <v>185.89</v>
      </c>
      <c r="C5260">
        <v>15709.1</v>
      </c>
      <c r="D5260">
        <v>4</v>
      </c>
      <c r="E5260">
        <v>16936.3</v>
      </c>
      <c r="F5260">
        <v>19.6051</v>
      </c>
    </row>
    <row r="5261" spans="1:6" x14ac:dyDescent="0.25">
      <c r="A5261">
        <v>145.88999999999999</v>
      </c>
      <c r="B5261">
        <v>185.89</v>
      </c>
      <c r="C5261">
        <v>17254.5</v>
      </c>
      <c r="D5261">
        <v>1</v>
      </c>
      <c r="E5261">
        <v>20794.400000000001</v>
      </c>
      <c r="F5261">
        <v>19.2102</v>
      </c>
    </row>
    <row r="5262" spans="1:6" x14ac:dyDescent="0.25">
      <c r="A5262">
        <v>145.88999999999999</v>
      </c>
      <c r="B5262">
        <v>185.89</v>
      </c>
      <c r="C5262">
        <v>17254.5</v>
      </c>
      <c r="D5262">
        <v>1.3</v>
      </c>
      <c r="E5262">
        <v>20207.8</v>
      </c>
      <c r="F5262">
        <v>18.633299999999998</v>
      </c>
    </row>
    <row r="5263" spans="1:6" x14ac:dyDescent="0.25">
      <c r="A5263">
        <v>145.88999999999999</v>
      </c>
      <c r="B5263">
        <v>185.89</v>
      </c>
      <c r="C5263">
        <v>17254.5</v>
      </c>
      <c r="D5263">
        <v>1.6</v>
      </c>
      <c r="E5263">
        <v>19859.599999999999</v>
      </c>
      <c r="F5263">
        <v>18.923300000000001</v>
      </c>
    </row>
    <row r="5264" spans="1:6" x14ac:dyDescent="0.25">
      <c r="A5264">
        <v>145.88999999999999</v>
      </c>
      <c r="B5264">
        <v>185.89</v>
      </c>
      <c r="C5264">
        <v>17254.5</v>
      </c>
      <c r="D5264">
        <v>1.9</v>
      </c>
      <c r="E5264">
        <v>19510</v>
      </c>
      <c r="F5264">
        <v>19.078600000000002</v>
      </c>
    </row>
    <row r="5265" spans="1:6" x14ac:dyDescent="0.25">
      <c r="A5265">
        <v>145.88999999999999</v>
      </c>
      <c r="B5265">
        <v>185.89</v>
      </c>
      <c r="C5265">
        <v>17254.5</v>
      </c>
      <c r="D5265">
        <v>2.2000000000000002</v>
      </c>
      <c r="E5265">
        <v>19268.3</v>
      </c>
      <c r="F5265">
        <v>19.270199999999999</v>
      </c>
    </row>
    <row r="5266" spans="1:6" x14ac:dyDescent="0.25">
      <c r="A5266">
        <v>145.88999999999999</v>
      </c>
      <c r="B5266">
        <v>185.89</v>
      </c>
      <c r="C5266">
        <v>17254.5</v>
      </c>
      <c r="D5266">
        <v>2.5</v>
      </c>
      <c r="E5266">
        <v>18978.400000000001</v>
      </c>
      <c r="F5266">
        <v>19.400099999999998</v>
      </c>
    </row>
    <row r="5267" spans="1:6" x14ac:dyDescent="0.25">
      <c r="A5267">
        <v>145.88999999999999</v>
      </c>
      <c r="B5267">
        <v>185.89</v>
      </c>
      <c r="C5267">
        <v>17254.5</v>
      </c>
      <c r="D5267">
        <v>2.8</v>
      </c>
      <c r="E5267">
        <v>18764.099999999999</v>
      </c>
      <c r="F5267">
        <v>19.549299999999999</v>
      </c>
    </row>
    <row r="5268" spans="1:6" x14ac:dyDescent="0.25">
      <c r="A5268">
        <v>145.88999999999999</v>
      </c>
      <c r="B5268">
        <v>185.89</v>
      </c>
      <c r="C5268">
        <v>17254.5</v>
      </c>
      <c r="D5268">
        <v>3.1</v>
      </c>
      <c r="E5268">
        <v>18689.5</v>
      </c>
      <c r="F5268">
        <v>19.552800000000001</v>
      </c>
    </row>
    <row r="5269" spans="1:6" x14ac:dyDescent="0.25">
      <c r="A5269">
        <v>145.88999999999999</v>
      </c>
      <c r="B5269">
        <v>185.89</v>
      </c>
      <c r="C5269">
        <v>17254.5</v>
      </c>
      <c r="D5269">
        <v>3.4</v>
      </c>
      <c r="E5269">
        <v>18541.400000000001</v>
      </c>
      <c r="F5269">
        <v>19.564800000000002</v>
      </c>
    </row>
    <row r="5270" spans="1:6" x14ac:dyDescent="0.25">
      <c r="A5270">
        <v>145.88999999999999</v>
      </c>
      <c r="B5270">
        <v>185.89</v>
      </c>
      <c r="C5270">
        <v>17254.5</v>
      </c>
      <c r="D5270">
        <v>3.7</v>
      </c>
      <c r="E5270">
        <v>18440.900000000001</v>
      </c>
      <c r="F5270">
        <v>19.581600000000002</v>
      </c>
    </row>
    <row r="5271" spans="1:6" x14ac:dyDescent="0.25">
      <c r="A5271">
        <v>145.88999999999999</v>
      </c>
      <c r="B5271">
        <v>185.89</v>
      </c>
      <c r="C5271">
        <v>17254.5</v>
      </c>
      <c r="D5271">
        <v>4</v>
      </c>
      <c r="E5271">
        <v>18364.8</v>
      </c>
      <c r="F5271">
        <v>19.6051</v>
      </c>
    </row>
    <row r="5272" spans="1:6" x14ac:dyDescent="0.25">
      <c r="A5272">
        <v>145.88999999999999</v>
      </c>
      <c r="B5272">
        <v>185.89</v>
      </c>
      <c r="C5272">
        <v>18800</v>
      </c>
      <c r="D5272">
        <v>1</v>
      </c>
      <c r="E5272">
        <v>22425.3</v>
      </c>
      <c r="F5272">
        <v>19.2102</v>
      </c>
    </row>
    <row r="5273" spans="1:6" x14ac:dyDescent="0.25">
      <c r="A5273">
        <v>145.88999999999999</v>
      </c>
      <c r="B5273">
        <v>185.89</v>
      </c>
      <c r="C5273">
        <v>18800</v>
      </c>
      <c r="D5273">
        <v>1.3</v>
      </c>
      <c r="E5273">
        <v>21799.5</v>
      </c>
      <c r="F5273">
        <v>18.633299999999998</v>
      </c>
    </row>
    <row r="5274" spans="1:6" x14ac:dyDescent="0.25">
      <c r="A5274">
        <v>145.88999999999999</v>
      </c>
      <c r="B5274">
        <v>185.89</v>
      </c>
      <c r="C5274">
        <v>18800</v>
      </c>
      <c r="D5274">
        <v>1.6</v>
      </c>
      <c r="E5274">
        <v>21345.200000000001</v>
      </c>
      <c r="F5274">
        <v>18.923300000000001</v>
      </c>
    </row>
    <row r="5275" spans="1:6" x14ac:dyDescent="0.25">
      <c r="A5275">
        <v>145.88999999999999</v>
      </c>
      <c r="B5275">
        <v>185.89</v>
      </c>
      <c r="C5275">
        <v>18800</v>
      </c>
      <c r="D5275">
        <v>1.9</v>
      </c>
      <c r="E5275">
        <v>20959.400000000001</v>
      </c>
      <c r="F5275">
        <v>19.078600000000002</v>
      </c>
    </row>
    <row r="5276" spans="1:6" x14ac:dyDescent="0.25">
      <c r="A5276">
        <v>145.88999999999999</v>
      </c>
      <c r="B5276">
        <v>185.89</v>
      </c>
      <c r="C5276">
        <v>18800</v>
      </c>
      <c r="D5276">
        <v>2.2000000000000002</v>
      </c>
      <c r="E5276">
        <v>20736.400000000001</v>
      </c>
      <c r="F5276">
        <v>19.270199999999999</v>
      </c>
    </row>
    <row r="5277" spans="1:6" x14ac:dyDescent="0.25">
      <c r="A5277">
        <v>145.88999999999999</v>
      </c>
      <c r="B5277">
        <v>185.89</v>
      </c>
      <c r="C5277">
        <v>18800</v>
      </c>
      <c r="D5277">
        <v>2.5</v>
      </c>
      <c r="E5277">
        <v>20558.900000000001</v>
      </c>
      <c r="F5277">
        <v>19.400099999999998</v>
      </c>
    </row>
    <row r="5278" spans="1:6" x14ac:dyDescent="0.25">
      <c r="A5278">
        <v>145.88999999999999</v>
      </c>
      <c r="B5278">
        <v>185.89</v>
      </c>
      <c r="C5278">
        <v>18800</v>
      </c>
      <c r="D5278">
        <v>2.8</v>
      </c>
      <c r="E5278">
        <v>20386.8</v>
      </c>
      <c r="F5278">
        <v>19.549299999999999</v>
      </c>
    </row>
    <row r="5279" spans="1:6" x14ac:dyDescent="0.25">
      <c r="A5279">
        <v>145.88999999999999</v>
      </c>
      <c r="B5279">
        <v>185.89</v>
      </c>
      <c r="C5279">
        <v>18800</v>
      </c>
      <c r="D5279">
        <v>3.1</v>
      </c>
      <c r="E5279">
        <v>20107.3</v>
      </c>
      <c r="F5279">
        <v>19.552800000000001</v>
      </c>
    </row>
    <row r="5280" spans="1:6" x14ac:dyDescent="0.25">
      <c r="A5280">
        <v>145.88999999999999</v>
      </c>
      <c r="B5280">
        <v>185.89</v>
      </c>
      <c r="C5280">
        <v>18800</v>
      </c>
      <c r="D5280">
        <v>3.4</v>
      </c>
      <c r="E5280">
        <v>20092.400000000001</v>
      </c>
      <c r="F5280">
        <v>19.564800000000002</v>
      </c>
    </row>
    <row r="5281" spans="1:6" x14ac:dyDescent="0.25">
      <c r="A5281">
        <v>145.88999999999999</v>
      </c>
      <c r="B5281">
        <v>185.89</v>
      </c>
      <c r="C5281">
        <v>18800</v>
      </c>
      <c r="D5281">
        <v>3.7</v>
      </c>
      <c r="E5281">
        <v>19966.5</v>
      </c>
      <c r="F5281">
        <v>19.581600000000002</v>
      </c>
    </row>
    <row r="5282" spans="1:6" x14ac:dyDescent="0.25">
      <c r="A5282">
        <v>145.88999999999999</v>
      </c>
      <c r="B5282">
        <v>185.89</v>
      </c>
      <c r="C5282">
        <v>18800</v>
      </c>
      <c r="D5282">
        <v>4</v>
      </c>
      <c r="E5282">
        <v>19888.2</v>
      </c>
      <c r="F5282">
        <v>19.6051</v>
      </c>
    </row>
    <row r="5283" spans="1:6" x14ac:dyDescent="0.25">
      <c r="A5283">
        <v>145.88999999999999</v>
      </c>
      <c r="B5283">
        <v>189.52</v>
      </c>
      <c r="C5283">
        <v>1800</v>
      </c>
      <c r="D5283">
        <v>1</v>
      </c>
      <c r="E5283">
        <v>5539.43</v>
      </c>
      <c r="F5283">
        <v>49.875599999999999</v>
      </c>
    </row>
    <row r="5284" spans="1:6" x14ac:dyDescent="0.25">
      <c r="A5284">
        <v>145.88999999999999</v>
      </c>
      <c r="B5284">
        <v>189.52</v>
      </c>
      <c r="C5284">
        <v>1800</v>
      </c>
      <c r="D5284">
        <v>1.3</v>
      </c>
      <c r="E5284">
        <v>4982.75</v>
      </c>
      <c r="F5284">
        <v>62.082500000000003</v>
      </c>
    </row>
    <row r="5285" spans="1:6" x14ac:dyDescent="0.25">
      <c r="A5285">
        <v>145.88999999999999</v>
      </c>
      <c r="B5285">
        <v>189.52</v>
      </c>
      <c r="C5285">
        <v>1800</v>
      </c>
      <c r="D5285">
        <v>1.6</v>
      </c>
      <c r="E5285">
        <v>4595.2299999999996</v>
      </c>
      <c r="F5285">
        <v>70.093800000000002</v>
      </c>
    </row>
    <row r="5286" spans="1:6" x14ac:dyDescent="0.25">
      <c r="A5286">
        <v>145.88999999999999</v>
      </c>
      <c r="B5286">
        <v>189.52</v>
      </c>
      <c r="C5286">
        <v>1800</v>
      </c>
      <c r="D5286">
        <v>1.9</v>
      </c>
      <c r="E5286">
        <v>4294.92</v>
      </c>
      <c r="F5286">
        <v>77.347200000000001</v>
      </c>
    </row>
    <row r="5287" spans="1:6" x14ac:dyDescent="0.25">
      <c r="A5287">
        <v>145.88999999999999</v>
      </c>
      <c r="B5287">
        <v>189.52</v>
      </c>
      <c r="C5287">
        <v>1800</v>
      </c>
      <c r="D5287">
        <v>2.2000000000000002</v>
      </c>
      <c r="E5287">
        <v>4060.92</v>
      </c>
      <c r="F5287">
        <v>83.526200000000003</v>
      </c>
    </row>
    <row r="5288" spans="1:6" x14ac:dyDescent="0.25">
      <c r="A5288">
        <v>145.88999999999999</v>
      </c>
      <c r="B5288">
        <v>189.52</v>
      </c>
      <c r="C5288">
        <v>1800</v>
      </c>
      <c r="D5288">
        <v>2.5</v>
      </c>
      <c r="E5288">
        <v>3908.79</v>
      </c>
      <c r="F5288">
        <v>92.261899999999997</v>
      </c>
    </row>
    <row r="5289" spans="1:6" x14ac:dyDescent="0.25">
      <c r="A5289">
        <v>145.88999999999999</v>
      </c>
      <c r="B5289">
        <v>189.52</v>
      </c>
      <c r="C5289">
        <v>1800</v>
      </c>
      <c r="D5289">
        <v>2.8</v>
      </c>
      <c r="E5289">
        <v>3799.14</v>
      </c>
      <c r="F5289">
        <v>97.555599999999998</v>
      </c>
    </row>
    <row r="5290" spans="1:6" x14ac:dyDescent="0.25">
      <c r="A5290">
        <v>145.88999999999999</v>
      </c>
      <c r="B5290">
        <v>189.52</v>
      </c>
      <c r="C5290">
        <v>1800</v>
      </c>
      <c r="D5290">
        <v>3.1</v>
      </c>
      <c r="E5290">
        <v>3688.2</v>
      </c>
      <c r="F5290">
        <v>101.64100000000001</v>
      </c>
    </row>
    <row r="5291" spans="1:6" x14ac:dyDescent="0.25">
      <c r="A5291">
        <v>145.88999999999999</v>
      </c>
      <c r="B5291">
        <v>189.52</v>
      </c>
      <c r="C5291">
        <v>1800</v>
      </c>
      <c r="D5291">
        <v>3.4</v>
      </c>
      <c r="E5291">
        <v>3624.93</v>
      </c>
      <c r="F5291">
        <v>105.253</v>
      </c>
    </row>
    <row r="5292" spans="1:6" x14ac:dyDescent="0.25">
      <c r="A5292">
        <v>145.88999999999999</v>
      </c>
      <c r="B5292">
        <v>189.52</v>
      </c>
      <c r="C5292">
        <v>1800</v>
      </c>
      <c r="D5292">
        <v>3.7</v>
      </c>
      <c r="E5292">
        <v>3548.09</v>
      </c>
      <c r="F5292">
        <v>105.73</v>
      </c>
    </row>
    <row r="5293" spans="1:6" x14ac:dyDescent="0.25">
      <c r="A5293">
        <v>145.88999999999999</v>
      </c>
      <c r="B5293">
        <v>189.52</v>
      </c>
      <c r="C5293">
        <v>1800</v>
      </c>
      <c r="D5293">
        <v>4</v>
      </c>
      <c r="E5293">
        <v>3475.68</v>
      </c>
      <c r="F5293">
        <v>107.578</v>
      </c>
    </row>
    <row r="5294" spans="1:6" x14ac:dyDescent="0.25">
      <c r="A5294">
        <v>145.88999999999999</v>
      </c>
      <c r="B5294">
        <v>189.52</v>
      </c>
      <c r="C5294">
        <v>3345.45</v>
      </c>
      <c r="D5294">
        <v>1</v>
      </c>
      <c r="E5294">
        <v>7087.77</v>
      </c>
      <c r="F5294">
        <v>21.169699999999999</v>
      </c>
    </row>
    <row r="5295" spans="1:6" x14ac:dyDescent="0.25">
      <c r="A5295">
        <v>145.88999999999999</v>
      </c>
      <c r="B5295">
        <v>189.52</v>
      </c>
      <c r="C5295">
        <v>3345.45</v>
      </c>
      <c r="D5295">
        <v>1.3</v>
      </c>
      <c r="E5295">
        <v>6385.28</v>
      </c>
      <c r="F5295">
        <v>24.3752</v>
      </c>
    </row>
    <row r="5296" spans="1:6" x14ac:dyDescent="0.25">
      <c r="A5296">
        <v>145.88999999999999</v>
      </c>
      <c r="B5296">
        <v>189.52</v>
      </c>
      <c r="C5296">
        <v>3345.45</v>
      </c>
      <c r="D5296">
        <v>1.6</v>
      </c>
      <c r="E5296">
        <v>5884.05</v>
      </c>
      <c r="F5296">
        <v>28.726500000000001</v>
      </c>
    </row>
    <row r="5297" spans="1:6" x14ac:dyDescent="0.25">
      <c r="A5297">
        <v>145.88999999999999</v>
      </c>
      <c r="B5297">
        <v>189.52</v>
      </c>
      <c r="C5297">
        <v>3345.45</v>
      </c>
      <c r="D5297">
        <v>1.9</v>
      </c>
      <c r="E5297">
        <v>5675.33</v>
      </c>
      <c r="F5297">
        <v>31.595099999999999</v>
      </c>
    </row>
    <row r="5298" spans="1:6" x14ac:dyDescent="0.25">
      <c r="A5298">
        <v>145.88999999999999</v>
      </c>
      <c r="B5298">
        <v>189.52</v>
      </c>
      <c r="C5298">
        <v>3345.45</v>
      </c>
      <c r="D5298">
        <v>2.2000000000000002</v>
      </c>
      <c r="E5298">
        <v>5512.63</v>
      </c>
      <c r="F5298">
        <v>33.855899999999998</v>
      </c>
    </row>
    <row r="5299" spans="1:6" x14ac:dyDescent="0.25">
      <c r="A5299">
        <v>145.88999999999999</v>
      </c>
      <c r="B5299">
        <v>189.52</v>
      </c>
      <c r="C5299">
        <v>3345.45</v>
      </c>
      <c r="D5299">
        <v>2.5</v>
      </c>
      <c r="E5299">
        <v>5285.01</v>
      </c>
      <c r="F5299">
        <v>39.765300000000003</v>
      </c>
    </row>
    <row r="5300" spans="1:6" x14ac:dyDescent="0.25">
      <c r="A5300">
        <v>145.88999999999999</v>
      </c>
      <c r="B5300">
        <v>189.52</v>
      </c>
      <c r="C5300">
        <v>3345.45</v>
      </c>
      <c r="D5300">
        <v>2.8</v>
      </c>
      <c r="E5300">
        <v>5142.46</v>
      </c>
      <c r="F5300">
        <v>46.405700000000003</v>
      </c>
    </row>
    <row r="5301" spans="1:6" x14ac:dyDescent="0.25">
      <c r="A5301">
        <v>145.88999999999999</v>
      </c>
      <c r="B5301">
        <v>189.52</v>
      </c>
      <c r="C5301">
        <v>3345.45</v>
      </c>
      <c r="D5301">
        <v>3.1</v>
      </c>
      <c r="E5301">
        <v>5001.96</v>
      </c>
      <c r="F5301">
        <v>50.871600000000001</v>
      </c>
    </row>
    <row r="5302" spans="1:6" x14ac:dyDescent="0.25">
      <c r="A5302">
        <v>145.88999999999999</v>
      </c>
      <c r="B5302">
        <v>189.52</v>
      </c>
      <c r="C5302">
        <v>3345.45</v>
      </c>
      <c r="D5302">
        <v>3.4</v>
      </c>
      <c r="E5302">
        <v>4987.16</v>
      </c>
      <c r="F5302">
        <v>54.476700000000001</v>
      </c>
    </row>
    <row r="5303" spans="1:6" x14ac:dyDescent="0.25">
      <c r="A5303">
        <v>145.88999999999999</v>
      </c>
      <c r="B5303">
        <v>189.52</v>
      </c>
      <c r="C5303">
        <v>3345.45</v>
      </c>
      <c r="D5303">
        <v>3.7</v>
      </c>
      <c r="E5303">
        <v>4900.07</v>
      </c>
      <c r="F5303">
        <v>54.811300000000003</v>
      </c>
    </row>
    <row r="5304" spans="1:6" x14ac:dyDescent="0.25">
      <c r="A5304">
        <v>145.88999999999999</v>
      </c>
      <c r="B5304">
        <v>189.52</v>
      </c>
      <c r="C5304">
        <v>3345.45</v>
      </c>
      <c r="D5304">
        <v>4</v>
      </c>
      <c r="E5304">
        <v>4791.99</v>
      </c>
      <c r="F5304">
        <v>57.792999999999999</v>
      </c>
    </row>
    <row r="5305" spans="1:6" x14ac:dyDescent="0.25">
      <c r="A5305">
        <v>145.88999999999999</v>
      </c>
      <c r="B5305">
        <v>189.52</v>
      </c>
      <c r="C5305">
        <v>4890.8999999999996</v>
      </c>
      <c r="D5305">
        <v>1</v>
      </c>
      <c r="E5305">
        <v>8713.67</v>
      </c>
      <c r="F5305">
        <v>15.7843</v>
      </c>
    </row>
    <row r="5306" spans="1:6" x14ac:dyDescent="0.25">
      <c r="A5306">
        <v>145.88999999999999</v>
      </c>
      <c r="B5306">
        <v>189.52</v>
      </c>
      <c r="C5306">
        <v>4890.8999999999996</v>
      </c>
      <c r="D5306">
        <v>1.3</v>
      </c>
      <c r="E5306">
        <v>7737.73</v>
      </c>
      <c r="F5306">
        <v>16.549600000000002</v>
      </c>
    </row>
    <row r="5307" spans="1:6" x14ac:dyDescent="0.25">
      <c r="A5307">
        <v>145.88999999999999</v>
      </c>
      <c r="B5307">
        <v>189.52</v>
      </c>
      <c r="C5307">
        <v>4890.8999999999996</v>
      </c>
      <c r="D5307">
        <v>1.6</v>
      </c>
      <c r="E5307">
        <v>7230.14</v>
      </c>
      <c r="F5307">
        <v>16.377500000000001</v>
      </c>
    </row>
    <row r="5308" spans="1:6" x14ac:dyDescent="0.25">
      <c r="A5308">
        <v>145.88999999999999</v>
      </c>
      <c r="B5308">
        <v>189.52</v>
      </c>
      <c r="C5308">
        <v>4890.8999999999996</v>
      </c>
      <c r="D5308">
        <v>1.9</v>
      </c>
      <c r="E5308">
        <v>7101.14</v>
      </c>
      <c r="F5308">
        <v>16.289899999999999</v>
      </c>
    </row>
    <row r="5309" spans="1:6" x14ac:dyDescent="0.25">
      <c r="A5309">
        <v>145.88999999999999</v>
      </c>
      <c r="B5309">
        <v>189.52</v>
      </c>
      <c r="C5309">
        <v>4890.8999999999996</v>
      </c>
      <c r="D5309">
        <v>2.2000000000000002</v>
      </c>
      <c r="E5309">
        <v>6756.31</v>
      </c>
      <c r="F5309">
        <v>16.1449</v>
      </c>
    </row>
    <row r="5310" spans="1:6" x14ac:dyDescent="0.25">
      <c r="A5310">
        <v>145.88999999999999</v>
      </c>
      <c r="B5310">
        <v>189.52</v>
      </c>
      <c r="C5310">
        <v>4890.8999999999996</v>
      </c>
      <c r="D5310">
        <v>2.5</v>
      </c>
      <c r="E5310">
        <v>6708.43</v>
      </c>
      <c r="F5310">
        <v>16.0657</v>
      </c>
    </row>
    <row r="5311" spans="1:6" x14ac:dyDescent="0.25">
      <c r="A5311">
        <v>145.88999999999999</v>
      </c>
      <c r="B5311">
        <v>189.52</v>
      </c>
      <c r="C5311">
        <v>4890.8999999999996</v>
      </c>
      <c r="D5311">
        <v>2.8</v>
      </c>
      <c r="E5311">
        <v>6447.9</v>
      </c>
      <c r="F5311">
        <v>17.335799999999999</v>
      </c>
    </row>
    <row r="5312" spans="1:6" x14ac:dyDescent="0.25">
      <c r="A5312">
        <v>145.88999999999999</v>
      </c>
      <c r="B5312">
        <v>189.52</v>
      </c>
      <c r="C5312">
        <v>4890.8999999999996</v>
      </c>
      <c r="D5312">
        <v>3.1</v>
      </c>
      <c r="E5312">
        <v>6370.74</v>
      </c>
      <c r="F5312">
        <v>17.098400000000002</v>
      </c>
    </row>
    <row r="5313" spans="1:6" x14ac:dyDescent="0.25">
      <c r="A5313">
        <v>145.88999999999999</v>
      </c>
      <c r="B5313">
        <v>189.52</v>
      </c>
      <c r="C5313">
        <v>4890.8999999999996</v>
      </c>
      <c r="D5313">
        <v>3.4</v>
      </c>
      <c r="E5313">
        <v>6342.09</v>
      </c>
      <c r="F5313">
        <v>17.5886</v>
      </c>
    </row>
    <row r="5314" spans="1:6" x14ac:dyDescent="0.25">
      <c r="A5314">
        <v>145.88999999999999</v>
      </c>
      <c r="B5314">
        <v>189.52</v>
      </c>
      <c r="C5314">
        <v>4890.8999999999996</v>
      </c>
      <c r="D5314">
        <v>3.7</v>
      </c>
      <c r="E5314">
        <v>6370.13</v>
      </c>
      <c r="F5314">
        <v>19.082799999999999</v>
      </c>
    </row>
    <row r="5315" spans="1:6" x14ac:dyDescent="0.25">
      <c r="A5315">
        <v>145.88999999999999</v>
      </c>
      <c r="B5315">
        <v>189.52</v>
      </c>
      <c r="C5315">
        <v>4890.8999999999996</v>
      </c>
      <c r="D5315">
        <v>4</v>
      </c>
      <c r="E5315">
        <v>6148.42</v>
      </c>
      <c r="F5315">
        <v>18.860199999999999</v>
      </c>
    </row>
    <row r="5316" spans="1:6" x14ac:dyDescent="0.25">
      <c r="A5316">
        <v>145.88999999999999</v>
      </c>
      <c r="B5316">
        <v>189.52</v>
      </c>
      <c r="C5316">
        <v>6436.35</v>
      </c>
      <c r="D5316">
        <v>1</v>
      </c>
      <c r="E5316">
        <v>10124.4</v>
      </c>
      <c r="F5316">
        <v>19.2102</v>
      </c>
    </row>
    <row r="5317" spans="1:6" x14ac:dyDescent="0.25">
      <c r="A5317">
        <v>145.88999999999999</v>
      </c>
      <c r="B5317">
        <v>189.52</v>
      </c>
      <c r="C5317">
        <v>6436.35</v>
      </c>
      <c r="D5317">
        <v>1.3</v>
      </c>
      <c r="E5317">
        <v>9458.7199999999993</v>
      </c>
      <c r="F5317">
        <v>18.633299999999998</v>
      </c>
    </row>
    <row r="5318" spans="1:6" x14ac:dyDescent="0.25">
      <c r="A5318">
        <v>145.88999999999999</v>
      </c>
      <c r="B5318">
        <v>189.52</v>
      </c>
      <c r="C5318">
        <v>6436.35</v>
      </c>
      <c r="D5318">
        <v>1.6</v>
      </c>
      <c r="E5318">
        <v>8781.7199999999993</v>
      </c>
      <c r="F5318">
        <v>18.923300000000001</v>
      </c>
    </row>
    <row r="5319" spans="1:6" x14ac:dyDescent="0.25">
      <c r="A5319">
        <v>145.88999999999999</v>
      </c>
      <c r="B5319">
        <v>189.52</v>
      </c>
      <c r="C5319">
        <v>6436.35</v>
      </c>
      <c r="D5319">
        <v>1.9</v>
      </c>
      <c r="E5319">
        <v>8548.1200000000008</v>
      </c>
      <c r="F5319">
        <v>19.078600000000002</v>
      </c>
    </row>
    <row r="5320" spans="1:6" x14ac:dyDescent="0.25">
      <c r="A5320">
        <v>145.88999999999999</v>
      </c>
      <c r="B5320">
        <v>189.52</v>
      </c>
      <c r="C5320">
        <v>6436.35</v>
      </c>
      <c r="D5320">
        <v>2.2000000000000002</v>
      </c>
      <c r="E5320">
        <v>8437.35</v>
      </c>
      <c r="F5320">
        <v>19.270199999999999</v>
      </c>
    </row>
    <row r="5321" spans="1:6" x14ac:dyDescent="0.25">
      <c r="A5321">
        <v>145.88999999999999</v>
      </c>
      <c r="B5321">
        <v>189.52</v>
      </c>
      <c r="C5321">
        <v>6436.35</v>
      </c>
      <c r="D5321">
        <v>2.5</v>
      </c>
      <c r="E5321">
        <v>8200.4</v>
      </c>
      <c r="F5321">
        <v>19.400099999999998</v>
      </c>
    </row>
    <row r="5322" spans="1:6" x14ac:dyDescent="0.25">
      <c r="A5322">
        <v>145.88999999999999</v>
      </c>
      <c r="B5322">
        <v>189.52</v>
      </c>
      <c r="C5322">
        <v>6436.35</v>
      </c>
      <c r="D5322">
        <v>2.8</v>
      </c>
      <c r="E5322">
        <v>7979.29</v>
      </c>
      <c r="F5322">
        <v>19.549299999999999</v>
      </c>
    </row>
    <row r="5323" spans="1:6" x14ac:dyDescent="0.25">
      <c r="A5323">
        <v>145.88999999999999</v>
      </c>
      <c r="B5323">
        <v>189.52</v>
      </c>
      <c r="C5323">
        <v>6436.35</v>
      </c>
      <c r="D5323">
        <v>3.1</v>
      </c>
      <c r="E5323">
        <v>7770.12</v>
      </c>
      <c r="F5323">
        <v>19.552800000000001</v>
      </c>
    </row>
    <row r="5324" spans="1:6" x14ac:dyDescent="0.25">
      <c r="A5324">
        <v>145.88999999999999</v>
      </c>
      <c r="B5324">
        <v>189.52</v>
      </c>
      <c r="C5324">
        <v>6436.35</v>
      </c>
      <c r="D5324">
        <v>3.4</v>
      </c>
      <c r="E5324">
        <v>7680.39</v>
      </c>
      <c r="F5324">
        <v>19.564800000000002</v>
      </c>
    </row>
    <row r="5325" spans="1:6" x14ac:dyDescent="0.25">
      <c r="A5325">
        <v>145.88999999999999</v>
      </c>
      <c r="B5325">
        <v>189.52</v>
      </c>
      <c r="C5325">
        <v>6436.35</v>
      </c>
      <c r="D5325">
        <v>3.7</v>
      </c>
      <c r="E5325">
        <v>7603.4</v>
      </c>
      <c r="F5325">
        <v>19.581600000000002</v>
      </c>
    </row>
    <row r="5326" spans="1:6" x14ac:dyDescent="0.25">
      <c r="A5326">
        <v>145.88999999999999</v>
      </c>
      <c r="B5326">
        <v>189.52</v>
      </c>
      <c r="C5326">
        <v>6436.35</v>
      </c>
      <c r="D5326">
        <v>4</v>
      </c>
      <c r="E5326">
        <v>7565.59</v>
      </c>
      <c r="F5326">
        <v>19.6051</v>
      </c>
    </row>
    <row r="5327" spans="1:6" x14ac:dyDescent="0.25">
      <c r="A5327">
        <v>145.88999999999999</v>
      </c>
      <c r="B5327">
        <v>189.52</v>
      </c>
      <c r="C5327">
        <v>7981.8</v>
      </c>
      <c r="D5327">
        <v>1</v>
      </c>
      <c r="E5327">
        <v>11704.1</v>
      </c>
      <c r="F5327">
        <v>19.2102</v>
      </c>
    </row>
    <row r="5328" spans="1:6" x14ac:dyDescent="0.25">
      <c r="A5328">
        <v>145.88999999999999</v>
      </c>
      <c r="B5328">
        <v>189.52</v>
      </c>
      <c r="C5328">
        <v>7981.8</v>
      </c>
      <c r="D5328">
        <v>1.3</v>
      </c>
      <c r="E5328">
        <v>11070.8</v>
      </c>
      <c r="F5328">
        <v>18.633299999999998</v>
      </c>
    </row>
    <row r="5329" spans="1:6" x14ac:dyDescent="0.25">
      <c r="A5329">
        <v>145.88999999999999</v>
      </c>
      <c r="B5329">
        <v>189.52</v>
      </c>
      <c r="C5329">
        <v>7981.8</v>
      </c>
      <c r="D5329">
        <v>1.6</v>
      </c>
      <c r="E5329">
        <v>10683.9</v>
      </c>
      <c r="F5329">
        <v>18.923300000000001</v>
      </c>
    </row>
    <row r="5330" spans="1:6" x14ac:dyDescent="0.25">
      <c r="A5330">
        <v>145.88999999999999</v>
      </c>
      <c r="B5330">
        <v>189.52</v>
      </c>
      <c r="C5330">
        <v>7981.8</v>
      </c>
      <c r="D5330">
        <v>1.9</v>
      </c>
      <c r="E5330">
        <v>10222.4</v>
      </c>
      <c r="F5330">
        <v>19.078600000000002</v>
      </c>
    </row>
    <row r="5331" spans="1:6" x14ac:dyDescent="0.25">
      <c r="A5331">
        <v>145.88999999999999</v>
      </c>
      <c r="B5331">
        <v>189.52</v>
      </c>
      <c r="C5331">
        <v>7981.8</v>
      </c>
      <c r="D5331">
        <v>2.2000000000000002</v>
      </c>
      <c r="E5331">
        <v>10007.299999999999</v>
      </c>
      <c r="F5331">
        <v>19.270199999999999</v>
      </c>
    </row>
    <row r="5332" spans="1:6" x14ac:dyDescent="0.25">
      <c r="A5332">
        <v>145.88999999999999</v>
      </c>
      <c r="B5332">
        <v>189.52</v>
      </c>
      <c r="C5332">
        <v>7981.8</v>
      </c>
      <c r="D5332">
        <v>2.5</v>
      </c>
      <c r="E5332">
        <v>9708.83</v>
      </c>
      <c r="F5332">
        <v>19.400099999999998</v>
      </c>
    </row>
    <row r="5333" spans="1:6" x14ac:dyDescent="0.25">
      <c r="A5333">
        <v>145.88999999999999</v>
      </c>
      <c r="B5333">
        <v>189.52</v>
      </c>
      <c r="C5333">
        <v>7981.8</v>
      </c>
      <c r="D5333">
        <v>2.8</v>
      </c>
      <c r="E5333">
        <v>9582.33</v>
      </c>
      <c r="F5333">
        <v>19.549299999999999</v>
      </c>
    </row>
    <row r="5334" spans="1:6" x14ac:dyDescent="0.25">
      <c r="A5334">
        <v>145.88999999999999</v>
      </c>
      <c r="B5334">
        <v>189.52</v>
      </c>
      <c r="C5334">
        <v>7981.8</v>
      </c>
      <c r="D5334">
        <v>3.1</v>
      </c>
      <c r="E5334">
        <v>9427.5400000000009</v>
      </c>
      <c r="F5334">
        <v>19.552800000000001</v>
      </c>
    </row>
    <row r="5335" spans="1:6" x14ac:dyDescent="0.25">
      <c r="A5335">
        <v>145.88999999999999</v>
      </c>
      <c r="B5335">
        <v>189.52</v>
      </c>
      <c r="C5335">
        <v>7981.8</v>
      </c>
      <c r="D5335">
        <v>3.4</v>
      </c>
      <c r="E5335">
        <v>9276.49</v>
      </c>
      <c r="F5335">
        <v>19.564800000000002</v>
      </c>
    </row>
    <row r="5336" spans="1:6" x14ac:dyDescent="0.25">
      <c r="A5336">
        <v>145.88999999999999</v>
      </c>
      <c r="B5336">
        <v>189.52</v>
      </c>
      <c r="C5336">
        <v>7981.8</v>
      </c>
      <c r="D5336">
        <v>3.7</v>
      </c>
      <c r="E5336">
        <v>9161.5400000000009</v>
      </c>
      <c r="F5336">
        <v>19.581600000000002</v>
      </c>
    </row>
    <row r="5337" spans="1:6" x14ac:dyDescent="0.25">
      <c r="A5337">
        <v>145.88999999999999</v>
      </c>
      <c r="B5337">
        <v>189.52</v>
      </c>
      <c r="C5337">
        <v>7981.8</v>
      </c>
      <c r="D5337">
        <v>4</v>
      </c>
      <c r="E5337">
        <v>9069</v>
      </c>
      <c r="F5337">
        <v>19.6051</v>
      </c>
    </row>
    <row r="5338" spans="1:6" x14ac:dyDescent="0.25">
      <c r="A5338">
        <v>145.88999999999999</v>
      </c>
      <c r="B5338">
        <v>189.52</v>
      </c>
      <c r="C5338">
        <v>9527.25</v>
      </c>
      <c r="D5338">
        <v>1</v>
      </c>
      <c r="E5338">
        <v>13361.2</v>
      </c>
      <c r="F5338">
        <v>19.2102</v>
      </c>
    </row>
    <row r="5339" spans="1:6" x14ac:dyDescent="0.25">
      <c r="A5339">
        <v>145.88999999999999</v>
      </c>
      <c r="B5339">
        <v>189.52</v>
      </c>
      <c r="C5339">
        <v>9527.25</v>
      </c>
      <c r="D5339">
        <v>1.3</v>
      </c>
      <c r="E5339">
        <v>12560.2</v>
      </c>
      <c r="F5339">
        <v>18.633299999999998</v>
      </c>
    </row>
    <row r="5340" spans="1:6" x14ac:dyDescent="0.25">
      <c r="A5340">
        <v>145.88999999999999</v>
      </c>
      <c r="B5340">
        <v>189.52</v>
      </c>
      <c r="C5340">
        <v>9527.25</v>
      </c>
      <c r="D5340">
        <v>1.6</v>
      </c>
      <c r="E5340">
        <v>11981</v>
      </c>
      <c r="F5340">
        <v>18.923300000000001</v>
      </c>
    </row>
    <row r="5341" spans="1:6" x14ac:dyDescent="0.25">
      <c r="A5341">
        <v>145.88999999999999</v>
      </c>
      <c r="B5341">
        <v>189.52</v>
      </c>
      <c r="C5341">
        <v>9527.25</v>
      </c>
      <c r="D5341">
        <v>1.9</v>
      </c>
      <c r="E5341">
        <v>11820.2</v>
      </c>
      <c r="F5341">
        <v>19.078600000000002</v>
      </c>
    </row>
    <row r="5342" spans="1:6" x14ac:dyDescent="0.25">
      <c r="A5342">
        <v>145.88999999999999</v>
      </c>
      <c r="B5342">
        <v>189.52</v>
      </c>
      <c r="C5342">
        <v>9527.25</v>
      </c>
      <c r="D5342">
        <v>2.2000000000000002</v>
      </c>
      <c r="E5342">
        <v>11400.7</v>
      </c>
      <c r="F5342">
        <v>19.270199999999999</v>
      </c>
    </row>
    <row r="5343" spans="1:6" x14ac:dyDescent="0.25">
      <c r="A5343">
        <v>145.88999999999999</v>
      </c>
      <c r="B5343">
        <v>189.52</v>
      </c>
      <c r="C5343">
        <v>9527.25</v>
      </c>
      <c r="D5343">
        <v>2.5</v>
      </c>
      <c r="E5343">
        <v>11226.4</v>
      </c>
      <c r="F5343">
        <v>19.400099999999998</v>
      </c>
    </row>
    <row r="5344" spans="1:6" x14ac:dyDescent="0.25">
      <c r="A5344">
        <v>145.88999999999999</v>
      </c>
      <c r="B5344">
        <v>189.52</v>
      </c>
      <c r="C5344">
        <v>9527.25</v>
      </c>
      <c r="D5344">
        <v>2.8</v>
      </c>
      <c r="E5344">
        <v>11119.7</v>
      </c>
      <c r="F5344">
        <v>19.549299999999999</v>
      </c>
    </row>
    <row r="5345" spans="1:6" x14ac:dyDescent="0.25">
      <c r="A5345">
        <v>145.88999999999999</v>
      </c>
      <c r="B5345">
        <v>189.52</v>
      </c>
      <c r="C5345">
        <v>9527.25</v>
      </c>
      <c r="D5345">
        <v>3.1</v>
      </c>
      <c r="E5345">
        <v>10845.5</v>
      </c>
      <c r="F5345">
        <v>19.552800000000001</v>
      </c>
    </row>
    <row r="5346" spans="1:6" x14ac:dyDescent="0.25">
      <c r="A5346">
        <v>145.88999999999999</v>
      </c>
      <c r="B5346">
        <v>189.52</v>
      </c>
      <c r="C5346">
        <v>9527.25</v>
      </c>
      <c r="D5346">
        <v>3.4</v>
      </c>
      <c r="E5346">
        <v>10769.8</v>
      </c>
      <c r="F5346">
        <v>19.564800000000002</v>
      </c>
    </row>
    <row r="5347" spans="1:6" x14ac:dyDescent="0.25">
      <c r="A5347">
        <v>145.88999999999999</v>
      </c>
      <c r="B5347">
        <v>189.52</v>
      </c>
      <c r="C5347">
        <v>9527.25</v>
      </c>
      <c r="D5347">
        <v>3.7</v>
      </c>
      <c r="E5347">
        <v>10734</v>
      </c>
      <c r="F5347">
        <v>19.581600000000002</v>
      </c>
    </row>
    <row r="5348" spans="1:6" x14ac:dyDescent="0.25">
      <c r="A5348">
        <v>145.88999999999999</v>
      </c>
      <c r="B5348">
        <v>189.52</v>
      </c>
      <c r="C5348">
        <v>9527.25</v>
      </c>
      <c r="D5348">
        <v>4</v>
      </c>
      <c r="E5348">
        <v>10737.8</v>
      </c>
      <c r="F5348">
        <v>19.6051</v>
      </c>
    </row>
    <row r="5349" spans="1:6" x14ac:dyDescent="0.25">
      <c r="A5349">
        <v>145.88999999999999</v>
      </c>
      <c r="B5349">
        <v>189.52</v>
      </c>
      <c r="C5349">
        <v>11072.7</v>
      </c>
      <c r="D5349">
        <v>1</v>
      </c>
      <c r="E5349">
        <v>14591.1</v>
      </c>
      <c r="F5349">
        <v>19.2102</v>
      </c>
    </row>
    <row r="5350" spans="1:6" x14ac:dyDescent="0.25">
      <c r="A5350">
        <v>145.88999999999999</v>
      </c>
      <c r="B5350">
        <v>189.52</v>
      </c>
      <c r="C5350">
        <v>11072.7</v>
      </c>
      <c r="D5350">
        <v>1.3</v>
      </c>
      <c r="E5350">
        <v>14097.9</v>
      </c>
      <c r="F5350">
        <v>18.633299999999998</v>
      </c>
    </row>
    <row r="5351" spans="1:6" x14ac:dyDescent="0.25">
      <c r="A5351">
        <v>145.88999999999999</v>
      </c>
      <c r="B5351">
        <v>189.52</v>
      </c>
      <c r="C5351">
        <v>11072.7</v>
      </c>
      <c r="D5351">
        <v>1.6</v>
      </c>
      <c r="E5351">
        <v>13521.2</v>
      </c>
      <c r="F5351">
        <v>18.923300000000001</v>
      </c>
    </row>
    <row r="5352" spans="1:6" x14ac:dyDescent="0.25">
      <c r="A5352">
        <v>145.88999999999999</v>
      </c>
      <c r="B5352">
        <v>189.52</v>
      </c>
      <c r="C5352">
        <v>11072.7</v>
      </c>
      <c r="D5352">
        <v>1.9</v>
      </c>
      <c r="E5352">
        <v>13331.7</v>
      </c>
      <c r="F5352">
        <v>19.078600000000002</v>
      </c>
    </row>
    <row r="5353" spans="1:6" x14ac:dyDescent="0.25">
      <c r="A5353">
        <v>145.88999999999999</v>
      </c>
      <c r="B5353">
        <v>189.52</v>
      </c>
      <c r="C5353">
        <v>11072.7</v>
      </c>
      <c r="D5353">
        <v>2.2000000000000002</v>
      </c>
      <c r="E5353">
        <v>12945.4</v>
      </c>
      <c r="F5353">
        <v>19.270199999999999</v>
      </c>
    </row>
    <row r="5354" spans="1:6" x14ac:dyDescent="0.25">
      <c r="A5354">
        <v>145.88999999999999</v>
      </c>
      <c r="B5354">
        <v>189.52</v>
      </c>
      <c r="C5354">
        <v>11072.7</v>
      </c>
      <c r="D5354">
        <v>2.5</v>
      </c>
      <c r="E5354">
        <v>12910.7</v>
      </c>
      <c r="F5354">
        <v>19.400099999999998</v>
      </c>
    </row>
    <row r="5355" spans="1:6" x14ac:dyDescent="0.25">
      <c r="A5355">
        <v>145.88999999999999</v>
      </c>
      <c r="B5355">
        <v>189.52</v>
      </c>
      <c r="C5355">
        <v>11072.7</v>
      </c>
      <c r="D5355">
        <v>2.8</v>
      </c>
      <c r="E5355">
        <v>12641.6</v>
      </c>
      <c r="F5355">
        <v>19.549299999999999</v>
      </c>
    </row>
    <row r="5356" spans="1:6" x14ac:dyDescent="0.25">
      <c r="A5356">
        <v>145.88999999999999</v>
      </c>
      <c r="B5356">
        <v>189.52</v>
      </c>
      <c r="C5356">
        <v>11072.7</v>
      </c>
      <c r="D5356">
        <v>3.1</v>
      </c>
      <c r="E5356">
        <v>12458.1</v>
      </c>
      <c r="F5356">
        <v>19.552800000000001</v>
      </c>
    </row>
    <row r="5357" spans="1:6" x14ac:dyDescent="0.25">
      <c r="A5357">
        <v>145.88999999999999</v>
      </c>
      <c r="B5357">
        <v>189.52</v>
      </c>
      <c r="C5357">
        <v>11072.7</v>
      </c>
      <c r="D5357">
        <v>3.4</v>
      </c>
      <c r="E5357">
        <v>12343.2</v>
      </c>
      <c r="F5357">
        <v>19.564800000000002</v>
      </c>
    </row>
    <row r="5358" spans="1:6" x14ac:dyDescent="0.25">
      <c r="A5358">
        <v>145.88999999999999</v>
      </c>
      <c r="B5358">
        <v>189.52</v>
      </c>
      <c r="C5358">
        <v>11072.7</v>
      </c>
      <c r="D5358">
        <v>3.7</v>
      </c>
      <c r="E5358">
        <v>12243.1</v>
      </c>
      <c r="F5358">
        <v>19.581600000000002</v>
      </c>
    </row>
    <row r="5359" spans="1:6" x14ac:dyDescent="0.25">
      <c r="A5359">
        <v>145.88999999999999</v>
      </c>
      <c r="B5359">
        <v>189.52</v>
      </c>
      <c r="C5359">
        <v>11072.7</v>
      </c>
      <c r="D5359">
        <v>4</v>
      </c>
      <c r="E5359">
        <v>12207.4</v>
      </c>
      <c r="F5359">
        <v>19.6051</v>
      </c>
    </row>
    <row r="5360" spans="1:6" x14ac:dyDescent="0.25">
      <c r="A5360">
        <v>145.88999999999999</v>
      </c>
      <c r="B5360">
        <v>189.52</v>
      </c>
      <c r="C5360">
        <v>12618.2</v>
      </c>
      <c r="D5360">
        <v>1</v>
      </c>
      <c r="E5360">
        <v>16426.3</v>
      </c>
      <c r="F5360">
        <v>19.2102</v>
      </c>
    </row>
    <row r="5361" spans="1:6" x14ac:dyDescent="0.25">
      <c r="A5361">
        <v>145.88999999999999</v>
      </c>
      <c r="B5361">
        <v>189.52</v>
      </c>
      <c r="C5361">
        <v>12618.2</v>
      </c>
      <c r="D5361">
        <v>1.3</v>
      </c>
      <c r="E5361">
        <v>15800.1</v>
      </c>
      <c r="F5361">
        <v>18.633299999999998</v>
      </c>
    </row>
    <row r="5362" spans="1:6" x14ac:dyDescent="0.25">
      <c r="A5362">
        <v>145.88999999999999</v>
      </c>
      <c r="B5362">
        <v>189.52</v>
      </c>
      <c r="C5362">
        <v>12618.2</v>
      </c>
      <c r="D5362">
        <v>1.6</v>
      </c>
      <c r="E5362">
        <v>15117.3</v>
      </c>
      <c r="F5362">
        <v>18.923300000000001</v>
      </c>
    </row>
    <row r="5363" spans="1:6" x14ac:dyDescent="0.25">
      <c r="A5363">
        <v>145.88999999999999</v>
      </c>
      <c r="B5363">
        <v>189.52</v>
      </c>
      <c r="C5363">
        <v>12618.2</v>
      </c>
      <c r="D5363">
        <v>1.9</v>
      </c>
      <c r="E5363">
        <v>14764.1</v>
      </c>
      <c r="F5363">
        <v>19.078600000000002</v>
      </c>
    </row>
    <row r="5364" spans="1:6" x14ac:dyDescent="0.25">
      <c r="A5364">
        <v>145.88999999999999</v>
      </c>
      <c r="B5364">
        <v>189.52</v>
      </c>
      <c r="C5364">
        <v>12618.2</v>
      </c>
      <c r="D5364">
        <v>2.2000000000000002</v>
      </c>
      <c r="E5364">
        <v>14614</v>
      </c>
      <c r="F5364">
        <v>19.270199999999999</v>
      </c>
    </row>
    <row r="5365" spans="1:6" x14ac:dyDescent="0.25">
      <c r="A5365">
        <v>145.88999999999999</v>
      </c>
      <c r="B5365">
        <v>189.52</v>
      </c>
      <c r="C5365">
        <v>12618.2</v>
      </c>
      <c r="D5365">
        <v>2.5</v>
      </c>
      <c r="E5365">
        <v>14372.5</v>
      </c>
      <c r="F5365">
        <v>19.400099999999998</v>
      </c>
    </row>
    <row r="5366" spans="1:6" x14ac:dyDescent="0.25">
      <c r="A5366">
        <v>145.88999999999999</v>
      </c>
      <c r="B5366">
        <v>189.52</v>
      </c>
      <c r="C5366">
        <v>12618.2</v>
      </c>
      <c r="D5366">
        <v>2.8</v>
      </c>
      <c r="E5366">
        <v>14106</v>
      </c>
      <c r="F5366">
        <v>19.549299999999999</v>
      </c>
    </row>
    <row r="5367" spans="1:6" x14ac:dyDescent="0.25">
      <c r="A5367">
        <v>145.88999999999999</v>
      </c>
      <c r="B5367">
        <v>189.52</v>
      </c>
      <c r="C5367">
        <v>12618.2</v>
      </c>
      <c r="D5367">
        <v>3.1</v>
      </c>
      <c r="E5367">
        <v>13941.9</v>
      </c>
      <c r="F5367">
        <v>19.552800000000001</v>
      </c>
    </row>
    <row r="5368" spans="1:6" x14ac:dyDescent="0.25">
      <c r="A5368">
        <v>145.88999999999999</v>
      </c>
      <c r="B5368">
        <v>189.52</v>
      </c>
      <c r="C5368">
        <v>12618.2</v>
      </c>
      <c r="D5368">
        <v>3.4</v>
      </c>
      <c r="E5368">
        <v>13960.5</v>
      </c>
      <c r="F5368">
        <v>19.564800000000002</v>
      </c>
    </row>
    <row r="5369" spans="1:6" x14ac:dyDescent="0.25">
      <c r="A5369">
        <v>145.88999999999999</v>
      </c>
      <c r="B5369">
        <v>189.52</v>
      </c>
      <c r="C5369">
        <v>12618.2</v>
      </c>
      <c r="D5369">
        <v>3.7</v>
      </c>
      <c r="E5369">
        <v>13854.1</v>
      </c>
      <c r="F5369">
        <v>19.581600000000002</v>
      </c>
    </row>
    <row r="5370" spans="1:6" x14ac:dyDescent="0.25">
      <c r="A5370">
        <v>145.88999999999999</v>
      </c>
      <c r="B5370">
        <v>189.52</v>
      </c>
      <c r="C5370">
        <v>12618.2</v>
      </c>
      <c r="D5370">
        <v>4</v>
      </c>
      <c r="E5370">
        <v>13776.7</v>
      </c>
      <c r="F5370">
        <v>19.6051</v>
      </c>
    </row>
    <row r="5371" spans="1:6" x14ac:dyDescent="0.25">
      <c r="A5371">
        <v>145.88999999999999</v>
      </c>
      <c r="B5371">
        <v>189.52</v>
      </c>
      <c r="C5371">
        <v>14163.6</v>
      </c>
      <c r="D5371">
        <v>1</v>
      </c>
      <c r="E5371">
        <v>17887.599999999999</v>
      </c>
      <c r="F5371">
        <v>19.2102</v>
      </c>
    </row>
    <row r="5372" spans="1:6" x14ac:dyDescent="0.25">
      <c r="A5372">
        <v>145.88999999999999</v>
      </c>
      <c r="B5372">
        <v>189.52</v>
      </c>
      <c r="C5372">
        <v>14163.6</v>
      </c>
      <c r="D5372">
        <v>1.3</v>
      </c>
      <c r="E5372">
        <v>17310.5</v>
      </c>
      <c r="F5372">
        <v>18.633299999999998</v>
      </c>
    </row>
    <row r="5373" spans="1:6" x14ac:dyDescent="0.25">
      <c r="A5373">
        <v>145.88999999999999</v>
      </c>
      <c r="B5373">
        <v>189.52</v>
      </c>
      <c r="C5373">
        <v>14163.6</v>
      </c>
      <c r="D5373">
        <v>1.6</v>
      </c>
      <c r="E5373">
        <v>16607.5</v>
      </c>
      <c r="F5373">
        <v>18.923300000000001</v>
      </c>
    </row>
    <row r="5374" spans="1:6" x14ac:dyDescent="0.25">
      <c r="A5374">
        <v>145.88999999999999</v>
      </c>
      <c r="B5374">
        <v>189.52</v>
      </c>
      <c r="C5374">
        <v>14163.6</v>
      </c>
      <c r="D5374">
        <v>1.9</v>
      </c>
      <c r="E5374">
        <v>16283.6</v>
      </c>
      <c r="F5374">
        <v>19.078600000000002</v>
      </c>
    </row>
    <row r="5375" spans="1:6" x14ac:dyDescent="0.25">
      <c r="A5375">
        <v>145.88999999999999</v>
      </c>
      <c r="B5375">
        <v>189.52</v>
      </c>
      <c r="C5375">
        <v>14163.6</v>
      </c>
      <c r="D5375">
        <v>2.2000000000000002</v>
      </c>
      <c r="E5375">
        <v>16222.7</v>
      </c>
      <c r="F5375">
        <v>19.270199999999999</v>
      </c>
    </row>
    <row r="5376" spans="1:6" x14ac:dyDescent="0.25">
      <c r="A5376">
        <v>145.88999999999999</v>
      </c>
      <c r="B5376">
        <v>189.52</v>
      </c>
      <c r="C5376">
        <v>14163.6</v>
      </c>
      <c r="D5376">
        <v>2.5</v>
      </c>
      <c r="E5376">
        <v>15974.1</v>
      </c>
      <c r="F5376">
        <v>19.400099999999998</v>
      </c>
    </row>
    <row r="5377" spans="1:6" x14ac:dyDescent="0.25">
      <c r="A5377">
        <v>145.88999999999999</v>
      </c>
      <c r="B5377">
        <v>189.52</v>
      </c>
      <c r="C5377">
        <v>14163.6</v>
      </c>
      <c r="D5377">
        <v>2.8</v>
      </c>
      <c r="E5377">
        <v>15594.7</v>
      </c>
      <c r="F5377">
        <v>19.549299999999999</v>
      </c>
    </row>
    <row r="5378" spans="1:6" x14ac:dyDescent="0.25">
      <c r="A5378">
        <v>145.88999999999999</v>
      </c>
      <c r="B5378">
        <v>189.52</v>
      </c>
      <c r="C5378">
        <v>14163.6</v>
      </c>
      <c r="D5378">
        <v>3.1</v>
      </c>
      <c r="E5378">
        <v>15569</v>
      </c>
      <c r="F5378">
        <v>19.552800000000001</v>
      </c>
    </row>
    <row r="5379" spans="1:6" x14ac:dyDescent="0.25">
      <c r="A5379">
        <v>145.88999999999999</v>
      </c>
      <c r="B5379">
        <v>189.52</v>
      </c>
      <c r="C5379">
        <v>14163.6</v>
      </c>
      <c r="D5379">
        <v>3.4</v>
      </c>
      <c r="E5379">
        <v>15426.2</v>
      </c>
      <c r="F5379">
        <v>19.564800000000002</v>
      </c>
    </row>
    <row r="5380" spans="1:6" x14ac:dyDescent="0.25">
      <c r="A5380">
        <v>145.88999999999999</v>
      </c>
      <c r="B5380">
        <v>189.52</v>
      </c>
      <c r="C5380">
        <v>14163.6</v>
      </c>
      <c r="D5380">
        <v>3.7</v>
      </c>
      <c r="E5380">
        <v>15317.4</v>
      </c>
      <c r="F5380">
        <v>19.581600000000002</v>
      </c>
    </row>
    <row r="5381" spans="1:6" x14ac:dyDescent="0.25">
      <c r="A5381">
        <v>145.88999999999999</v>
      </c>
      <c r="B5381">
        <v>189.52</v>
      </c>
      <c r="C5381">
        <v>14163.6</v>
      </c>
      <c r="D5381">
        <v>4</v>
      </c>
      <c r="E5381">
        <v>15237.2</v>
      </c>
      <c r="F5381">
        <v>19.6051</v>
      </c>
    </row>
    <row r="5382" spans="1:6" x14ac:dyDescent="0.25">
      <c r="A5382">
        <v>145.88999999999999</v>
      </c>
      <c r="B5382">
        <v>189.52</v>
      </c>
      <c r="C5382">
        <v>15709.1</v>
      </c>
      <c r="D5382">
        <v>1</v>
      </c>
      <c r="E5382">
        <v>19249.3</v>
      </c>
      <c r="F5382">
        <v>19.2102</v>
      </c>
    </row>
    <row r="5383" spans="1:6" x14ac:dyDescent="0.25">
      <c r="A5383">
        <v>145.88999999999999</v>
      </c>
      <c r="B5383">
        <v>189.52</v>
      </c>
      <c r="C5383">
        <v>15709.1</v>
      </c>
      <c r="D5383">
        <v>1.3</v>
      </c>
      <c r="E5383">
        <v>18721</v>
      </c>
      <c r="F5383">
        <v>18.633299999999998</v>
      </c>
    </row>
    <row r="5384" spans="1:6" x14ac:dyDescent="0.25">
      <c r="A5384">
        <v>145.88999999999999</v>
      </c>
      <c r="B5384">
        <v>189.52</v>
      </c>
      <c r="C5384">
        <v>15709.1</v>
      </c>
      <c r="D5384">
        <v>1.6</v>
      </c>
      <c r="E5384">
        <v>18395.900000000001</v>
      </c>
      <c r="F5384">
        <v>18.923300000000001</v>
      </c>
    </row>
    <row r="5385" spans="1:6" x14ac:dyDescent="0.25">
      <c r="A5385">
        <v>145.88999999999999</v>
      </c>
      <c r="B5385">
        <v>189.52</v>
      </c>
      <c r="C5385">
        <v>15709.1</v>
      </c>
      <c r="D5385">
        <v>1.9</v>
      </c>
      <c r="E5385">
        <v>17845.2</v>
      </c>
      <c r="F5385">
        <v>19.078600000000002</v>
      </c>
    </row>
    <row r="5386" spans="1:6" x14ac:dyDescent="0.25">
      <c r="A5386">
        <v>145.88999999999999</v>
      </c>
      <c r="B5386">
        <v>189.52</v>
      </c>
      <c r="C5386">
        <v>15709.1</v>
      </c>
      <c r="D5386">
        <v>2.2000000000000002</v>
      </c>
      <c r="E5386">
        <v>17600.8</v>
      </c>
      <c r="F5386">
        <v>19.270199999999999</v>
      </c>
    </row>
    <row r="5387" spans="1:6" x14ac:dyDescent="0.25">
      <c r="A5387">
        <v>145.88999999999999</v>
      </c>
      <c r="B5387">
        <v>189.52</v>
      </c>
      <c r="C5387">
        <v>15709.1</v>
      </c>
      <c r="D5387">
        <v>2.5</v>
      </c>
      <c r="E5387">
        <v>17549.8</v>
      </c>
      <c r="F5387">
        <v>19.400099999999998</v>
      </c>
    </row>
    <row r="5388" spans="1:6" x14ac:dyDescent="0.25">
      <c r="A5388">
        <v>145.88999999999999</v>
      </c>
      <c r="B5388">
        <v>189.52</v>
      </c>
      <c r="C5388">
        <v>15709.1</v>
      </c>
      <c r="D5388">
        <v>2.8</v>
      </c>
      <c r="E5388">
        <v>17260.599999999999</v>
      </c>
      <c r="F5388">
        <v>19.549299999999999</v>
      </c>
    </row>
    <row r="5389" spans="1:6" x14ac:dyDescent="0.25">
      <c r="A5389">
        <v>145.88999999999999</v>
      </c>
      <c r="B5389">
        <v>189.52</v>
      </c>
      <c r="C5389">
        <v>15709.1</v>
      </c>
      <c r="D5389">
        <v>3.1</v>
      </c>
      <c r="E5389">
        <v>17152.900000000001</v>
      </c>
      <c r="F5389">
        <v>19.552800000000001</v>
      </c>
    </row>
    <row r="5390" spans="1:6" x14ac:dyDescent="0.25">
      <c r="A5390">
        <v>145.88999999999999</v>
      </c>
      <c r="B5390">
        <v>189.52</v>
      </c>
      <c r="C5390">
        <v>15709.1</v>
      </c>
      <c r="D5390">
        <v>3.4</v>
      </c>
      <c r="E5390">
        <v>17019.5</v>
      </c>
      <c r="F5390">
        <v>19.564800000000002</v>
      </c>
    </row>
    <row r="5391" spans="1:6" x14ac:dyDescent="0.25">
      <c r="A5391">
        <v>145.88999999999999</v>
      </c>
      <c r="B5391">
        <v>189.52</v>
      </c>
      <c r="C5391">
        <v>15709.1</v>
      </c>
      <c r="D5391">
        <v>3.7</v>
      </c>
      <c r="E5391">
        <v>16877</v>
      </c>
      <c r="F5391">
        <v>19.581600000000002</v>
      </c>
    </row>
    <row r="5392" spans="1:6" x14ac:dyDescent="0.25">
      <c r="A5392">
        <v>145.88999999999999</v>
      </c>
      <c r="B5392">
        <v>189.52</v>
      </c>
      <c r="C5392">
        <v>15709.1</v>
      </c>
      <c r="D5392">
        <v>4</v>
      </c>
      <c r="E5392">
        <v>16778.599999999999</v>
      </c>
      <c r="F5392">
        <v>19.6051</v>
      </c>
    </row>
    <row r="5393" spans="1:6" x14ac:dyDescent="0.25">
      <c r="A5393">
        <v>145.88999999999999</v>
      </c>
      <c r="B5393">
        <v>189.52</v>
      </c>
      <c r="C5393">
        <v>17254.5</v>
      </c>
      <c r="D5393">
        <v>1</v>
      </c>
      <c r="E5393">
        <v>20794.400000000001</v>
      </c>
      <c r="F5393">
        <v>19.2102</v>
      </c>
    </row>
    <row r="5394" spans="1:6" x14ac:dyDescent="0.25">
      <c r="A5394">
        <v>145.88999999999999</v>
      </c>
      <c r="B5394">
        <v>189.52</v>
      </c>
      <c r="C5394">
        <v>17254.5</v>
      </c>
      <c r="D5394">
        <v>1.3</v>
      </c>
      <c r="E5394">
        <v>20207.8</v>
      </c>
      <c r="F5394">
        <v>18.633299999999998</v>
      </c>
    </row>
    <row r="5395" spans="1:6" x14ac:dyDescent="0.25">
      <c r="A5395">
        <v>145.88999999999999</v>
      </c>
      <c r="B5395">
        <v>189.52</v>
      </c>
      <c r="C5395">
        <v>17254.5</v>
      </c>
      <c r="D5395">
        <v>1.6</v>
      </c>
      <c r="E5395">
        <v>19859.599999999999</v>
      </c>
      <c r="F5395">
        <v>18.923300000000001</v>
      </c>
    </row>
    <row r="5396" spans="1:6" x14ac:dyDescent="0.25">
      <c r="A5396">
        <v>145.88999999999999</v>
      </c>
      <c r="B5396">
        <v>189.52</v>
      </c>
      <c r="C5396">
        <v>17254.5</v>
      </c>
      <c r="D5396">
        <v>1.9</v>
      </c>
      <c r="E5396">
        <v>19431.5</v>
      </c>
      <c r="F5396">
        <v>19.078600000000002</v>
      </c>
    </row>
    <row r="5397" spans="1:6" x14ac:dyDescent="0.25">
      <c r="A5397">
        <v>145.88999999999999</v>
      </c>
      <c r="B5397">
        <v>189.52</v>
      </c>
      <c r="C5397">
        <v>17254.5</v>
      </c>
      <c r="D5397">
        <v>2.2000000000000002</v>
      </c>
      <c r="E5397">
        <v>19221</v>
      </c>
      <c r="F5397">
        <v>19.270199999999999</v>
      </c>
    </row>
    <row r="5398" spans="1:6" x14ac:dyDescent="0.25">
      <c r="A5398">
        <v>145.88999999999999</v>
      </c>
      <c r="B5398">
        <v>189.52</v>
      </c>
      <c r="C5398">
        <v>17254.5</v>
      </c>
      <c r="D5398">
        <v>2.5</v>
      </c>
      <c r="E5398">
        <v>19068</v>
      </c>
      <c r="F5398">
        <v>19.400099999999998</v>
      </c>
    </row>
    <row r="5399" spans="1:6" x14ac:dyDescent="0.25">
      <c r="A5399">
        <v>145.88999999999999</v>
      </c>
      <c r="B5399">
        <v>189.52</v>
      </c>
      <c r="C5399">
        <v>17254.5</v>
      </c>
      <c r="D5399">
        <v>2.8</v>
      </c>
      <c r="E5399">
        <v>18829.099999999999</v>
      </c>
      <c r="F5399">
        <v>19.549299999999999</v>
      </c>
    </row>
    <row r="5400" spans="1:6" x14ac:dyDescent="0.25">
      <c r="A5400">
        <v>145.88999999999999</v>
      </c>
      <c r="B5400">
        <v>189.52</v>
      </c>
      <c r="C5400">
        <v>17254.5</v>
      </c>
      <c r="D5400">
        <v>3.1</v>
      </c>
      <c r="E5400">
        <v>18660</v>
      </c>
      <c r="F5400">
        <v>19.552800000000001</v>
      </c>
    </row>
    <row r="5401" spans="1:6" x14ac:dyDescent="0.25">
      <c r="A5401">
        <v>145.88999999999999</v>
      </c>
      <c r="B5401">
        <v>189.52</v>
      </c>
      <c r="C5401">
        <v>17254.5</v>
      </c>
      <c r="D5401">
        <v>3.4</v>
      </c>
      <c r="E5401">
        <v>18484.3</v>
      </c>
      <c r="F5401">
        <v>19.564800000000002</v>
      </c>
    </row>
    <row r="5402" spans="1:6" x14ac:dyDescent="0.25">
      <c r="A5402">
        <v>145.88999999999999</v>
      </c>
      <c r="B5402">
        <v>189.52</v>
      </c>
      <c r="C5402">
        <v>17254.5</v>
      </c>
      <c r="D5402">
        <v>3.7</v>
      </c>
      <c r="E5402">
        <v>18503.7</v>
      </c>
      <c r="F5402">
        <v>19.581600000000002</v>
      </c>
    </row>
    <row r="5403" spans="1:6" x14ac:dyDescent="0.25">
      <c r="A5403">
        <v>145.88999999999999</v>
      </c>
      <c r="B5403">
        <v>189.52</v>
      </c>
      <c r="C5403">
        <v>17254.5</v>
      </c>
      <c r="D5403">
        <v>4</v>
      </c>
      <c r="E5403">
        <v>18322.8</v>
      </c>
      <c r="F5403">
        <v>19.6051</v>
      </c>
    </row>
    <row r="5404" spans="1:6" x14ac:dyDescent="0.25">
      <c r="A5404">
        <v>145.88999999999999</v>
      </c>
      <c r="B5404">
        <v>189.52</v>
      </c>
      <c r="C5404">
        <v>18800</v>
      </c>
      <c r="D5404">
        <v>1</v>
      </c>
      <c r="E5404">
        <v>22425.3</v>
      </c>
      <c r="F5404">
        <v>19.2102</v>
      </c>
    </row>
    <row r="5405" spans="1:6" x14ac:dyDescent="0.25">
      <c r="A5405">
        <v>145.88999999999999</v>
      </c>
      <c r="B5405">
        <v>189.52</v>
      </c>
      <c r="C5405">
        <v>18800</v>
      </c>
      <c r="D5405">
        <v>1.3</v>
      </c>
      <c r="E5405">
        <v>21803.7</v>
      </c>
      <c r="F5405">
        <v>18.633299999999998</v>
      </c>
    </row>
    <row r="5406" spans="1:6" x14ac:dyDescent="0.25">
      <c r="A5406">
        <v>145.88999999999999</v>
      </c>
      <c r="B5406">
        <v>189.52</v>
      </c>
      <c r="C5406">
        <v>18800</v>
      </c>
      <c r="D5406">
        <v>1.6</v>
      </c>
      <c r="E5406">
        <v>21316.5</v>
      </c>
      <c r="F5406">
        <v>18.923300000000001</v>
      </c>
    </row>
    <row r="5407" spans="1:6" x14ac:dyDescent="0.25">
      <c r="A5407">
        <v>145.88999999999999</v>
      </c>
      <c r="B5407">
        <v>189.52</v>
      </c>
      <c r="C5407">
        <v>18800</v>
      </c>
      <c r="D5407">
        <v>1.9</v>
      </c>
      <c r="E5407">
        <v>20930.7</v>
      </c>
      <c r="F5407">
        <v>19.078600000000002</v>
      </c>
    </row>
    <row r="5408" spans="1:6" x14ac:dyDescent="0.25">
      <c r="A5408">
        <v>145.88999999999999</v>
      </c>
      <c r="B5408">
        <v>189.52</v>
      </c>
      <c r="C5408">
        <v>18800</v>
      </c>
      <c r="D5408">
        <v>2.2000000000000002</v>
      </c>
      <c r="E5408">
        <v>20740.599999999999</v>
      </c>
      <c r="F5408">
        <v>19.270199999999999</v>
      </c>
    </row>
    <row r="5409" spans="1:6" x14ac:dyDescent="0.25">
      <c r="A5409">
        <v>145.88999999999999</v>
      </c>
      <c r="B5409">
        <v>189.52</v>
      </c>
      <c r="C5409">
        <v>18800</v>
      </c>
      <c r="D5409">
        <v>2.5</v>
      </c>
      <c r="E5409">
        <v>20528.5</v>
      </c>
      <c r="F5409">
        <v>19.400099999999998</v>
      </c>
    </row>
    <row r="5410" spans="1:6" x14ac:dyDescent="0.25">
      <c r="A5410">
        <v>145.88999999999999</v>
      </c>
      <c r="B5410">
        <v>189.52</v>
      </c>
      <c r="C5410">
        <v>18800</v>
      </c>
      <c r="D5410">
        <v>2.8</v>
      </c>
      <c r="E5410">
        <v>20270</v>
      </c>
      <c r="F5410">
        <v>19.549299999999999</v>
      </c>
    </row>
    <row r="5411" spans="1:6" x14ac:dyDescent="0.25">
      <c r="A5411">
        <v>145.88999999999999</v>
      </c>
      <c r="B5411">
        <v>189.52</v>
      </c>
      <c r="C5411">
        <v>18800</v>
      </c>
      <c r="D5411">
        <v>3.1</v>
      </c>
      <c r="E5411">
        <v>20199.5</v>
      </c>
      <c r="F5411">
        <v>19.552800000000001</v>
      </c>
    </row>
    <row r="5412" spans="1:6" x14ac:dyDescent="0.25">
      <c r="A5412">
        <v>145.88999999999999</v>
      </c>
      <c r="B5412">
        <v>189.52</v>
      </c>
      <c r="C5412">
        <v>18800</v>
      </c>
      <c r="D5412">
        <v>3.4</v>
      </c>
      <c r="E5412">
        <v>20034.400000000001</v>
      </c>
      <c r="F5412">
        <v>19.564800000000002</v>
      </c>
    </row>
    <row r="5413" spans="1:6" x14ac:dyDescent="0.25">
      <c r="A5413">
        <v>145.88999999999999</v>
      </c>
      <c r="B5413">
        <v>189.52</v>
      </c>
      <c r="C5413">
        <v>18800</v>
      </c>
      <c r="D5413">
        <v>3.7</v>
      </c>
      <c r="E5413">
        <v>19956.5</v>
      </c>
      <c r="F5413">
        <v>19.581600000000002</v>
      </c>
    </row>
    <row r="5414" spans="1:6" x14ac:dyDescent="0.25">
      <c r="A5414">
        <v>145.88999999999999</v>
      </c>
      <c r="B5414">
        <v>189.52</v>
      </c>
      <c r="C5414">
        <v>18800</v>
      </c>
      <c r="D5414">
        <v>4</v>
      </c>
      <c r="E5414">
        <v>19993.099999999999</v>
      </c>
      <c r="F5414">
        <v>19.6051</v>
      </c>
    </row>
    <row r="5415" spans="1:6" x14ac:dyDescent="0.25">
      <c r="A5415">
        <v>145.88999999999999</v>
      </c>
      <c r="B5415">
        <v>193.15</v>
      </c>
      <c r="C5415">
        <v>1800</v>
      </c>
      <c r="D5415">
        <v>1</v>
      </c>
      <c r="E5415">
        <v>5539.43</v>
      </c>
      <c r="F5415">
        <v>49.875599999999999</v>
      </c>
    </row>
    <row r="5416" spans="1:6" x14ac:dyDescent="0.25">
      <c r="A5416">
        <v>145.88999999999999</v>
      </c>
      <c r="B5416">
        <v>193.15</v>
      </c>
      <c r="C5416">
        <v>1800</v>
      </c>
      <c r="D5416">
        <v>1.3</v>
      </c>
      <c r="E5416">
        <v>4982.75</v>
      </c>
      <c r="F5416">
        <v>62.082500000000003</v>
      </c>
    </row>
    <row r="5417" spans="1:6" x14ac:dyDescent="0.25">
      <c r="A5417">
        <v>145.88999999999999</v>
      </c>
      <c r="B5417">
        <v>193.15</v>
      </c>
      <c r="C5417">
        <v>1800</v>
      </c>
      <c r="D5417">
        <v>1.6</v>
      </c>
      <c r="E5417">
        <v>4600.26</v>
      </c>
      <c r="F5417">
        <v>70.093800000000002</v>
      </c>
    </row>
    <row r="5418" spans="1:6" x14ac:dyDescent="0.25">
      <c r="A5418">
        <v>145.88999999999999</v>
      </c>
      <c r="B5418">
        <v>193.15</v>
      </c>
      <c r="C5418">
        <v>1800</v>
      </c>
      <c r="D5418">
        <v>1.9</v>
      </c>
      <c r="E5418">
        <v>4237.96</v>
      </c>
      <c r="F5418">
        <v>77.347200000000001</v>
      </c>
    </row>
    <row r="5419" spans="1:6" x14ac:dyDescent="0.25">
      <c r="A5419">
        <v>145.88999999999999</v>
      </c>
      <c r="B5419">
        <v>193.15</v>
      </c>
      <c r="C5419">
        <v>1800</v>
      </c>
      <c r="D5419">
        <v>2.2000000000000002</v>
      </c>
      <c r="E5419">
        <v>4026.15</v>
      </c>
      <c r="F5419">
        <v>80.308700000000002</v>
      </c>
    </row>
    <row r="5420" spans="1:6" x14ac:dyDescent="0.25">
      <c r="A5420">
        <v>145.88999999999999</v>
      </c>
      <c r="B5420">
        <v>193.15</v>
      </c>
      <c r="C5420">
        <v>1800</v>
      </c>
      <c r="D5420">
        <v>2.5</v>
      </c>
      <c r="E5420">
        <v>3859.33</v>
      </c>
      <c r="F5420">
        <v>89.657399999999996</v>
      </c>
    </row>
    <row r="5421" spans="1:6" x14ac:dyDescent="0.25">
      <c r="A5421">
        <v>145.88999999999999</v>
      </c>
      <c r="B5421">
        <v>193.15</v>
      </c>
      <c r="C5421">
        <v>1800</v>
      </c>
      <c r="D5421">
        <v>2.8</v>
      </c>
      <c r="E5421">
        <v>3738.28</v>
      </c>
      <c r="F5421">
        <v>95.662700000000001</v>
      </c>
    </row>
    <row r="5422" spans="1:6" x14ac:dyDescent="0.25">
      <c r="A5422">
        <v>145.88999999999999</v>
      </c>
      <c r="B5422">
        <v>193.15</v>
      </c>
      <c r="C5422">
        <v>1800</v>
      </c>
      <c r="D5422">
        <v>3.1</v>
      </c>
      <c r="E5422">
        <v>3621.58</v>
      </c>
      <c r="F5422">
        <v>100.616</v>
      </c>
    </row>
    <row r="5423" spans="1:6" x14ac:dyDescent="0.25">
      <c r="A5423">
        <v>145.88999999999999</v>
      </c>
      <c r="B5423">
        <v>193.15</v>
      </c>
      <c r="C5423">
        <v>1800</v>
      </c>
      <c r="D5423">
        <v>3.4</v>
      </c>
      <c r="E5423">
        <v>3562.32</v>
      </c>
      <c r="F5423">
        <v>104.752</v>
      </c>
    </row>
    <row r="5424" spans="1:6" x14ac:dyDescent="0.25">
      <c r="A5424">
        <v>145.88999999999999</v>
      </c>
      <c r="B5424">
        <v>193.15</v>
      </c>
      <c r="C5424">
        <v>1800</v>
      </c>
      <c r="D5424">
        <v>3.7</v>
      </c>
      <c r="E5424">
        <v>3474</v>
      </c>
      <c r="F5424">
        <v>107.86499999999999</v>
      </c>
    </row>
    <row r="5425" spans="1:6" x14ac:dyDescent="0.25">
      <c r="A5425">
        <v>145.88999999999999</v>
      </c>
      <c r="B5425">
        <v>193.15</v>
      </c>
      <c r="C5425">
        <v>1800</v>
      </c>
      <c r="D5425">
        <v>4</v>
      </c>
      <c r="E5425">
        <v>3400.3</v>
      </c>
      <c r="F5425">
        <v>110.39400000000001</v>
      </c>
    </row>
    <row r="5426" spans="1:6" x14ac:dyDescent="0.25">
      <c r="A5426">
        <v>145.88999999999999</v>
      </c>
      <c r="B5426">
        <v>193.15</v>
      </c>
      <c r="C5426">
        <v>3345.45</v>
      </c>
      <c r="D5426">
        <v>1</v>
      </c>
      <c r="E5426">
        <v>7087.77</v>
      </c>
      <c r="F5426">
        <v>21.169699999999999</v>
      </c>
    </row>
    <row r="5427" spans="1:6" x14ac:dyDescent="0.25">
      <c r="A5427">
        <v>145.88999999999999</v>
      </c>
      <c r="B5427">
        <v>193.15</v>
      </c>
      <c r="C5427">
        <v>3345.45</v>
      </c>
      <c r="D5427">
        <v>1.3</v>
      </c>
      <c r="E5427">
        <v>6385.28</v>
      </c>
      <c r="F5427">
        <v>24.3752</v>
      </c>
    </row>
    <row r="5428" spans="1:6" x14ac:dyDescent="0.25">
      <c r="A5428">
        <v>145.88999999999999</v>
      </c>
      <c r="B5428">
        <v>193.15</v>
      </c>
      <c r="C5428">
        <v>3345.45</v>
      </c>
      <c r="D5428">
        <v>1.6</v>
      </c>
      <c r="E5428">
        <v>5884.05</v>
      </c>
      <c r="F5428">
        <v>28.726500000000001</v>
      </c>
    </row>
    <row r="5429" spans="1:6" x14ac:dyDescent="0.25">
      <c r="A5429">
        <v>145.88999999999999</v>
      </c>
      <c r="B5429">
        <v>193.15</v>
      </c>
      <c r="C5429">
        <v>3345.45</v>
      </c>
      <c r="D5429">
        <v>1.9</v>
      </c>
      <c r="E5429">
        <v>5675.33</v>
      </c>
      <c r="F5429">
        <v>31.595099999999999</v>
      </c>
    </row>
    <row r="5430" spans="1:6" x14ac:dyDescent="0.25">
      <c r="A5430">
        <v>145.88999999999999</v>
      </c>
      <c r="B5430">
        <v>193.15</v>
      </c>
      <c r="C5430">
        <v>3345.45</v>
      </c>
      <c r="D5430">
        <v>2.2000000000000002</v>
      </c>
      <c r="E5430">
        <v>5512.63</v>
      </c>
      <c r="F5430">
        <v>33.855899999999998</v>
      </c>
    </row>
    <row r="5431" spans="1:6" x14ac:dyDescent="0.25">
      <c r="A5431">
        <v>145.88999999999999</v>
      </c>
      <c r="B5431">
        <v>193.15</v>
      </c>
      <c r="C5431">
        <v>3345.45</v>
      </c>
      <c r="D5431">
        <v>2.5</v>
      </c>
      <c r="E5431">
        <v>5285.01</v>
      </c>
      <c r="F5431">
        <v>36.783200000000001</v>
      </c>
    </row>
    <row r="5432" spans="1:6" x14ac:dyDescent="0.25">
      <c r="A5432">
        <v>145.88999999999999</v>
      </c>
      <c r="B5432">
        <v>193.15</v>
      </c>
      <c r="C5432">
        <v>3345.45</v>
      </c>
      <c r="D5432">
        <v>2.8</v>
      </c>
      <c r="E5432">
        <v>5142.46</v>
      </c>
      <c r="F5432">
        <v>43.837400000000002</v>
      </c>
    </row>
    <row r="5433" spans="1:6" x14ac:dyDescent="0.25">
      <c r="A5433">
        <v>145.88999999999999</v>
      </c>
      <c r="B5433">
        <v>193.15</v>
      </c>
      <c r="C5433">
        <v>3345.45</v>
      </c>
      <c r="D5433">
        <v>3.1</v>
      </c>
      <c r="E5433">
        <v>4999.7</v>
      </c>
      <c r="F5433">
        <v>48.477600000000002</v>
      </c>
    </row>
    <row r="5434" spans="1:6" x14ac:dyDescent="0.25">
      <c r="A5434">
        <v>145.88999999999999</v>
      </c>
      <c r="B5434">
        <v>193.15</v>
      </c>
      <c r="C5434">
        <v>3345.45</v>
      </c>
      <c r="D5434">
        <v>3.4</v>
      </c>
      <c r="E5434">
        <v>4976.82</v>
      </c>
      <c r="F5434">
        <v>52.266100000000002</v>
      </c>
    </row>
    <row r="5435" spans="1:6" x14ac:dyDescent="0.25">
      <c r="A5435">
        <v>145.88999999999999</v>
      </c>
      <c r="B5435">
        <v>193.15</v>
      </c>
      <c r="C5435">
        <v>3345.45</v>
      </c>
      <c r="D5435">
        <v>3.7</v>
      </c>
      <c r="E5435">
        <v>4890.92</v>
      </c>
      <c r="F5435">
        <v>52.638300000000001</v>
      </c>
    </row>
    <row r="5436" spans="1:6" x14ac:dyDescent="0.25">
      <c r="A5436">
        <v>145.88999999999999</v>
      </c>
      <c r="B5436">
        <v>193.15</v>
      </c>
      <c r="C5436">
        <v>3345.45</v>
      </c>
      <c r="D5436">
        <v>4</v>
      </c>
      <c r="E5436">
        <v>4783.84</v>
      </c>
      <c r="F5436">
        <v>56.4422</v>
      </c>
    </row>
    <row r="5437" spans="1:6" x14ac:dyDescent="0.25">
      <c r="A5437">
        <v>145.88999999999999</v>
      </c>
      <c r="B5437">
        <v>193.15</v>
      </c>
      <c r="C5437">
        <v>4890.8999999999996</v>
      </c>
      <c r="D5437">
        <v>1</v>
      </c>
      <c r="E5437">
        <v>8713.67</v>
      </c>
      <c r="F5437">
        <v>15.7843</v>
      </c>
    </row>
    <row r="5438" spans="1:6" x14ac:dyDescent="0.25">
      <c r="A5438">
        <v>145.88999999999999</v>
      </c>
      <c r="B5438">
        <v>193.15</v>
      </c>
      <c r="C5438">
        <v>4890.8999999999996</v>
      </c>
      <c r="D5438">
        <v>1.3</v>
      </c>
      <c r="E5438">
        <v>7737.73</v>
      </c>
      <c r="F5438">
        <v>16.549600000000002</v>
      </c>
    </row>
    <row r="5439" spans="1:6" x14ac:dyDescent="0.25">
      <c r="A5439">
        <v>145.88999999999999</v>
      </c>
      <c r="B5439">
        <v>193.15</v>
      </c>
      <c r="C5439">
        <v>4890.8999999999996</v>
      </c>
      <c r="D5439">
        <v>1.6</v>
      </c>
      <c r="E5439">
        <v>7230.14</v>
      </c>
      <c r="F5439">
        <v>16.377500000000001</v>
      </c>
    </row>
    <row r="5440" spans="1:6" x14ac:dyDescent="0.25">
      <c r="A5440">
        <v>145.88999999999999</v>
      </c>
      <c r="B5440">
        <v>193.15</v>
      </c>
      <c r="C5440">
        <v>4890.8999999999996</v>
      </c>
      <c r="D5440">
        <v>1.9</v>
      </c>
      <c r="E5440">
        <v>7101.14</v>
      </c>
      <c r="F5440">
        <v>16.289899999999999</v>
      </c>
    </row>
    <row r="5441" spans="1:6" x14ac:dyDescent="0.25">
      <c r="A5441">
        <v>145.88999999999999</v>
      </c>
      <c r="B5441">
        <v>193.15</v>
      </c>
      <c r="C5441">
        <v>4890.8999999999996</v>
      </c>
      <c r="D5441">
        <v>2.2000000000000002</v>
      </c>
      <c r="E5441">
        <v>6756.31</v>
      </c>
      <c r="F5441">
        <v>16.1449</v>
      </c>
    </row>
    <row r="5442" spans="1:6" x14ac:dyDescent="0.25">
      <c r="A5442">
        <v>145.88999999999999</v>
      </c>
      <c r="B5442">
        <v>193.15</v>
      </c>
      <c r="C5442">
        <v>4890.8999999999996</v>
      </c>
      <c r="D5442">
        <v>2.5</v>
      </c>
      <c r="E5442">
        <v>6708.43</v>
      </c>
      <c r="F5442">
        <v>16.0657</v>
      </c>
    </row>
    <row r="5443" spans="1:6" x14ac:dyDescent="0.25">
      <c r="A5443">
        <v>145.88999999999999</v>
      </c>
      <c r="B5443">
        <v>193.15</v>
      </c>
      <c r="C5443">
        <v>4890.8999999999996</v>
      </c>
      <c r="D5443">
        <v>2.8</v>
      </c>
      <c r="E5443">
        <v>6447.9</v>
      </c>
      <c r="F5443">
        <v>17.335799999999999</v>
      </c>
    </row>
    <row r="5444" spans="1:6" x14ac:dyDescent="0.25">
      <c r="A5444">
        <v>145.88999999999999</v>
      </c>
      <c r="B5444">
        <v>193.15</v>
      </c>
      <c r="C5444">
        <v>4890.8999999999996</v>
      </c>
      <c r="D5444">
        <v>3.1</v>
      </c>
      <c r="E5444">
        <v>6370.74</v>
      </c>
      <c r="F5444">
        <v>17.098400000000002</v>
      </c>
    </row>
    <row r="5445" spans="1:6" x14ac:dyDescent="0.25">
      <c r="A5445">
        <v>145.88999999999999</v>
      </c>
      <c r="B5445">
        <v>193.15</v>
      </c>
      <c r="C5445">
        <v>4890.8999999999996</v>
      </c>
      <c r="D5445">
        <v>3.4</v>
      </c>
      <c r="E5445">
        <v>6342.09</v>
      </c>
      <c r="F5445">
        <v>17.5886</v>
      </c>
    </row>
    <row r="5446" spans="1:6" x14ac:dyDescent="0.25">
      <c r="A5446">
        <v>145.88999999999999</v>
      </c>
      <c r="B5446">
        <v>193.15</v>
      </c>
      <c r="C5446">
        <v>4890.8999999999996</v>
      </c>
      <c r="D5446">
        <v>3.7</v>
      </c>
      <c r="E5446">
        <v>6184.26</v>
      </c>
      <c r="F5446">
        <v>19.082799999999999</v>
      </c>
    </row>
    <row r="5447" spans="1:6" x14ac:dyDescent="0.25">
      <c r="A5447">
        <v>145.88999999999999</v>
      </c>
      <c r="B5447">
        <v>193.15</v>
      </c>
      <c r="C5447">
        <v>4890.8999999999996</v>
      </c>
      <c r="D5447">
        <v>4</v>
      </c>
      <c r="E5447">
        <v>6130.59</v>
      </c>
      <c r="F5447">
        <v>18.860199999999999</v>
      </c>
    </row>
    <row r="5448" spans="1:6" x14ac:dyDescent="0.25">
      <c r="A5448">
        <v>145.88999999999999</v>
      </c>
      <c r="B5448">
        <v>193.15</v>
      </c>
      <c r="C5448">
        <v>6436.35</v>
      </c>
      <c r="D5448">
        <v>1</v>
      </c>
      <c r="E5448">
        <v>10124.4</v>
      </c>
      <c r="F5448">
        <v>19.2102</v>
      </c>
    </row>
    <row r="5449" spans="1:6" x14ac:dyDescent="0.25">
      <c r="A5449">
        <v>145.88999999999999</v>
      </c>
      <c r="B5449">
        <v>193.15</v>
      </c>
      <c r="C5449">
        <v>6436.35</v>
      </c>
      <c r="D5449">
        <v>1.3</v>
      </c>
      <c r="E5449">
        <v>9458.7199999999993</v>
      </c>
      <c r="F5449">
        <v>18.633299999999998</v>
      </c>
    </row>
    <row r="5450" spans="1:6" x14ac:dyDescent="0.25">
      <c r="A5450">
        <v>145.88999999999999</v>
      </c>
      <c r="B5450">
        <v>193.15</v>
      </c>
      <c r="C5450">
        <v>6436.35</v>
      </c>
      <c r="D5450">
        <v>1.6</v>
      </c>
      <c r="E5450">
        <v>8786.06</v>
      </c>
      <c r="F5450">
        <v>18.923300000000001</v>
      </c>
    </row>
    <row r="5451" spans="1:6" x14ac:dyDescent="0.25">
      <c r="A5451">
        <v>145.88999999999999</v>
      </c>
      <c r="B5451">
        <v>193.15</v>
      </c>
      <c r="C5451">
        <v>6436.35</v>
      </c>
      <c r="D5451">
        <v>1.9</v>
      </c>
      <c r="E5451">
        <v>8548.1200000000008</v>
      </c>
      <c r="F5451">
        <v>19.078600000000002</v>
      </c>
    </row>
    <row r="5452" spans="1:6" x14ac:dyDescent="0.25">
      <c r="A5452">
        <v>145.88999999999999</v>
      </c>
      <c r="B5452">
        <v>193.15</v>
      </c>
      <c r="C5452">
        <v>6436.35</v>
      </c>
      <c r="D5452">
        <v>2.2000000000000002</v>
      </c>
      <c r="E5452">
        <v>8437.35</v>
      </c>
      <c r="F5452">
        <v>19.270199999999999</v>
      </c>
    </row>
    <row r="5453" spans="1:6" x14ac:dyDescent="0.25">
      <c r="A5453">
        <v>145.88999999999999</v>
      </c>
      <c r="B5453">
        <v>193.15</v>
      </c>
      <c r="C5453">
        <v>6436.35</v>
      </c>
      <c r="D5453">
        <v>2.5</v>
      </c>
      <c r="E5453">
        <v>8200.4</v>
      </c>
      <c r="F5453">
        <v>19.400099999999998</v>
      </c>
    </row>
    <row r="5454" spans="1:6" x14ac:dyDescent="0.25">
      <c r="A5454">
        <v>145.88999999999999</v>
      </c>
      <c r="B5454">
        <v>193.15</v>
      </c>
      <c r="C5454">
        <v>6436.35</v>
      </c>
      <c r="D5454">
        <v>2.8</v>
      </c>
      <c r="E5454">
        <v>7872.73</v>
      </c>
      <c r="F5454">
        <v>19.549299999999999</v>
      </c>
    </row>
    <row r="5455" spans="1:6" x14ac:dyDescent="0.25">
      <c r="A5455">
        <v>145.88999999999999</v>
      </c>
      <c r="B5455">
        <v>193.15</v>
      </c>
      <c r="C5455">
        <v>6436.35</v>
      </c>
      <c r="D5455">
        <v>3.1</v>
      </c>
      <c r="E5455">
        <v>7787.83</v>
      </c>
      <c r="F5455">
        <v>19.552800000000001</v>
      </c>
    </row>
    <row r="5456" spans="1:6" x14ac:dyDescent="0.25">
      <c r="A5456">
        <v>145.88999999999999</v>
      </c>
      <c r="B5456">
        <v>193.15</v>
      </c>
      <c r="C5456">
        <v>6436.35</v>
      </c>
      <c r="D5456">
        <v>3.4</v>
      </c>
      <c r="E5456">
        <v>7668.7</v>
      </c>
      <c r="F5456">
        <v>19.564800000000002</v>
      </c>
    </row>
    <row r="5457" spans="1:6" x14ac:dyDescent="0.25">
      <c r="A5457">
        <v>145.88999999999999</v>
      </c>
      <c r="B5457">
        <v>193.15</v>
      </c>
      <c r="C5457">
        <v>6436.35</v>
      </c>
      <c r="D5457">
        <v>3.7</v>
      </c>
      <c r="E5457">
        <v>7590.96</v>
      </c>
      <c r="F5457">
        <v>19.581600000000002</v>
      </c>
    </row>
    <row r="5458" spans="1:6" x14ac:dyDescent="0.25">
      <c r="A5458">
        <v>145.88999999999999</v>
      </c>
      <c r="B5458">
        <v>193.15</v>
      </c>
      <c r="C5458">
        <v>6436.35</v>
      </c>
      <c r="D5458">
        <v>4</v>
      </c>
      <c r="E5458">
        <v>7523.17</v>
      </c>
      <c r="F5458">
        <v>19.6051</v>
      </c>
    </row>
    <row r="5459" spans="1:6" x14ac:dyDescent="0.25">
      <c r="A5459">
        <v>145.88999999999999</v>
      </c>
      <c r="B5459">
        <v>193.15</v>
      </c>
      <c r="C5459">
        <v>7981.8</v>
      </c>
      <c r="D5459">
        <v>1</v>
      </c>
      <c r="E5459">
        <v>11704.1</v>
      </c>
      <c r="F5459">
        <v>19.2102</v>
      </c>
    </row>
    <row r="5460" spans="1:6" x14ac:dyDescent="0.25">
      <c r="A5460">
        <v>145.88999999999999</v>
      </c>
      <c r="B5460">
        <v>193.15</v>
      </c>
      <c r="C5460">
        <v>7981.8</v>
      </c>
      <c r="D5460">
        <v>1.3</v>
      </c>
      <c r="E5460">
        <v>11070.8</v>
      </c>
      <c r="F5460">
        <v>18.633299999999998</v>
      </c>
    </row>
    <row r="5461" spans="1:6" x14ac:dyDescent="0.25">
      <c r="A5461">
        <v>145.88999999999999</v>
      </c>
      <c r="B5461">
        <v>193.15</v>
      </c>
      <c r="C5461">
        <v>7981.8</v>
      </c>
      <c r="D5461">
        <v>1.6</v>
      </c>
      <c r="E5461">
        <v>10683.9</v>
      </c>
      <c r="F5461">
        <v>18.923300000000001</v>
      </c>
    </row>
    <row r="5462" spans="1:6" x14ac:dyDescent="0.25">
      <c r="A5462">
        <v>145.88999999999999</v>
      </c>
      <c r="B5462">
        <v>193.15</v>
      </c>
      <c r="C5462">
        <v>7981.8</v>
      </c>
      <c r="D5462">
        <v>1.9</v>
      </c>
      <c r="E5462">
        <v>10226.799999999999</v>
      </c>
      <c r="F5462">
        <v>19.078600000000002</v>
      </c>
    </row>
    <row r="5463" spans="1:6" x14ac:dyDescent="0.25">
      <c r="A5463">
        <v>145.88999999999999</v>
      </c>
      <c r="B5463">
        <v>193.15</v>
      </c>
      <c r="C5463">
        <v>7981.8</v>
      </c>
      <c r="D5463">
        <v>2.2000000000000002</v>
      </c>
      <c r="E5463">
        <v>10007.299999999999</v>
      </c>
      <c r="F5463">
        <v>19.270199999999999</v>
      </c>
    </row>
    <row r="5464" spans="1:6" x14ac:dyDescent="0.25">
      <c r="A5464">
        <v>145.88999999999999</v>
      </c>
      <c r="B5464">
        <v>193.15</v>
      </c>
      <c r="C5464">
        <v>7981.8</v>
      </c>
      <c r="D5464">
        <v>2.5</v>
      </c>
      <c r="E5464">
        <v>9708.83</v>
      </c>
      <c r="F5464">
        <v>19.400099999999998</v>
      </c>
    </row>
    <row r="5465" spans="1:6" x14ac:dyDescent="0.25">
      <c r="A5465">
        <v>145.88999999999999</v>
      </c>
      <c r="B5465">
        <v>193.15</v>
      </c>
      <c r="C5465">
        <v>7981.8</v>
      </c>
      <c r="D5465">
        <v>2.8</v>
      </c>
      <c r="E5465">
        <v>9532.11</v>
      </c>
      <c r="F5465">
        <v>19.549299999999999</v>
      </c>
    </row>
    <row r="5466" spans="1:6" x14ac:dyDescent="0.25">
      <c r="A5466">
        <v>145.88999999999999</v>
      </c>
      <c r="B5466">
        <v>193.15</v>
      </c>
      <c r="C5466">
        <v>7981.8</v>
      </c>
      <c r="D5466">
        <v>3.1</v>
      </c>
      <c r="E5466">
        <v>9382.0300000000007</v>
      </c>
      <c r="F5466">
        <v>19.552800000000001</v>
      </c>
    </row>
    <row r="5467" spans="1:6" x14ac:dyDescent="0.25">
      <c r="A5467">
        <v>145.88999999999999</v>
      </c>
      <c r="B5467">
        <v>193.15</v>
      </c>
      <c r="C5467">
        <v>7981.8</v>
      </c>
      <c r="D5467">
        <v>3.4</v>
      </c>
      <c r="E5467">
        <v>9269.65</v>
      </c>
      <c r="F5467">
        <v>19.564800000000002</v>
      </c>
    </row>
    <row r="5468" spans="1:6" x14ac:dyDescent="0.25">
      <c r="A5468">
        <v>145.88999999999999</v>
      </c>
      <c r="B5468">
        <v>193.15</v>
      </c>
      <c r="C5468">
        <v>7981.8</v>
      </c>
      <c r="D5468">
        <v>3.7</v>
      </c>
      <c r="E5468">
        <v>9160.2800000000007</v>
      </c>
      <c r="F5468">
        <v>19.581600000000002</v>
      </c>
    </row>
    <row r="5469" spans="1:6" x14ac:dyDescent="0.25">
      <c r="A5469">
        <v>145.88999999999999</v>
      </c>
      <c r="B5469">
        <v>193.15</v>
      </c>
      <c r="C5469">
        <v>7981.8</v>
      </c>
      <c r="D5469">
        <v>4</v>
      </c>
      <c r="E5469">
        <v>9069</v>
      </c>
      <c r="F5469">
        <v>19.6051</v>
      </c>
    </row>
    <row r="5470" spans="1:6" x14ac:dyDescent="0.25">
      <c r="A5470">
        <v>145.88999999999999</v>
      </c>
      <c r="B5470">
        <v>193.15</v>
      </c>
      <c r="C5470">
        <v>9527.25</v>
      </c>
      <c r="D5470">
        <v>1</v>
      </c>
      <c r="E5470">
        <v>13361.2</v>
      </c>
      <c r="F5470">
        <v>19.2102</v>
      </c>
    </row>
    <row r="5471" spans="1:6" x14ac:dyDescent="0.25">
      <c r="A5471">
        <v>145.88999999999999</v>
      </c>
      <c r="B5471">
        <v>193.15</v>
      </c>
      <c r="C5471">
        <v>9527.25</v>
      </c>
      <c r="D5471">
        <v>1.3</v>
      </c>
      <c r="E5471">
        <v>12560.2</v>
      </c>
      <c r="F5471">
        <v>18.633299999999998</v>
      </c>
    </row>
    <row r="5472" spans="1:6" x14ac:dyDescent="0.25">
      <c r="A5472">
        <v>145.88999999999999</v>
      </c>
      <c r="B5472">
        <v>193.15</v>
      </c>
      <c r="C5472">
        <v>9527.25</v>
      </c>
      <c r="D5472">
        <v>1.6</v>
      </c>
      <c r="E5472">
        <v>11981</v>
      </c>
      <c r="F5472">
        <v>18.923300000000001</v>
      </c>
    </row>
    <row r="5473" spans="1:6" x14ac:dyDescent="0.25">
      <c r="A5473">
        <v>145.88999999999999</v>
      </c>
      <c r="B5473">
        <v>193.15</v>
      </c>
      <c r="C5473">
        <v>9527.25</v>
      </c>
      <c r="D5473">
        <v>1.9</v>
      </c>
      <c r="E5473">
        <v>11820.2</v>
      </c>
      <c r="F5473">
        <v>19.078600000000002</v>
      </c>
    </row>
    <row r="5474" spans="1:6" x14ac:dyDescent="0.25">
      <c r="A5474">
        <v>145.88999999999999</v>
      </c>
      <c r="B5474">
        <v>193.15</v>
      </c>
      <c r="C5474">
        <v>9527.25</v>
      </c>
      <c r="D5474">
        <v>2.2000000000000002</v>
      </c>
      <c r="E5474">
        <v>11400.7</v>
      </c>
      <c r="F5474">
        <v>19.270199999999999</v>
      </c>
    </row>
    <row r="5475" spans="1:6" x14ac:dyDescent="0.25">
      <c r="A5475">
        <v>145.88999999999999</v>
      </c>
      <c r="B5475">
        <v>193.15</v>
      </c>
      <c r="C5475">
        <v>9527.25</v>
      </c>
      <c r="D5475">
        <v>2.5</v>
      </c>
      <c r="E5475">
        <v>11226.4</v>
      </c>
      <c r="F5475">
        <v>19.400099999999998</v>
      </c>
    </row>
    <row r="5476" spans="1:6" x14ac:dyDescent="0.25">
      <c r="A5476">
        <v>145.88999999999999</v>
      </c>
      <c r="B5476">
        <v>193.15</v>
      </c>
      <c r="C5476">
        <v>9527.25</v>
      </c>
      <c r="D5476">
        <v>2.8</v>
      </c>
      <c r="E5476">
        <v>11102.9</v>
      </c>
      <c r="F5476">
        <v>19.549299999999999</v>
      </c>
    </row>
    <row r="5477" spans="1:6" x14ac:dyDescent="0.25">
      <c r="A5477">
        <v>145.88999999999999</v>
      </c>
      <c r="B5477">
        <v>193.15</v>
      </c>
      <c r="C5477">
        <v>9527.25</v>
      </c>
      <c r="D5477">
        <v>3.1</v>
      </c>
      <c r="E5477">
        <v>10976.3</v>
      </c>
      <c r="F5477">
        <v>19.552800000000001</v>
      </c>
    </row>
    <row r="5478" spans="1:6" x14ac:dyDescent="0.25">
      <c r="A5478">
        <v>145.88999999999999</v>
      </c>
      <c r="B5478">
        <v>193.15</v>
      </c>
      <c r="C5478">
        <v>9527.25</v>
      </c>
      <c r="D5478">
        <v>3.4</v>
      </c>
      <c r="E5478">
        <v>10745.4</v>
      </c>
      <c r="F5478">
        <v>19.564800000000002</v>
      </c>
    </row>
    <row r="5479" spans="1:6" x14ac:dyDescent="0.25">
      <c r="A5479">
        <v>145.88999999999999</v>
      </c>
      <c r="B5479">
        <v>193.15</v>
      </c>
      <c r="C5479">
        <v>9527.25</v>
      </c>
      <c r="D5479">
        <v>3.7</v>
      </c>
      <c r="E5479">
        <v>10685.7</v>
      </c>
      <c r="F5479">
        <v>19.581600000000002</v>
      </c>
    </row>
    <row r="5480" spans="1:6" x14ac:dyDescent="0.25">
      <c r="A5480">
        <v>145.88999999999999</v>
      </c>
      <c r="B5480">
        <v>193.15</v>
      </c>
      <c r="C5480">
        <v>9527.25</v>
      </c>
      <c r="D5480">
        <v>4</v>
      </c>
      <c r="E5480">
        <v>10665.6</v>
      </c>
      <c r="F5480">
        <v>19.6051</v>
      </c>
    </row>
    <row r="5481" spans="1:6" x14ac:dyDescent="0.25">
      <c r="A5481">
        <v>145.88999999999999</v>
      </c>
      <c r="B5481">
        <v>193.15</v>
      </c>
      <c r="C5481">
        <v>11072.7</v>
      </c>
      <c r="D5481">
        <v>1</v>
      </c>
      <c r="E5481">
        <v>14591.1</v>
      </c>
      <c r="F5481">
        <v>19.2102</v>
      </c>
    </row>
    <row r="5482" spans="1:6" x14ac:dyDescent="0.25">
      <c r="A5482">
        <v>145.88999999999999</v>
      </c>
      <c r="B5482">
        <v>193.15</v>
      </c>
      <c r="C5482">
        <v>11072.7</v>
      </c>
      <c r="D5482">
        <v>1.3</v>
      </c>
      <c r="E5482">
        <v>14097.9</v>
      </c>
      <c r="F5482">
        <v>18.633299999999998</v>
      </c>
    </row>
    <row r="5483" spans="1:6" x14ac:dyDescent="0.25">
      <c r="A5483">
        <v>145.88999999999999</v>
      </c>
      <c r="B5483">
        <v>193.15</v>
      </c>
      <c r="C5483">
        <v>11072.7</v>
      </c>
      <c r="D5483">
        <v>1.6</v>
      </c>
      <c r="E5483">
        <v>13521.2</v>
      </c>
      <c r="F5483">
        <v>18.923300000000001</v>
      </c>
    </row>
    <row r="5484" spans="1:6" x14ac:dyDescent="0.25">
      <c r="A5484">
        <v>145.88999999999999</v>
      </c>
      <c r="B5484">
        <v>193.15</v>
      </c>
      <c r="C5484">
        <v>11072.7</v>
      </c>
      <c r="D5484">
        <v>1.9</v>
      </c>
      <c r="E5484">
        <v>13331.7</v>
      </c>
      <c r="F5484">
        <v>19.078600000000002</v>
      </c>
    </row>
    <row r="5485" spans="1:6" x14ac:dyDescent="0.25">
      <c r="A5485">
        <v>145.88999999999999</v>
      </c>
      <c r="B5485">
        <v>193.15</v>
      </c>
      <c r="C5485">
        <v>11072.7</v>
      </c>
      <c r="D5485">
        <v>2.2000000000000002</v>
      </c>
      <c r="E5485">
        <v>12945.4</v>
      </c>
      <c r="F5485">
        <v>19.270199999999999</v>
      </c>
    </row>
    <row r="5486" spans="1:6" x14ac:dyDescent="0.25">
      <c r="A5486">
        <v>145.88999999999999</v>
      </c>
      <c r="B5486">
        <v>193.15</v>
      </c>
      <c r="C5486">
        <v>11072.7</v>
      </c>
      <c r="D5486">
        <v>2.5</v>
      </c>
      <c r="E5486">
        <v>12839.1</v>
      </c>
      <c r="F5486">
        <v>19.400099999999998</v>
      </c>
    </row>
    <row r="5487" spans="1:6" x14ac:dyDescent="0.25">
      <c r="A5487">
        <v>145.88999999999999</v>
      </c>
      <c r="B5487">
        <v>193.15</v>
      </c>
      <c r="C5487">
        <v>11072.7</v>
      </c>
      <c r="D5487">
        <v>2.8</v>
      </c>
      <c r="E5487">
        <v>12641.6</v>
      </c>
      <c r="F5487">
        <v>19.549299999999999</v>
      </c>
    </row>
    <row r="5488" spans="1:6" x14ac:dyDescent="0.25">
      <c r="A5488">
        <v>145.88999999999999</v>
      </c>
      <c r="B5488">
        <v>193.15</v>
      </c>
      <c r="C5488">
        <v>11072.7</v>
      </c>
      <c r="D5488">
        <v>3.1</v>
      </c>
      <c r="E5488">
        <v>12458.1</v>
      </c>
      <c r="F5488">
        <v>19.552800000000001</v>
      </c>
    </row>
    <row r="5489" spans="1:6" x14ac:dyDescent="0.25">
      <c r="A5489">
        <v>145.88999999999999</v>
      </c>
      <c r="B5489">
        <v>193.15</v>
      </c>
      <c r="C5489">
        <v>11072.7</v>
      </c>
      <c r="D5489">
        <v>3.4</v>
      </c>
      <c r="E5489">
        <v>12398.4</v>
      </c>
      <c r="F5489">
        <v>19.564800000000002</v>
      </c>
    </row>
    <row r="5490" spans="1:6" x14ac:dyDescent="0.25">
      <c r="A5490">
        <v>145.88999999999999</v>
      </c>
      <c r="B5490">
        <v>193.15</v>
      </c>
      <c r="C5490">
        <v>11072.7</v>
      </c>
      <c r="D5490">
        <v>3.7</v>
      </c>
      <c r="E5490">
        <v>12294</v>
      </c>
      <c r="F5490">
        <v>19.581600000000002</v>
      </c>
    </row>
    <row r="5491" spans="1:6" x14ac:dyDescent="0.25">
      <c r="A5491">
        <v>145.88999999999999</v>
      </c>
      <c r="B5491">
        <v>193.15</v>
      </c>
      <c r="C5491">
        <v>11072.7</v>
      </c>
      <c r="D5491">
        <v>4</v>
      </c>
      <c r="E5491">
        <v>12207.4</v>
      </c>
      <c r="F5491">
        <v>19.6051</v>
      </c>
    </row>
    <row r="5492" spans="1:6" x14ac:dyDescent="0.25">
      <c r="A5492">
        <v>145.88999999999999</v>
      </c>
      <c r="B5492">
        <v>193.15</v>
      </c>
      <c r="C5492">
        <v>12618.2</v>
      </c>
      <c r="D5492">
        <v>1</v>
      </c>
      <c r="E5492">
        <v>16426.3</v>
      </c>
      <c r="F5492">
        <v>19.2102</v>
      </c>
    </row>
    <row r="5493" spans="1:6" x14ac:dyDescent="0.25">
      <c r="A5493">
        <v>145.88999999999999</v>
      </c>
      <c r="B5493">
        <v>193.15</v>
      </c>
      <c r="C5493">
        <v>12618.2</v>
      </c>
      <c r="D5493">
        <v>1.3</v>
      </c>
      <c r="E5493">
        <v>15800.1</v>
      </c>
      <c r="F5493">
        <v>18.633299999999998</v>
      </c>
    </row>
    <row r="5494" spans="1:6" x14ac:dyDescent="0.25">
      <c r="A5494">
        <v>145.88999999999999</v>
      </c>
      <c r="B5494">
        <v>193.15</v>
      </c>
      <c r="C5494">
        <v>12618.2</v>
      </c>
      <c r="D5494">
        <v>1.6</v>
      </c>
      <c r="E5494">
        <v>15117.3</v>
      </c>
      <c r="F5494">
        <v>18.923300000000001</v>
      </c>
    </row>
    <row r="5495" spans="1:6" x14ac:dyDescent="0.25">
      <c r="A5495">
        <v>145.88999999999999</v>
      </c>
      <c r="B5495">
        <v>193.15</v>
      </c>
      <c r="C5495">
        <v>12618.2</v>
      </c>
      <c r="D5495">
        <v>1.9</v>
      </c>
      <c r="E5495">
        <v>14764.1</v>
      </c>
      <c r="F5495">
        <v>19.078600000000002</v>
      </c>
    </row>
    <row r="5496" spans="1:6" x14ac:dyDescent="0.25">
      <c r="A5496">
        <v>145.88999999999999</v>
      </c>
      <c r="B5496">
        <v>193.15</v>
      </c>
      <c r="C5496">
        <v>12618.2</v>
      </c>
      <c r="D5496">
        <v>2.2000000000000002</v>
      </c>
      <c r="E5496">
        <v>14614</v>
      </c>
      <c r="F5496">
        <v>19.270199999999999</v>
      </c>
    </row>
    <row r="5497" spans="1:6" x14ac:dyDescent="0.25">
      <c r="A5497">
        <v>145.88999999999999</v>
      </c>
      <c r="B5497">
        <v>193.15</v>
      </c>
      <c r="C5497">
        <v>12618.2</v>
      </c>
      <c r="D5497">
        <v>2.5</v>
      </c>
      <c r="E5497">
        <v>14372.5</v>
      </c>
      <c r="F5497">
        <v>19.400099999999998</v>
      </c>
    </row>
    <row r="5498" spans="1:6" x14ac:dyDescent="0.25">
      <c r="A5498">
        <v>145.88999999999999</v>
      </c>
      <c r="B5498">
        <v>193.15</v>
      </c>
      <c r="C5498">
        <v>12618.2</v>
      </c>
      <c r="D5498">
        <v>2.8</v>
      </c>
      <c r="E5498">
        <v>14099.6</v>
      </c>
      <c r="F5498">
        <v>19.549299999999999</v>
      </c>
    </row>
    <row r="5499" spans="1:6" x14ac:dyDescent="0.25">
      <c r="A5499">
        <v>145.88999999999999</v>
      </c>
      <c r="B5499">
        <v>193.15</v>
      </c>
      <c r="C5499">
        <v>12618.2</v>
      </c>
      <c r="D5499">
        <v>3.1</v>
      </c>
      <c r="E5499">
        <v>13936.3</v>
      </c>
      <c r="F5499">
        <v>19.552800000000001</v>
      </c>
    </row>
    <row r="5500" spans="1:6" x14ac:dyDescent="0.25">
      <c r="A5500">
        <v>145.88999999999999</v>
      </c>
      <c r="B5500">
        <v>193.15</v>
      </c>
      <c r="C5500">
        <v>12618.2</v>
      </c>
      <c r="D5500">
        <v>3.4</v>
      </c>
      <c r="E5500">
        <v>13988.7</v>
      </c>
      <c r="F5500">
        <v>19.564800000000002</v>
      </c>
    </row>
    <row r="5501" spans="1:6" x14ac:dyDescent="0.25">
      <c r="A5501">
        <v>145.88999999999999</v>
      </c>
      <c r="B5501">
        <v>193.15</v>
      </c>
      <c r="C5501">
        <v>12618.2</v>
      </c>
      <c r="D5501">
        <v>3.7</v>
      </c>
      <c r="E5501">
        <v>13857.2</v>
      </c>
      <c r="F5501">
        <v>19.581600000000002</v>
      </c>
    </row>
    <row r="5502" spans="1:6" x14ac:dyDescent="0.25">
      <c r="A5502">
        <v>145.88999999999999</v>
      </c>
      <c r="B5502">
        <v>193.15</v>
      </c>
      <c r="C5502">
        <v>12618.2</v>
      </c>
      <c r="D5502">
        <v>4</v>
      </c>
      <c r="E5502">
        <v>13779.6</v>
      </c>
      <c r="F5502">
        <v>19.6051</v>
      </c>
    </row>
    <row r="5503" spans="1:6" x14ac:dyDescent="0.25">
      <c r="A5503">
        <v>145.88999999999999</v>
      </c>
      <c r="B5503">
        <v>193.15</v>
      </c>
      <c r="C5503">
        <v>14163.6</v>
      </c>
      <c r="D5503">
        <v>1</v>
      </c>
      <c r="E5503">
        <v>17887.599999999999</v>
      </c>
      <c r="F5503">
        <v>19.2102</v>
      </c>
    </row>
    <row r="5504" spans="1:6" x14ac:dyDescent="0.25">
      <c r="A5504">
        <v>145.88999999999999</v>
      </c>
      <c r="B5504">
        <v>193.15</v>
      </c>
      <c r="C5504">
        <v>14163.6</v>
      </c>
      <c r="D5504">
        <v>1.3</v>
      </c>
      <c r="E5504">
        <v>17310.5</v>
      </c>
      <c r="F5504">
        <v>18.633299999999998</v>
      </c>
    </row>
    <row r="5505" spans="1:6" x14ac:dyDescent="0.25">
      <c r="A5505">
        <v>145.88999999999999</v>
      </c>
      <c r="B5505">
        <v>193.15</v>
      </c>
      <c r="C5505">
        <v>14163.6</v>
      </c>
      <c r="D5505">
        <v>1.6</v>
      </c>
      <c r="E5505">
        <v>16607.5</v>
      </c>
      <c r="F5505">
        <v>18.923300000000001</v>
      </c>
    </row>
    <row r="5506" spans="1:6" x14ac:dyDescent="0.25">
      <c r="A5506">
        <v>145.88999999999999</v>
      </c>
      <c r="B5506">
        <v>193.15</v>
      </c>
      <c r="C5506">
        <v>14163.6</v>
      </c>
      <c r="D5506">
        <v>1.9</v>
      </c>
      <c r="E5506">
        <v>16283.6</v>
      </c>
      <c r="F5506">
        <v>19.078600000000002</v>
      </c>
    </row>
    <row r="5507" spans="1:6" x14ac:dyDescent="0.25">
      <c r="A5507">
        <v>145.88999999999999</v>
      </c>
      <c r="B5507">
        <v>193.15</v>
      </c>
      <c r="C5507">
        <v>14163.6</v>
      </c>
      <c r="D5507">
        <v>2.2000000000000002</v>
      </c>
      <c r="E5507">
        <v>16184.3</v>
      </c>
      <c r="F5507">
        <v>19.270199999999999</v>
      </c>
    </row>
    <row r="5508" spans="1:6" x14ac:dyDescent="0.25">
      <c r="A5508">
        <v>145.88999999999999</v>
      </c>
      <c r="B5508">
        <v>193.15</v>
      </c>
      <c r="C5508">
        <v>14163.6</v>
      </c>
      <c r="D5508">
        <v>2.5</v>
      </c>
      <c r="E5508">
        <v>15974.1</v>
      </c>
      <c r="F5508">
        <v>19.400099999999998</v>
      </c>
    </row>
    <row r="5509" spans="1:6" x14ac:dyDescent="0.25">
      <c r="A5509">
        <v>145.88999999999999</v>
      </c>
      <c r="B5509">
        <v>193.15</v>
      </c>
      <c r="C5509">
        <v>14163.6</v>
      </c>
      <c r="D5509">
        <v>2.8</v>
      </c>
      <c r="E5509">
        <v>15598.5</v>
      </c>
      <c r="F5509">
        <v>19.549299999999999</v>
      </c>
    </row>
    <row r="5510" spans="1:6" x14ac:dyDescent="0.25">
      <c r="A5510">
        <v>145.88999999999999</v>
      </c>
      <c r="B5510">
        <v>193.15</v>
      </c>
      <c r="C5510">
        <v>14163.6</v>
      </c>
      <c r="D5510">
        <v>3.1</v>
      </c>
      <c r="E5510">
        <v>15547.3</v>
      </c>
      <c r="F5510">
        <v>19.552800000000001</v>
      </c>
    </row>
    <row r="5511" spans="1:6" x14ac:dyDescent="0.25">
      <c r="A5511">
        <v>145.88999999999999</v>
      </c>
      <c r="B5511">
        <v>193.15</v>
      </c>
      <c r="C5511">
        <v>14163.6</v>
      </c>
      <c r="D5511">
        <v>3.4</v>
      </c>
      <c r="E5511">
        <v>15429.3</v>
      </c>
      <c r="F5511">
        <v>19.564800000000002</v>
      </c>
    </row>
    <row r="5512" spans="1:6" x14ac:dyDescent="0.25">
      <c r="A5512">
        <v>145.88999999999999</v>
      </c>
      <c r="B5512">
        <v>193.15</v>
      </c>
      <c r="C5512">
        <v>14163.6</v>
      </c>
      <c r="D5512">
        <v>3.7</v>
      </c>
      <c r="E5512">
        <v>15394.5</v>
      </c>
      <c r="F5512">
        <v>19.581600000000002</v>
      </c>
    </row>
    <row r="5513" spans="1:6" x14ac:dyDescent="0.25">
      <c r="A5513">
        <v>145.88999999999999</v>
      </c>
      <c r="B5513">
        <v>193.15</v>
      </c>
      <c r="C5513">
        <v>14163.6</v>
      </c>
      <c r="D5513">
        <v>4</v>
      </c>
      <c r="E5513">
        <v>15239.8</v>
      </c>
      <c r="F5513">
        <v>19.6051</v>
      </c>
    </row>
    <row r="5514" spans="1:6" x14ac:dyDescent="0.25">
      <c r="A5514">
        <v>145.88999999999999</v>
      </c>
      <c r="B5514">
        <v>193.15</v>
      </c>
      <c r="C5514">
        <v>15709.1</v>
      </c>
      <c r="D5514">
        <v>1</v>
      </c>
      <c r="E5514">
        <v>19249.3</v>
      </c>
      <c r="F5514">
        <v>19.2102</v>
      </c>
    </row>
    <row r="5515" spans="1:6" x14ac:dyDescent="0.25">
      <c r="A5515">
        <v>145.88999999999999</v>
      </c>
      <c r="B5515">
        <v>193.15</v>
      </c>
      <c r="C5515">
        <v>15709.1</v>
      </c>
      <c r="D5515">
        <v>1.3</v>
      </c>
      <c r="E5515">
        <v>18721</v>
      </c>
      <c r="F5515">
        <v>18.633299999999998</v>
      </c>
    </row>
    <row r="5516" spans="1:6" x14ac:dyDescent="0.25">
      <c r="A5516">
        <v>145.88999999999999</v>
      </c>
      <c r="B5516">
        <v>193.15</v>
      </c>
      <c r="C5516">
        <v>15709.1</v>
      </c>
      <c r="D5516">
        <v>1.6</v>
      </c>
      <c r="E5516">
        <v>18395.900000000001</v>
      </c>
      <c r="F5516">
        <v>18.923300000000001</v>
      </c>
    </row>
    <row r="5517" spans="1:6" x14ac:dyDescent="0.25">
      <c r="A5517">
        <v>145.88999999999999</v>
      </c>
      <c r="B5517">
        <v>193.15</v>
      </c>
      <c r="C5517">
        <v>15709.1</v>
      </c>
      <c r="D5517">
        <v>1.9</v>
      </c>
      <c r="E5517">
        <v>17831.400000000001</v>
      </c>
      <c r="F5517">
        <v>19.078600000000002</v>
      </c>
    </row>
    <row r="5518" spans="1:6" x14ac:dyDescent="0.25">
      <c r="A5518">
        <v>145.88999999999999</v>
      </c>
      <c r="B5518">
        <v>193.15</v>
      </c>
      <c r="C5518">
        <v>15709.1</v>
      </c>
      <c r="D5518">
        <v>2.2000000000000002</v>
      </c>
      <c r="E5518">
        <v>17600.8</v>
      </c>
      <c r="F5518">
        <v>19.270199999999999</v>
      </c>
    </row>
    <row r="5519" spans="1:6" x14ac:dyDescent="0.25">
      <c r="A5519">
        <v>145.88999999999999</v>
      </c>
      <c r="B5519">
        <v>193.15</v>
      </c>
      <c r="C5519">
        <v>15709.1</v>
      </c>
      <c r="D5519">
        <v>2.5</v>
      </c>
      <c r="E5519">
        <v>17495.900000000001</v>
      </c>
      <c r="F5519">
        <v>19.400099999999998</v>
      </c>
    </row>
    <row r="5520" spans="1:6" x14ac:dyDescent="0.25">
      <c r="A5520">
        <v>145.88999999999999</v>
      </c>
      <c r="B5520">
        <v>193.15</v>
      </c>
      <c r="C5520">
        <v>15709.1</v>
      </c>
      <c r="D5520">
        <v>2.8</v>
      </c>
      <c r="E5520">
        <v>17243.099999999999</v>
      </c>
      <c r="F5520">
        <v>19.549299999999999</v>
      </c>
    </row>
    <row r="5521" spans="1:6" x14ac:dyDescent="0.25">
      <c r="A5521">
        <v>145.88999999999999</v>
      </c>
      <c r="B5521">
        <v>193.15</v>
      </c>
      <c r="C5521">
        <v>15709.1</v>
      </c>
      <c r="D5521">
        <v>3.1</v>
      </c>
      <c r="E5521">
        <v>17106.3</v>
      </c>
      <c r="F5521">
        <v>19.552800000000001</v>
      </c>
    </row>
    <row r="5522" spans="1:6" x14ac:dyDescent="0.25">
      <c r="A5522">
        <v>145.88999999999999</v>
      </c>
      <c r="B5522">
        <v>193.15</v>
      </c>
      <c r="C5522">
        <v>15709.1</v>
      </c>
      <c r="D5522">
        <v>3.4</v>
      </c>
      <c r="E5522">
        <v>17019.5</v>
      </c>
      <c r="F5522">
        <v>19.564800000000002</v>
      </c>
    </row>
    <row r="5523" spans="1:6" x14ac:dyDescent="0.25">
      <c r="A5523">
        <v>145.88999999999999</v>
      </c>
      <c r="B5523">
        <v>193.15</v>
      </c>
      <c r="C5523">
        <v>15709.1</v>
      </c>
      <c r="D5523">
        <v>3.7</v>
      </c>
      <c r="E5523">
        <v>16877</v>
      </c>
      <c r="F5523">
        <v>19.581600000000002</v>
      </c>
    </row>
    <row r="5524" spans="1:6" x14ac:dyDescent="0.25">
      <c r="A5524">
        <v>145.88999999999999</v>
      </c>
      <c r="B5524">
        <v>193.15</v>
      </c>
      <c r="C5524">
        <v>15709.1</v>
      </c>
      <c r="D5524">
        <v>4</v>
      </c>
      <c r="E5524">
        <v>16780.5</v>
      </c>
      <c r="F5524">
        <v>19.6051</v>
      </c>
    </row>
    <row r="5525" spans="1:6" x14ac:dyDescent="0.25">
      <c r="A5525">
        <v>145.88999999999999</v>
      </c>
      <c r="B5525">
        <v>193.15</v>
      </c>
      <c r="C5525">
        <v>17254.5</v>
      </c>
      <c r="D5525">
        <v>1</v>
      </c>
      <c r="E5525">
        <v>20794.400000000001</v>
      </c>
      <c r="F5525">
        <v>19.2102</v>
      </c>
    </row>
    <row r="5526" spans="1:6" x14ac:dyDescent="0.25">
      <c r="A5526">
        <v>145.88999999999999</v>
      </c>
      <c r="B5526">
        <v>193.15</v>
      </c>
      <c r="C5526">
        <v>17254.5</v>
      </c>
      <c r="D5526">
        <v>1.3</v>
      </c>
      <c r="E5526">
        <v>20207.8</v>
      </c>
      <c r="F5526">
        <v>18.633299999999998</v>
      </c>
    </row>
    <row r="5527" spans="1:6" x14ac:dyDescent="0.25">
      <c r="A5527">
        <v>145.88999999999999</v>
      </c>
      <c r="B5527">
        <v>193.15</v>
      </c>
      <c r="C5527">
        <v>17254.5</v>
      </c>
      <c r="D5527">
        <v>1.6</v>
      </c>
      <c r="E5527">
        <v>19859.599999999999</v>
      </c>
      <c r="F5527">
        <v>18.923300000000001</v>
      </c>
    </row>
    <row r="5528" spans="1:6" x14ac:dyDescent="0.25">
      <c r="A5528">
        <v>145.88999999999999</v>
      </c>
      <c r="B5528">
        <v>193.15</v>
      </c>
      <c r="C5528">
        <v>17254.5</v>
      </c>
      <c r="D5528">
        <v>1.9</v>
      </c>
      <c r="E5528">
        <v>19431.5</v>
      </c>
      <c r="F5528">
        <v>19.078600000000002</v>
      </c>
    </row>
    <row r="5529" spans="1:6" x14ac:dyDescent="0.25">
      <c r="A5529">
        <v>145.88999999999999</v>
      </c>
      <c r="B5529">
        <v>193.15</v>
      </c>
      <c r="C5529">
        <v>17254.5</v>
      </c>
      <c r="D5529">
        <v>2.2000000000000002</v>
      </c>
      <c r="E5529">
        <v>19183</v>
      </c>
      <c r="F5529">
        <v>19.270199999999999</v>
      </c>
    </row>
    <row r="5530" spans="1:6" x14ac:dyDescent="0.25">
      <c r="A5530">
        <v>145.88999999999999</v>
      </c>
      <c r="B5530">
        <v>193.15</v>
      </c>
      <c r="C5530">
        <v>17254.5</v>
      </c>
      <c r="D5530">
        <v>2.5</v>
      </c>
      <c r="E5530">
        <v>19095.900000000001</v>
      </c>
      <c r="F5530">
        <v>19.400099999999998</v>
      </c>
    </row>
    <row r="5531" spans="1:6" x14ac:dyDescent="0.25">
      <c r="A5531">
        <v>145.88999999999999</v>
      </c>
      <c r="B5531">
        <v>193.15</v>
      </c>
      <c r="C5531">
        <v>17254.5</v>
      </c>
      <c r="D5531">
        <v>2.8</v>
      </c>
      <c r="E5531">
        <v>18829.099999999999</v>
      </c>
      <c r="F5531">
        <v>19.549299999999999</v>
      </c>
    </row>
    <row r="5532" spans="1:6" x14ac:dyDescent="0.25">
      <c r="A5532">
        <v>145.88999999999999</v>
      </c>
      <c r="B5532">
        <v>193.15</v>
      </c>
      <c r="C5532">
        <v>17254.5</v>
      </c>
      <c r="D5532">
        <v>3.1</v>
      </c>
      <c r="E5532">
        <v>18660</v>
      </c>
      <c r="F5532">
        <v>19.552800000000001</v>
      </c>
    </row>
    <row r="5533" spans="1:6" x14ac:dyDescent="0.25">
      <c r="A5533">
        <v>145.88999999999999</v>
      </c>
      <c r="B5533">
        <v>193.15</v>
      </c>
      <c r="C5533">
        <v>17254.5</v>
      </c>
      <c r="D5533">
        <v>3.4</v>
      </c>
      <c r="E5533">
        <v>18603.5</v>
      </c>
      <c r="F5533">
        <v>19.564800000000002</v>
      </c>
    </row>
    <row r="5534" spans="1:6" x14ac:dyDescent="0.25">
      <c r="A5534">
        <v>145.88999999999999</v>
      </c>
      <c r="B5534">
        <v>193.15</v>
      </c>
      <c r="C5534">
        <v>17254.5</v>
      </c>
      <c r="D5534">
        <v>3.7</v>
      </c>
      <c r="E5534">
        <v>18420.5</v>
      </c>
      <c r="F5534">
        <v>19.581600000000002</v>
      </c>
    </row>
    <row r="5535" spans="1:6" x14ac:dyDescent="0.25">
      <c r="A5535">
        <v>145.88999999999999</v>
      </c>
      <c r="B5535">
        <v>193.15</v>
      </c>
      <c r="C5535">
        <v>17254.5</v>
      </c>
      <c r="D5535">
        <v>4</v>
      </c>
      <c r="E5535">
        <v>18323.7</v>
      </c>
      <c r="F5535">
        <v>19.6051</v>
      </c>
    </row>
    <row r="5536" spans="1:6" x14ac:dyDescent="0.25">
      <c r="A5536">
        <v>145.88999999999999</v>
      </c>
      <c r="B5536">
        <v>193.15</v>
      </c>
      <c r="C5536">
        <v>18800</v>
      </c>
      <c r="D5536">
        <v>1</v>
      </c>
      <c r="E5536">
        <v>22425.3</v>
      </c>
      <c r="F5536">
        <v>19.2102</v>
      </c>
    </row>
    <row r="5537" spans="1:6" x14ac:dyDescent="0.25">
      <c r="A5537">
        <v>145.88999999999999</v>
      </c>
      <c r="B5537">
        <v>193.15</v>
      </c>
      <c r="C5537">
        <v>18800</v>
      </c>
      <c r="D5537">
        <v>1.3</v>
      </c>
      <c r="E5537">
        <v>21749.1</v>
      </c>
      <c r="F5537">
        <v>18.633299999999998</v>
      </c>
    </row>
    <row r="5538" spans="1:6" x14ac:dyDescent="0.25">
      <c r="A5538">
        <v>145.88999999999999</v>
      </c>
      <c r="B5538">
        <v>193.15</v>
      </c>
      <c r="C5538">
        <v>18800</v>
      </c>
      <c r="D5538">
        <v>1.6</v>
      </c>
      <c r="E5538">
        <v>21293.200000000001</v>
      </c>
      <c r="F5538">
        <v>18.923300000000001</v>
      </c>
    </row>
    <row r="5539" spans="1:6" x14ac:dyDescent="0.25">
      <c r="A5539">
        <v>145.88999999999999</v>
      </c>
      <c r="B5539">
        <v>193.15</v>
      </c>
      <c r="C5539">
        <v>18800</v>
      </c>
      <c r="D5539">
        <v>1.9</v>
      </c>
      <c r="E5539">
        <v>20907.3</v>
      </c>
      <c r="F5539">
        <v>19.078600000000002</v>
      </c>
    </row>
    <row r="5540" spans="1:6" x14ac:dyDescent="0.25">
      <c r="A5540">
        <v>145.88999999999999</v>
      </c>
      <c r="B5540">
        <v>193.15</v>
      </c>
      <c r="C5540">
        <v>18800</v>
      </c>
      <c r="D5540">
        <v>2.2000000000000002</v>
      </c>
      <c r="E5540">
        <v>20744.599999999999</v>
      </c>
      <c r="F5540">
        <v>19.270199999999999</v>
      </c>
    </row>
    <row r="5541" spans="1:6" x14ac:dyDescent="0.25">
      <c r="A5541">
        <v>145.88999999999999</v>
      </c>
      <c r="B5541">
        <v>193.15</v>
      </c>
      <c r="C5541">
        <v>18800</v>
      </c>
      <c r="D5541">
        <v>2.5</v>
      </c>
      <c r="E5541">
        <v>20614.3</v>
      </c>
      <c r="F5541">
        <v>19.400099999999998</v>
      </c>
    </row>
    <row r="5542" spans="1:6" x14ac:dyDescent="0.25">
      <c r="A5542">
        <v>145.88999999999999</v>
      </c>
      <c r="B5542">
        <v>193.15</v>
      </c>
      <c r="C5542">
        <v>18800</v>
      </c>
      <c r="D5542">
        <v>2.8</v>
      </c>
      <c r="E5542">
        <v>20387.2</v>
      </c>
      <c r="F5542">
        <v>19.549299999999999</v>
      </c>
    </row>
    <row r="5543" spans="1:6" x14ac:dyDescent="0.25">
      <c r="A5543">
        <v>145.88999999999999</v>
      </c>
      <c r="B5543">
        <v>193.15</v>
      </c>
      <c r="C5543">
        <v>18800</v>
      </c>
      <c r="D5543">
        <v>3.1</v>
      </c>
      <c r="E5543">
        <v>20155</v>
      </c>
      <c r="F5543">
        <v>19.552800000000001</v>
      </c>
    </row>
    <row r="5544" spans="1:6" x14ac:dyDescent="0.25">
      <c r="A5544">
        <v>145.88999999999999</v>
      </c>
      <c r="B5544">
        <v>193.15</v>
      </c>
      <c r="C5544">
        <v>18800</v>
      </c>
      <c r="D5544">
        <v>3.4</v>
      </c>
      <c r="E5544">
        <v>20109.3</v>
      </c>
      <c r="F5544">
        <v>19.564800000000002</v>
      </c>
    </row>
    <row r="5545" spans="1:6" x14ac:dyDescent="0.25">
      <c r="A5545">
        <v>145.88999999999999</v>
      </c>
      <c r="B5545">
        <v>193.15</v>
      </c>
      <c r="C5545">
        <v>18800</v>
      </c>
      <c r="D5545">
        <v>3.7</v>
      </c>
      <c r="E5545">
        <v>19996.8</v>
      </c>
      <c r="F5545">
        <v>19.581600000000002</v>
      </c>
    </row>
    <row r="5546" spans="1:6" x14ac:dyDescent="0.25">
      <c r="A5546">
        <v>145.88999999999999</v>
      </c>
      <c r="B5546">
        <v>193.15</v>
      </c>
      <c r="C5546">
        <v>18800</v>
      </c>
      <c r="D5546">
        <v>4</v>
      </c>
      <c r="E5546">
        <v>19904.5</v>
      </c>
      <c r="F5546">
        <v>19.6051</v>
      </c>
    </row>
    <row r="5547" spans="1:6" x14ac:dyDescent="0.25">
      <c r="A5547">
        <v>145.88999999999999</v>
      </c>
      <c r="B5547">
        <v>196.78</v>
      </c>
      <c r="C5547">
        <v>1800</v>
      </c>
      <c r="D5547">
        <v>1</v>
      </c>
      <c r="E5547">
        <v>5539.43</v>
      </c>
      <c r="F5547">
        <v>49.875599999999999</v>
      </c>
    </row>
    <row r="5548" spans="1:6" x14ac:dyDescent="0.25">
      <c r="A5548">
        <v>145.88999999999999</v>
      </c>
      <c r="B5548">
        <v>196.78</v>
      </c>
      <c r="C5548">
        <v>1800</v>
      </c>
      <c r="D5548">
        <v>1.3</v>
      </c>
      <c r="E5548">
        <v>4982.75</v>
      </c>
      <c r="F5548">
        <v>62.082500000000003</v>
      </c>
    </row>
    <row r="5549" spans="1:6" x14ac:dyDescent="0.25">
      <c r="A5549">
        <v>145.88999999999999</v>
      </c>
      <c r="B5549">
        <v>196.78</v>
      </c>
      <c r="C5549">
        <v>1800</v>
      </c>
      <c r="D5549">
        <v>1.6</v>
      </c>
      <c r="E5549">
        <v>4600.26</v>
      </c>
      <c r="F5549">
        <v>70.093800000000002</v>
      </c>
    </row>
    <row r="5550" spans="1:6" x14ac:dyDescent="0.25">
      <c r="A5550">
        <v>145.88999999999999</v>
      </c>
      <c r="B5550">
        <v>196.78</v>
      </c>
      <c r="C5550">
        <v>1800</v>
      </c>
      <c r="D5550">
        <v>1.9</v>
      </c>
      <c r="E5550">
        <v>4241.8599999999997</v>
      </c>
      <c r="F5550">
        <v>77.347200000000001</v>
      </c>
    </row>
    <row r="5551" spans="1:6" x14ac:dyDescent="0.25">
      <c r="A5551">
        <v>145.88999999999999</v>
      </c>
      <c r="B5551">
        <v>196.78</v>
      </c>
      <c r="C5551">
        <v>1800</v>
      </c>
      <c r="D5551">
        <v>2.2000000000000002</v>
      </c>
      <c r="E5551">
        <v>4028.91</v>
      </c>
      <c r="F5551">
        <v>80.308700000000002</v>
      </c>
    </row>
    <row r="5552" spans="1:6" x14ac:dyDescent="0.25">
      <c r="A5552">
        <v>145.88999999999999</v>
      </c>
      <c r="B5552">
        <v>196.78</v>
      </c>
      <c r="C5552">
        <v>1800</v>
      </c>
      <c r="D5552">
        <v>2.5</v>
      </c>
      <c r="E5552">
        <v>3819.41</v>
      </c>
      <c r="F5552">
        <v>86.256299999999996</v>
      </c>
    </row>
    <row r="5553" spans="1:6" x14ac:dyDescent="0.25">
      <c r="A5553">
        <v>145.88999999999999</v>
      </c>
      <c r="B5553">
        <v>196.78</v>
      </c>
      <c r="C5553">
        <v>1800</v>
      </c>
      <c r="D5553">
        <v>2.8</v>
      </c>
      <c r="E5553">
        <v>3694.43</v>
      </c>
      <c r="F5553">
        <v>92.592799999999997</v>
      </c>
    </row>
    <row r="5554" spans="1:6" x14ac:dyDescent="0.25">
      <c r="A5554">
        <v>145.88999999999999</v>
      </c>
      <c r="B5554">
        <v>196.78</v>
      </c>
      <c r="C5554">
        <v>1800</v>
      </c>
      <c r="D5554">
        <v>3.1</v>
      </c>
      <c r="E5554">
        <v>3617.79</v>
      </c>
      <c r="F5554">
        <v>98.585899999999995</v>
      </c>
    </row>
    <row r="5555" spans="1:6" x14ac:dyDescent="0.25">
      <c r="A5555">
        <v>145.88999999999999</v>
      </c>
      <c r="B5555">
        <v>196.78</v>
      </c>
      <c r="C5555">
        <v>1800</v>
      </c>
      <c r="D5555">
        <v>3.4</v>
      </c>
      <c r="E5555">
        <v>3509.26</v>
      </c>
      <c r="F5555">
        <v>103.73399999999999</v>
      </c>
    </row>
    <row r="5556" spans="1:6" x14ac:dyDescent="0.25">
      <c r="A5556">
        <v>145.88999999999999</v>
      </c>
      <c r="B5556">
        <v>196.78</v>
      </c>
      <c r="C5556">
        <v>1800</v>
      </c>
      <c r="D5556">
        <v>3.7</v>
      </c>
      <c r="E5556">
        <v>3418.97</v>
      </c>
      <c r="F5556">
        <v>107.377</v>
      </c>
    </row>
    <row r="5557" spans="1:6" x14ac:dyDescent="0.25">
      <c r="A5557">
        <v>145.88999999999999</v>
      </c>
      <c r="B5557">
        <v>196.78</v>
      </c>
      <c r="C5557">
        <v>1800</v>
      </c>
      <c r="D5557">
        <v>4</v>
      </c>
      <c r="E5557">
        <v>3381.34</v>
      </c>
      <c r="F5557">
        <v>110.336</v>
      </c>
    </row>
    <row r="5558" spans="1:6" x14ac:dyDescent="0.25">
      <c r="A5558">
        <v>145.88999999999999</v>
      </c>
      <c r="B5558">
        <v>196.78</v>
      </c>
      <c r="C5558">
        <v>3345.45</v>
      </c>
      <c r="D5558">
        <v>1</v>
      </c>
      <c r="E5558">
        <v>7087.77</v>
      </c>
      <c r="F5558">
        <v>21.169699999999999</v>
      </c>
    </row>
    <row r="5559" spans="1:6" x14ac:dyDescent="0.25">
      <c r="A5559">
        <v>145.88999999999999</v>
      </c>
      <c r="B5559">
        <v>196.78</v>
      </c>
      <c r="C5559">
        <v>3345.45</v>
      </c>
      <c r="D5559">
        <v>1.3</v>
      </c>
      <c r="E5559">
        <v>6385.28</v>
      </c>
      <c r="F5559">
        <v>24.3752</v>
      </c>
    </row>
    <row r="5560" spans="1:6" x14ac:dyDescent="0.25">
      <c r="A5560">
        <v>145.88999999999999</v>
      </c>
      <c r="B5560">
        <v>196.78</v>
      </c>
      <c r="C5560">
        <v>3345.45</v>
      </c>
      <c r="D5560">
        <v>1.6</v>
      </c>
      <c r="E5560">
        <v>5884.05</v>
      </c>
      <c r="F5560">
        <v>28.726500000000001</v>
      </c>
    </row>
    <row r="5561" spans="1:6" x14ac:dyDescent="0.25">
      <c r="A5561">
        <v>145.88999999999999</v>
      </c>
      <c r="B5561">
        <v>196.78</v>
      </c>
      <c r="C5561">
        <v>3345.45</v>
      </c>
      <c r="D5561">
        <v>1.9</v>
      </c>
      <c r="E5561">
        <v>5675.33</v>
      </c>
      <c r="F5561">
        <v>31.595099999999999</v>
      </c>
    </row>
    <row r="5562" spans="1:6" x14ac:dyDescent="0.25">
      <c r="A5562">
        <v>145.88999999999999</v>
      </c>
      <c r="B5562">
        <v>196.78</v>
      </c>
      <c r="C5562">
        <v>3345.45</v>
      </c>
      <c r="D5562">
        <v>2.2000000000000002</v>
      </c>
      <c r="E5562">
        <v>5512.63</v>
      </c>
      <c r="F5562">
        <v>33.855899999999998</v>
      </c>
    </row>
    <row r="5563" spans="1:6" x14ac:dyDescent="0.25">
      <c r="A5563">
        <v>145.88999999999999</v>
      </c>
      <c r="B5563">
        <v>196.78</v>
      </c>
      <c r="C5563">
        <v>3345.45</v>
      </c>
      <c r="D5563">
        <v>2.5</v>
      </c>
      <c r="E5563">
        <v>5285.01</v>
      </c>
      <c r="F5563">
        <v>36.470599999999997</v>
      </c>
    </row>
    <row r="5564" spans="1:6" x14ac:dyDescent="0.25">
      <c r="A5564">
        <v>145.88999999999999</v>
      </c>
      <c r="B5564">
        <v>196.78</v>
      </c>
      <c r="C5564">
        <v>3345.45</v>
      </c>
      <c r="D5564">
        <v>2.8</v>
      </c>
      <c r="E5564">
        <v>5142.46</v>
      </c>
      <c r="F5564">
        <v>40.771999999999998</v>
      </c>
    </row>
    <row r="5565" spans="1:6" x14ac:dyDescent="0.25">
      <c r="A5565">
        <v>145.88999999999999</v>
      </c>
      <c r="B5565">
        <v>196.78</v>
      </c>
      <c r="C5565">
        <v>3345.45</v>
      </c>
      <c r="D5565">
        <v>3.1</v>
      </c>
      <c r="E5565">
        <v>4999.7</v>
      </c>
      <c r="F5565">
        <v>45.543900000000001</v>
      </c>
    </row>
    <row r="5566" spans="1:6" x14ac:dyDescent="0.25">
      <c r="A5566">
        <v>145.88999999999999</v>
      </c>
      <c r="B5566">
        <v>196.78</v>
      </c>
      <c r="C5566">
        <v>3345.45</v>
      </c>
      <c r="D5566">
        <v>3.4</v>
      </c>
      <c r="E5566">
        <v>4937.03</v>
      </c>
      <c r="F5566">
        <v>47.444000000000003</v>
      </c>
    </row>
    <row r="5567" spans="1:6" x14ac:dyDescent="0.25">
      <c r="A5567">
        <v>145.88999999999999</v>
      </c>
      <c r="B5567">
        <v>196.78</v>
      </c>
      <c r="C5567">
        <v>3345.45</v>
      </c>
      <c r="D5567">
        <v>3.7</v>
      </c>
      <c r="E5567">
        <v>4792.03</v>
      </c>
      <c r="F5567">
        <v>50.613700000000001</v>
      </c>
    </row>
    <row r="5568" spans="1:6" x14ac:dyDescent="0.25">
      <c r="A5568">
        <v>145.88999999999999</v>
      </c>
      <c r="B5568">
        <v>196.78</v>
      </c>
      <c r="C5568">
        <v>3345.45</v>
      </c>
      <c r="D5568">
        <v>4</v>
      </c>
      <c r="E5568">
        <v>4750.97</v>
      </c>
      <c r="F5568">
        <v>50.509599999999999</v>
      </c>
    </row>
    <row r="5569" spans="1:6" x14ac:dyDescent="0.25">
      <c r="A5569">
        <v>145.88999999999999</v>
      </c>
      <c r="B5569">
        <v>196.78</v>
      </c>
      <c r="C5569">
        <v>4890.8999999999996</v>
      </c>
      <c r="D5569">
        <v>1</v>
      </c>
      <c r="E5569">
        <v>8713.67</v>
      </c>
      <c r="F5569">
        <v>15.7843</v>
      </c>
    </row>
    <row r="5570" spans="1:6" x14ac:dyDescent="0.25">
      <c r="A5570">
        <v>145.88999999999999</v>
      </c>
      <c r="B5570">
        <v>196.78</v>
      </c>
      <c r="C5570">
        <v>4890.8999999999996</v>
      </c>
      <c r="D5570">
        <v>1.3</v>
      </c>
      <c r="E5570">
        <v>7737.73</v>
      </c>
      <c r="F5570">
        <v>16.549600000000002</v>
      </c>
    </row>
    <row r="5571" spans="1:6" x14ac:dyDescent="0.25">
      <c r="A5571">
        <v>145.88999999999999</v>
      </c>
      <c r="B5571">
        <v>196.78</v>
      </c>
      <c r="C5571">
        <v>4890.8999999999996</v>
      </c>
      <c r="D5571">
        <v>1.6</v>
      </c>
      <c r="E5571">
        <v>7230.14</v>
      </c>
      <c r="F5571">
        <v>16.377500000000001</v>
      </c>
    </row>
    <row r="5572" spans="1:6" x14ac:dyDescent="0.25">
      <c r="A5572">
        <v>145.88999999999999</v>
      </c>
      <c r="B5572">
        <v>196.78</v>
      </c>
      <c r="C5572">
        <v>4890.8999999999996</v>
      </c>
      <c r="D5572">
        <v>1.9</v>
      </c>
      <c r="E5572">
        <v>7101.14</v>
      </c>
      <c r="F5572">
        <v>16.289899999999999</v>
      </c>
    </row>
    <row r="5573" spans="1:6" x14ac:dyDescent="0.25">
      <c r="A5573">
        <v>145.88999999999999</v>
      </c>
      <c r="B5573">
        <v>196.78</v>
      </c>
      <c r="C5573">
        <v>4890.8999999999996</v>
      </c>
      <c r="D5573">
        <v>2.2000000000000002</v>
      </c>
      <c r="E5573">
        <v>6756.31</v>
      </c>
      <c r="F5573">
        <v>16.1449</v>
      </c>
    </row>
    <row r="5574" spans="1:6" x14ac:dyDescent="0.25">
      <c r="A5574">
        <v>145.88999999999999</v>
      </c>
      <c r="B5574">
        <v>196.78</v>
      </c>
      <c r="C5574">
        <v>4890.8999999999996</v>
      </c>
      <c r="D5574">
        <v>2.5</v>
      </c>
      <c r="E5574">
        <v>6708.43</v>
      </c>
      <c r="F5574">
        <v>16.0657</v>
      </c>
    </row>
    <row r="5575" spans="1:6" x14ac:dyDescent="0.25">
      <c r="A5575">
        <v>145.88999999999999</v>
      </c>
      <c r="B5575">
        <v>196.78</v>
      </c>
      <c r="C5575">
        <v>4890.8999999999996</v>
      </c>
      <c r="D5575">
        <v>2.8</v>
      </c>
      <c r="E5575">
        <v>6447.9</v>
      </c>
      <c r="F5575">
        <v>17.335799999999999</v>
      </c>
    </row>
    <row r="5576" spans="1:6" x14ac:dyDescent="0.25">
      <c r="A5576">
        <v>145.88999999999999</v>
      </c>
      <c r="B5576">
        <v>196.78</v>
      </c>
      <c r="C5576">
        <v>4890.8999999999996</v>
      </c>
      <c r="D5576">
        <v>3.1</v>
      </c>
      <c r="E5576">
        <v>6370.74</v>
      </c>
      <c r="F5576">
        <v>17.098400000000002</v>
      </c>
    </row>
    <row r="5577" spans="1:6" x14ac:dyDescent="0.25">
      <c r="A5577">
        <v>145.88999999999999</v>
      </c>
      <c r="B5577">
        <v>196.78</v>
      </c>
      <c r="C5577">
        <v>4890.8999999999996</v>
      </c>
      <c r="D5577">
        <v>3.4</v>
      </c>
      <c r="E5577">
        <v>6342.09</v>
      </c>
      <c r="F5577">
        <v>17.5886</v>
      </c>
    </row>
    <row r="5578" spans="1:6" x14ac:dyDescent="0.25">
      <c r="A5578">
        <v>145.88999999999999</v>
      </c>
      <c r="B5578">
        <v>196.78</v>
      </c>
      <c r="C5578">
        <v>4890.8999999999996</v>
      </c>
      <c r="D5578">
        <v>3.7</v>
      </c>
      <c r="E5578">
        <v>6184.26</v>
      </c>
      <c r="F5578">
        <v>19.082799999999999</v>
      </c>
    </row>
    <row r="5579" spans="1:6" x14ac:dyDescent="0.25">
      <c r="A5579">
        <v>145.88999999999999</v>
      </c>
      <c r="B5579">
        <v>196.78</v>
      </c>
      <c r="C5579">
        <v>4890.8999999999996</v>
      </c>
      <c r="D5579">
        <v>4</v>
      </c>
      <c r="E5579">
        <v>6130.59</v>
      </c>
      <c r="F5579">
        <v>18.860199999999999</v>
      </c>
    </row>
    <row r="5580" spans="1:6" x14ac:dyDescent="0.25">
      <c r="A5580">
        <v>145.88999999999999</v>
      </c>
      <c r="B5580">
        <v>196.78</v>
      </c>
      <c r="C5580">
        <v>6436.35</v>
      </c>
      <c r="D5580">
        <v>1</v>
      </c>
      <c r="E5580">
        <v>10124.4</v>
      </c>
      <c r="F5580">
        <v>19.2102</v>
      </c>
    </row>
    <row r="5581" spans="1:6" x14ac:dyDescent="0.25">
      <c r="A5581">
        <v>145.88999999999999</v>
      </c>
      <c r="B5581">
        <v>196.78</v>
      </c>
      <c r="C5581">
        <v>6436.35</v>
      </c>
      <c r="D5581">
        <v>1.3</v>
      </c>
      <c r="E5581">
        <v>9458.7199999999993</v>
      </c>
      <c r="F5581">
        <v>18.633299999999998</v>
      </c>
    </row>
    <row r="5582" spans="1:6" x14ac:dyDescent="0.25">
      <c r="A5582">
        <v>145.88999999999999</v>
      </c>
      <c r="B5582">
        <v>196.78</v>
      </c>
      <c r="C5582">
        <v>6436.35</v>
      </c>
      <c r="D5582">
        <v>1.6</v>
      </c>
      <c r="E5582">
        <v>9013.58</v>
      </c>
      <c r="F5582">
        <v>18.923300000000001</v>
      </c>
    </row>
    <row r="5583" spans="1:6" x14ac:dyDescent="0.25">
      <c r="A5583">
        <v>145.88999999999999</v>
      </c>
      <c r="B5583">
        <v>196.78</v>
      </c>
      <c r="C5583">
        <v>6436.35</v>
      </c>
      <c r="D5583">
        <v>1.9</v>
      </c>
      <c r="E5583">
        <v>8548.1200000000008</v>
      </c>
      <c r="F5583">
        <v>19.078600000000002</v>
      </c>
    </row>
    <row r="5584" spans="1:6" x14ac:dyDescent="0.25">
      <c r="A5584">
        <v>145.88999999999999</v>
      </c>
      <c r="B5584">
        <v>196.78</v>
      </c>
      <c r="C5584">
        <v>6436.35</v>
      </c>
      <c r="D5584">
        <v>2.2000000000000002</v>
      </c>
      <c r="E5584">
        <v>8437.35</v>
      </c>
      <c r="F5584">
        <v>19.270199999999999</v>
      </c>
    </row>
    <row r="5585" spans="1:6" x14ac:dyDescent="0.25">
      <c r="A5585">
        <v>145.88999999999999</v>
      </c>
      <c r="B5585">
        <v>196.78</v>
      </c>
      <c r="C5585">
        <v>6436.35</v>
      </c>
      <c r="D5585">
        <v>2.5</v>
      </c>
      <c r="E5585">
        <v>8200.4</v>
      </c>
      <c r="F5585">
        <v>19.400099999999998</v>
      </c>
    </row>
    <row r="5586" spans="1:6" x14ac:dyDescent="0.25">
      <c r="A5586">
        <v>145.88999999999999</v>
      </c>
      <c r="B5586">
        <v>196.78</v>
      </c>
      <c r="C5586">
        <v>6436.35</v>
      </c>
      <c r="D5586">
        <v>2.8</v>
      </c>
      <c r="E5586">
        <v>7990.17</v>
      </c>
      <c r="F5586">
        <v>19.549299999999999</v>
      </c>
    </row>
    <row r="5587" spans="1:6" x14ac:dyDescent="0.25">
      <c r="A5587">
        <v>145.88999999999999</v>
      </c>
      <c r="B5587">
        <v>196.78</v>
      </c>
      <c r="C5587">
        <v>6436.35</v>
      </c>
      <c r="D5587">
        <v>3.1</v>
      </c>
      <c r="E5587">
        <v>7761.19</v>
      </c>
      <c r="F5587">
        <v>19.552800000000001</v>
      </c>
    </row>
    <row r="5588" spans="1:6" x14ac:dyDescent="0.25">
      <c r="A5588">
        <v>145.88999999999999</v>
      </c>
      <c r="B5588">
        <v>196.78</v>
      </c>
      <c r="C5588">
        <v>6436.35</v>
      </c>
      <c r="D5588">
        <v>3.4</v>
      </c>
      <c r="E5588">
        <v>7686.2</v>
      </c>
      <c r="F5588">
        <v>19.564800000000002</v>
      </c>
    </row>
    <row r="5589" spans="1:6" x14ac:dyDescent="0.25">
      <c r="A5589">
        <v>145.88999999999999</v>
      </c>
      <c r="B5589">
        <v>196.78</v>
      </c>
      <c r="C5589">
        <v>6436.35</v>
      </c>
      <c r="D5589">
        <v>3.7</v>
      </c>
      <c r="E5589">
        <v>7580.92</v>
      </c>
      <c r="F5589">
        <v>19.581600000000002</v>
      </c>
    </row>
    <row r="5590" spans="1:6" x14ac:dyDescent="0.25">
      <c r="A5590">
        <v>145.88999999999999</v>
      </c>
      <c r="B5590">
        <v>196.78</v>
      </c>
      <c r="C5590">
        <v>6436.35</v>
      </c>
      <c r="D5590">
        <v>4</v>
      </c>
      <c r="E5590">
        <v>7512.59</v>
      </c>
      <c r="F5590">
        <v>19.6051</v>
      </c>
    </row>
    <row r="5591" spans="1:6" x14ac:dyDescent="0.25">
      <c r="A5591">
        <v>145.88999999999999</v>
      </c>
      <c r="B5591">
        <v>196.78</v>
      </c>
      <c r="C5591">
        <v>7981.8</v>
      </c>
      <c r="D5591">
        <v>1</v>
      </c>
      <c r="E5591">
        <v>11704.1</v>
      </c>
      <c r="F5591">
        <v>19.2102</v>
      </c>
    </row>
    <row r="5592" spans="1:6" x14ac:dyDescent="0.25">
      <c r="A5592">
        <v>145.88999999999999</v>
      </c>
      <c r="B5592">
        <v>196.78</v>
      </c>
      <c r="C5592">
        <v>7981.8</v>
      </c>
      <c r="D5592">
        <v>1.3</v>
      </c>
      <c r="E5592">
        <v>11070.8</v>
      </c>
      <c r="F5592">
        <v>18.633299999999998</v>
      </c>
    </row>
    <row r="5593" spans="1:6" x14ac:dyDescent="0.25">
      <c r="A5593">
        <v>145.88999999999999</v>
      </c>
      <c r="B5593">
        <v>196.78</v>
      </c>
      <c r="C5593">
        <v>7981.8</v>
      </c>
      <c r="D5593">
        <v>1.6</v>
      </c>
      <c r="E5593">
        <v>10683.9</v>
      </c>
      <c r="F5593">
        <v>18.923300000000001</v>
      </c>
    </row>
    <row r="5594" spans="1:6" x14ac:dyDescent="0.25">
      <c r="A5594">
        <v>145.88999999999999</v>
      </c>
      <c r="B5594">
        <v>196.78</v>
      </c>
      <c r="C5594">
        <v>7981.8</v>
      </c>
      <c r="D5594">
        <v>1.9</v>
      </c>
      <c r="E5594">
        <v>10066.700000000001</v>
      </c>
      <c r="F5594">
        <v>19.078600000000002</v>
      </c>
    </row>
    <row r="5595" spans="1:6" x14ac:dyDescent="0.25">
      <c r="A5595">
        <v>145.88999999999999</v>
      </c>
      <c r="B5595">
        <v>196.78</v>
      </c>
      <c r="C5595">
        <v>7981.8</v>
      </c>
      <c r="D5595">
        <v>2.2000000000000002</v>
      </c>
      <c r="E5595">
        <v>10007.299999999999</v>
      </c>
      <c r="F5595">
        <v>19.270199999999999</v>
      </c>
    </row>
    <row r="5596" spans="1:6" x14ac:dyDescent="0.25">
      <c r="A5596">
        <v>145.88999999999999</v>
      </c>
      <c r="B5596">
        <v>196.78</v>
      </c>
      <c r="C5596">
        <v>7981.8</v>
      </c>
      <c r="D5596">
        <v>2.5</v>
      </c>
      <c r="E5596">
        <v>9708.83</v>
      </c>
      <c r="F5596">
        <v>19.400099999999998</v>
      </c>
    </row>
    <row r="5597" spans="1:6" x14ac:dyDescent="0.25">
      <c r="A5597">
        <v>145.88999999999999</v>
      </c>
      <c r="B5597">
        <v>196.78</v>
      </c>
      <c r="C5597">
        <v>7981.8</v>
      </c>
      <c r="D5597">
        <v>2.8</v>
      </c>
      <c r="E5597">
        <v>9513.09</v>
      </c>
      <c r="F5597">
        <v>19.549299999999999</v>
      </c>
    </row>
    <row r="5598" spans="1:6" x14ac:dyDescent="0.25">
      <c r="A5598">
        <v>145.88999999999999</v>
      </c>
      <c r="B5598">
        <v>196.78</v>
      </c>
      <c r="C5598">
        <v>7981.8</v>
      </c>
      <c r="D5598">
        <v>3.1</v>
      </c>
      <c r="E5598">
        <v>9364.24</v>
      </c>
      <c r="F5598">
        <v>19.552800000000001</v>
      </c>
    </row>
    <row r="5599" spans="1:6" x14ac:dyDescent="0.25">
      <c r="A5599">
        <v>145.88999999999999</v>
      </c>
      <c r="B5599">
        <v>196.78</v>
      </c>
      <c r="C5599">
        <v>7981.8</v>
      </c>
      <c r="D5599">
        <v>3.4</v>
      </c>
      <c r="E5599">
        <v>9269.65</v>
      </c>
      <c r="F5599">
        <v>19.564800000000002</v>
      </c>
    </row>
    <row r="5600" spans="1:6" x14ac:dyDescent="0.25">
      <c r="A5600">
        <v>145.88999999999999</v>
      </c>
      <c r="B5600">
        <v>196.78</v>
      </c>
      <c r="C5600">
        <v>7981.8</v>
      </c>
      <c r="D5600">
        <v>3.7</v>
      </c>
      <c r="E5600">
        <v>9160.2800000000007</v>
      </c>
      <c r="F5600">
        <v>19.581600000000002</v>
      </c>
    </row>
    <row r="5601" spans="1:6" x14ac:dyDescent="0.25">
      <c r="A5601">
        <v>145.88999999999999</v>
      </c>
      <c r="B5601">
        <v>196.78</v>
      </c>
      <c r="C5601">
        <v>7981.8</v>
      </c>
      <c r="D5601">
        <v>4</v>
      </c>
      <c r="E5601">
        <v>9069</v>
      </c>
      <c r="F5601">
        <v>19.6051</v>
      </c>
    </row>
    <row r="5602" spans="1:6" x14ac:dyDescent="0.25">
      <c r="A5602">
        <v>145.88999999999999</v>
      </c>
      <c r="B5602">
        <v>196.78</v>
      </c>
      <c r="C5602">
        <v>9527.25</v>
      </c>
      <c r="D5602">
        <v>1</v>
      </c>
      <c r="E5602">
        <v>13361.2</v>
      </c>
      <c r="F5602">
        <v>19.2102</v>
      </c>
    </row>
    <row r="5603" spans="1:6" x14ac:dyDescent="0.25">
      <c r="A5603">
        <v>145.88999999999999</v>
      </c>
      <c r="B5603">
        <v>196.78</v>
      </c>
      <c r="C5603">
        <v>9527.25</v>
      </c>
      <c r="D5603">
        <v>1.3</v>
      </c>
      <c r="E5603">
        <v>12560.2</v>
      </c>
      <c r="F5603">
        <v>18.633299999999998</v>
      </c>
    </row>
    <row r="5604" spans="1:6" x14ac:dyDescent="0.25">
      <c r="A5604">
        <v>145.88999999999999</v>
      </c>
      <c r="B5604">
        <v>196.78</v>
      </c>
      <c r="C5604">
        <v>9527.25</v>
      </c>
      <c r="D5604">
        <v>1.6</v>
      </c>
      <c r="E5604">
        <v>11981</v>
      </c>
      <c r="F5604">
        <v>18.923300000000001</v>
      </c>
    </row>
    <row r="5605" spans="1:6" x14ac:dyDescent="0.25">
      <c r="A5605">
        <v>145.88999999999999</v>
      </c>
      <c r="B5605">
        <v>196.78</v>
      </c>
      <c r="C5605">
        <v>9527.25</v>
      </c>
      <c r="D5605">
        <v>1.9</v>
      </c>
      <c r="E5605">
        <v>11820.2</v>
      </c>
      <c r="F5605">
        <v>19.078600000000002</v>
      </c>
    </row>
    <row r="5606" spans="1:6" x14ac:dyDescent="0.25">
      <c r="A5606">
        <v>145.88999999999999</v>
      </c>
      <c r="B5606">
        <v>196.78</v>
      </c>
      <c r="C5606">
        <v>9527.25</v>
      </c>
      <c r="D5606">
        <v>2.2000000000000002</v>
      </c>
      <c r="E5606">
        <v>11400.7</v>
      </c>
      <c r="F5606">
        <v>19.270199999999999</v>
      </c>
    </row>
    <row r="5607" spans="1:6" x14ac:dyDescent="0.25">
      <c r="A5607">
        <v>145.88999999999999</v>
      </c>
      <c r="B5607">
        <v>196.78</v>
      </c>
      <c r="C5607">
        <v>9527.25</v>
      </c>
      <c r="D5607">
        <v>2.5</v>
      </c>
      <c r="E5607">
        <v>11226.4</v>
      </c>
      <c r="F5607">
        <v>19.400099999999998</v>
      </c>
    </row>
    <row r="5608" spans="1:6" x14ac:dyDescent="0.25">
      <c r="A5608">
        <v>145.88999999999999</v>
      </c>
      <c r="B5608">
        <v>196.78</v>
      </c>
      <c r="C5608">
        <v>9527.25</v>
      </c>
      <c r="D5608">
        <v>2.8</v>
      </c>
      <c r="E5608">
        <v>11102.9</v>
      </c>
      <c r="F5608">
        <v>19.549299999999999</v>
      </c>
    </row>
    <row r="5609" spans="1:6" x14ac:dyDescent="0.25">
      <c r="A5609">
        <v>145.88999999999999</v>
      </c>
      <c r="B5609">
        <v>196.78</v>
      </c>
      <c r="C5609">
        <v>9527.25</v>
      </c>
      <c r="D5609">
        <v>3.1</v>
      </c>
      <c r="E5609">
        <v>10958.1</v>
      </c>
      <c r="F5609">
        <v>19.552800000000001</v>
      </c>
    </row>
    <row r="5610" spans="1:6" x14ac:dyDescent="0.25">
      <c r="A5610">
        <v>145.88999999999999</v>
      </c>
      <c r="B5610">
        <v>196.78</v>
      </c>
      <c r="C5610">
        <v>9527.25</v>
      </c>
      <c r="D5610">
        <v>3.4</v>
      </c>
      <c r="E5610">
        <v>10868.2</v>
      </c>
      <c r="F5610">
        <v>19.564800000000002</v>
      </c>
    </row>
    <row r="5611" spans="1:6" x14ac:dyDescent="0.25">
      <c r="A5611">
        <v>145.88999999999999</v>
      </c>
      <c r="B5611">
        <v>196.78</v>
      </c>
      <c r="C5611">
        <v>9527.25</v>
      </c>
      <c r="D5611">
        <v>3.7</v>
      </c>
      <c r="E5611">
        <v>10664.6</v>
      </c>
      <c r="F5611">
        <v>19.581600000000002</v>
      </c>
    </row>
    <row r="5612" spans="1:6" x14ac:dyDescent="0.25">
      <c r="A5612">
        <v>145.88999999999999</v>
      </c>
      <c r="B5612">
        <v>196.78</v>
      </c>
      <c r="C5612">
        <v>9527.25</v>
      </c>
      <c r="D5612">
        <v>4</v>
      </c>
      <c r="E5612">
        <v>10623</v>
      </c>
      <c r="F5612">
        <v>19.6051</v>
      </c>
    </row>
    <row r="5613" spans="1:6" x14ac:dyDescent="0.25">
      <c r="A5613">
        <v>145.88999999999999</v>
      </c>
      <c r="B5613">
        <v>196.78</v>
      </c>
      <c r="C5613">
        <v>11072.7</v>
      </c>
      <c r="D5613">
        <v>1</v>
      </c>
      <c r="E5613">
        <v>14591.1</v>
      </c>
      <c r="F5613">
        <v>19.2102</v>
      </c>
    </row>
    <row r="5614" spans="1:6" x14ac:dyDescent="0.25">
      <c r="A5614">
        <v>145.88999999999999</v>
      </c>
      <c r="B5614">
        <v>196.78</v>
      </c>
      <c r="C5614">
        <v>11072.7</v>
      </c>
      <c r="D5614">
        <v>1.3</v>
      </c>
      <c r="E5614">
        <v>14097.9</v>
      </c>
      <c r="F5614">
        <v>18.633299999999998</v>
      </c>
    </row>
    <row r="5615" spans="1:6" x14ac:dyDescent="0.25">
      <c r="A5615">
        <v>145.88999999999999</v>
      </c>
      <c r="B5615">
        <v>196.78</v>
      </c>
      <c r="C5615">
        <v>11072.7</v>
      </c>
      <c r="D5615">
        <v>1.6</v>
      </c>
      <c r="E5615">
        <v>13521.2</v>
      </c>
      <c r="F5615">
        <v>18.923300000000001</v>
      </c>
    </row>
    <row r="5616" spans="1:6" x14ac:dyDescent="0.25">
      <c r="A5616">
        <v>145.88999999999999</v>
      </c>
      <c r="B5616">
        <v>196.78</v>
      </c>
      <c r="C5616">
        <v>11072.7</v>
      </c>
      <c r="D5616">
        <v>1.9</v>
      </c>
      <c r="E5616">
        <v>13331.7</v>
      </c>
      <c r="F5616">
        <v>19.078600000000002</v>
      </c>
    </row>
    <row r="5617" spans="1:6" x14ac:dyDescent="0.25">
      <c r="A5617">
        <v>145.88999999999999</v>
      </c>
      <c r="B5617">
        <v>196.78</v>
      </c>
      <c r="C5617">
        <v>11072.7</v>
      </c>
      <c r="D5617">
        <v>2.2000000000000002</v>
      </c>
      <c r="E5617">
        <v>12945.4</v>
      </c>
      <c r="F5617">
        <v>19.270199999999999</v>
      </c>
    </row>
    <row r="5618" spans="1:6" x14ac:dyDescent="0.25">
      <c r="A5618">
        <v>145.88999999999999</v>
      </c>
      <c r="B5618">
        <v>196.78</v>
      </c>
      <c r="C5618">
        <v>11072.7</v>
      </c>
      <c r="D5618">
        <v>2.5</v>
      </c>
      <c r="E5618">
        <v>12824.1</v>
      </c>
      <c r="F5618">
        <v>19.400099999999998</v>
      </c>
    </row>
    <row r="5619" spans="1:6" x14ac:dyDescent="0.25">
      <c r="A5619">
        <v>145.88999999999999</v>
      </c>
      <c r="B5619">
        <v>196.78</v>
      </c>
      <c r="C5619">
        <v>11072.7</v>
      </c>
      <c r="D5619">
        <v>2.8</v>
      </c>
      <c r="E5619">
        <v>12641.6</v>
      </c>
      <c r="F5619">
        <v>19.549299999999999</v>
      </c>
    </row>
    <row r="5620" spans="1:6" x14ac:dyDescent="0.25">
      <c r="A5620">
        <v>145.88999999999999</v>
      </c>
      <c r="B5620">
        <v>196.78</v>
      </c>
      <c r="C5620">
        <v>11072.7</v>
      </c>
      <c r="D5620">
        <v>3.1</v>
      </c>
      <c r="E5620">
        <v>12458.1</v>
      </c>
      <c r="F5620">
        <v>19.552800000000001</v>
      </c>
    </row>
    <row r="5621" spans="1:6" x14ac:dyDescent="0.25">
      <c r="A5621">
        <v>145.88999999999999</v>
      </c>
      <c r="B5621">
        <v>196.78</v>
      </c>
      <c r="C5621">
        <v>11072.7</v>
      </c>
      <c r="D5621">
        <v>3.4</v>
      </c>
      <c r="E5621">
        <v>12398.4</v>
      </c>
      <c r="F5621">
        <v>19.564800000000002</v>
      </c>
    </row>
    <row r="5622" spans="1:6" x14ac:dyDescent="0.25">
      <c r="A5622">
        <v>145.88999999999999</v>
      </c>
      <c r="B5622">
        <v>196.78</v>
      </c>
      <c r="C5622">
        <v>11072.7</v>
      </c>
      <c r="D5622">
        <v>3.7</v>
      </c>
      <c r="E5622">
        <v>12294</v>
      </c>
      <c r="F5622">
        <v>19.581600000000002</v>
      </c>
    </row>
    <row r="5623" spans="1:6" x14ac:dyDescent="0.25">
      <c r="A5623">
        <v>145.88999999999999</v>
      </c>
      <c r="B5623">
        <v>196.78</v>
      </c>
      <c r="C5623">
        <v>11072.7</v>
      </c>
      <c r="D5623">
        <v>4</v>
      </c>
      <c r="E5623">
        <v>12207.4</v>
      </c>
      <c r="F5623">
        <v>19.6051</v>
      </c>
    </row>
    <row r="5624" spans="1:6" x14ac:dyDescent="0.25">
      <c r="A5624">
        <v>145.88999999999999</v>
      </c>
      <c r="B5624">
        <v>196.78</v>
      </c>
      <c r="C5624">
        <v>12618.2</v>
      </c>
      <c r="D5624">
        <v>1</v>
      </c>
      <c r="E5624">
        <v>16426.3</v>
      </c>
      <c r="F5624">
        <v>19.2102</v>
      </c>
    </row>
    <row r="5625" spans="1:6" x14ac:dyDescent="0.25">
      <c r="A5625">
        <v>145.88999999999999</v>
      </c>
      <c r="B5625">
        <v>196.78</v>
      </c>
      <c r="C5625">
        <v>12618.2</v>
      </c>
      <c r="D5625">
        <v>1.3</v>
      </c>
      <c r="E5625">
        <v>15800.1</v>
      </c>
      <c r="F5625">
        <v>18.633299999999998</v>
      </c>
    </row>
    <row r="5626" spans="1:6" x14ac:dyDescent="0.25">
      <c r="A5626">
        <v>145.88999999999999</v>
      </c>
      <c r="B5626">
        <v>196.78</v>
      </c>
      <c r="C5626">
        <v>12618.2</v>
      </c>
      <c r="D5626">
        <v>1.6</v>
      </c>
      <c r="E5626">
        <v>15117.3</v>
      </c>
      <c r="F5626">
        <v>18.923300000000001</v>
      </c>
    </row>
    <row r="5627" spans="1:6" x14ac:dyDescent="0.25">
      <c r="A5627">
        <v>145.88999999999999</v>
      </c>
      <c r="B5627">
        <v>196.78</v>
      </c>
      <c r="C5627">
        <v>12618.2</v>
      </c>
      <c r="D5627">
        <v>1.9</v>
      </c>
      <c r="E5627">
        <v>14764.1</v>
      </c>
      <c r="F5627">
        <v>19.078600000000002</v>
      </c>
    </row>
    <row r="5628" spans="1:6" x14ac:dyDescent="0.25">
      <c r="A5628">
        <v>145.88999999999999</v>
      </c>
      <c r="B5628">
        <v>196.78</v>
      </c>
      <c r="C5628">
        <v>12618.2</v>
      </c>
      <c r="D5628">
        <v>2.2000000000000002</v>
      </c>
      <c r="E5628">
        <v>14614</v>
      </c>
      <c r="F5628">
        <v>19.270199999999999</v>
      </c>
    </row>
    <row r="5629" spans="1:6" x14ac:dyDescent="0.25">
      <c r="A5629">
        <v>145.88999999999999</v>
      </c>
      <c r="B5629">
        <v>196.78</v>
      </c>
      <c r="C5629">
        <v>12618.2</v>
      </c>
      <c r="D5629">
        <v>2.5</v>
      </c>
      <c r="E5629">
        <v>14372.5</v>
      </c>
      <c r="F5629">
        <v>19.400099999999998</v>
      </c>
    </row>
    <row r="5630" spans="1:6" x14ac:dyDescent="0.25">
      <c r="A5630">
        <v>145.88999999999999</v>
      </c>
      <c r="B5630">
        <v>196.78</v>
      </c>
      <c r="C5630">
        <v>12618.2</v>
      </c>
      <c r="D5630">
        <v>2.8</v>
      </c>
      <c r="E5630">
        <v>14101.9</v>
      </c>
      <c r="F5630">
        <v>19.549299999999999</v>
      </c>
    </row>
    <row r="5631" spans="1:6" x14ac:dyDescent="0.25">
      <c r="A5631">
        <v>145.88999999999999</v>
      </c>
      <c r="B5631">
        <v>196.78</v>
      </c>
      <c r="C5631">
        <v>12618.2</v>
      </c>
      <c r="D5631">
        <v>3.1</v>
      </c>
      <c r="E5631">
        <v>13938.4</v>
      </c>
      <c r="F5631">
        <v>19.552800000000001</v>
      </c>
    </row>
    <row r="5632" spans="1:6" x14ac:dyDescent="0.25">
      <c r="A5632">
        <v>145.88999999999999</v>
      </c>
      <c r="B5632">
        <v>196.78</v>
      </c>
      <c r="C5632">
        <v>12618.2</v>
      </c>
      <c r="D5632">
        <v>3.4</v>
      </c>
      <c r="E5632">
        <v>13942.4</v>
      </c>
      <c r="F5632">
        <v>19.564800000000002</v>
      </c>
    </row>
    <row r="5633" spans="1:6" x14ac:dyDescent="0.25">
      <c r="A5633">
        <v>145.88999999999999</v>
      </c>
      <c r="B5633">
        <v>196.78</v>
      </c>
      <c r="C5633">
        <v>12618.2</v>
      </c>
      <c r="D5633">
        <v>3.7</v>
      </c>
      <c r="E5633">
        <v>13840.3</v>
      </c>
      <c r="F5633">
        <v>19.581600000000002</v>
      </c>
    </row>
    <row r="5634" spans="1:6" x14ac:dyDescent="0.25">
      <c r="A5634">
        <v>145.88999999999999</v>
      </c>
      <c r="B5634">
        <v>196.78</v>
      </c>
      <c r="C5634">
        <v>12618.2</v>
      </c>
      <c r="D5634">
        <v>4</v>
      </c>
      <c r="E5634">
        <v>13782.3</v>
      </c>
      <c r="F5634">
        <v>19.6051</v>
      </c>
    </row>
    <row r="5635" spans="1:6" x14ac:dyDescent="0.25">
      <c r="A5635">
        <v>145.88999999999999</v>
      </c>
      <c r="B5635">
        <v>196.78</v>
      </c>
      <c r="C5635">
        <v>14163.6</v>
      </c>
      <c r="D5635">
        <v>1</v>
      </c>
      <c r="E5635">
        <v>17887.599999999999</v>
      </c>
      <c r="F5635">
        <v>19.2102</v>
      </c>
    </row>
    <row r="5636" spans="1:6" x14ac:dyDescent="0.25">
      <c r="A5636">
        <v>145.88999999999999</v>
      </c>
      <c r="B5636">
        <v>196.78</v>
      </c>
      <c r="C5636">
        <v>14163.6</v>
      </c>
      <c r="D5636">
        <v>1.3</v>
      </c>
      <c r="E5636">
        <v>17310.5</v>
      </c>
      <c r="F5636">
        <v>18.633299999999998</v>
      </c>
    </row>
    <row r="5637" spans="1:6" x14ac:dyDescent="0.25">
      <c r="A5637">
        <v>145.88999999999999</v>
      </c>
      <c r="B5637">
        <v>196.78</v>
      </c>
      <c r="C5637">
        <v>14163.6</v>
      </c>
      <c r="D5637">
        <v>1.6</v>
      </c>
      <c r="E5637">
        <v>16607.5</v>
      </c>
      <c r="F5637">
        <v>18.923300000000001</v>
      </c>
    </row>
    <row r="5638" spans="1:6" x14ac:dyDescent="0.25">
      <c r="A5638">
        <v>145.88999999999999</v>
      </c>
      <c r="B5638">
        <v>196.78</v>
      </c>
      <c r="C5638">
        <v>14163.6</v>
      </c>
      <c r="D5638">
        <v>1.9</v>
      </c>
      <c r="E5638">
        <v>16283.6</v>
      </c>
      <c r="F5638">
        <v>19.078600000000002</v>
      </c>
    </row>
    <row r="5639" spans="1:6" x14ac:dyDescent="0.25">
      <c r="A5639">
        <v>145.88999999999999</v>
      </c>
      <c r="B5639">
        <v>196.78</v>
      </c>
      <c r="C5639">
        <v>14163.6</v>
      </c>
      <c r="D5639">
        <v>2.2000000000000002</v>
      </c>
      <c r="E5639">
        <v>16184.3</v>
      </c>
      <c r="F5639">
        <v>19.270199999999999</v>
      </c>
    </row>
    <row r="5640" spans="1:6" x14ac:dyDescent="0.25">
      <c r="A5640">
        <v>145.88999999999999</v>
      </c>
      <c r="B5640">
        <v>196.78</v>
      </c>
      <c r="C5640">
        <v>14163.6</v>
      </c>
      <c r="D5640">
        <v>2.5</v>
      </c>
      <c r="E5640">
        <v>15974.1</v>
      </c>
      <c r="F5640">
        <v>19.400099999999998</v>
      </c>
    </row>
    <row r="5641" spans="1:6" x14ac:dyDescent="0.25">
      <c r="A5641">
        <v>145.88999999999999</v>
      </c>
      <c r="B5641">
        <v>196.78</v>
      </c>
      <c r="C5641">
        <v>14163.6</v>
      </c>
      <c r="D5641">
        <v>2.8</v>
      </c>
      <c r="E5641">
        <v>15591.4</v>
      </c>
      <c r="F5641">
        <v>19.549299999999999</v>
      </c>
    </row>
    <row r="5642" spans="1:6" x14ac:dyDescent="0.25">
      <c r="A5642">
        <v>145.88999999999999</v>
      </c>
      <c r="B5642">
        <v>196.78</v>
      </c>
      <c r="C5642">
        <v>14163.6</v>
      </c>
      <c r="D5642">
        <v>3.1</v>
      </c>
      <c r="E5642">
        <v>15537.2</v>
      </c>
      <c r="F5642">
        <v>19.552800000000001</v>
      </c>
    </row>
    <row r="5643" spans="1:6" x14ac:dyDescent="0.25">
      <c r="A5643">
        <v>145.88999999999999</v>
      </c>
      <c r="B5643">
        <v>196.78</v>
      </c>
      <c r="C5643">
        <v>14163.6</v>
      </c>
      <c r="D5643">
        <v>3.4</v>
      </c>
      <c r="E5643">
        <v>15397.3</v>
      </c>
      <c r="F5643">
        <v>19.564800000000002</v>
      </c>
    </row>
    <row r="5644" spans="1:6" x14ac:dyDescent="0.25">
      <c r="A5644">
        <v>145.88999999999999</v>
      </c>
      <c r="B5644">
        <v>196.78</v>
      </c>
      <c r="C5644">
        <v>14163.6</v>
      </c>
      <c r="D5644">
        <v>3.7</v>
      </c>
      <c r="E5644">
        <v>15396.3</v>
      </c>
      <c r="F5644">
        <v>19.581600000000002</v>
      </c>
    </row>
    <row r="5645" spans="1:6" x14ac:dyDescent="0.25">
      <c r="A5645">
        <v>145.88999999999999</v>
      </c>
      <c r="B5645">
        <v>196.78</v>
      </c>
      <c r="C5645">
        <v>14163.6</v>
      </c>
      <c r="D5645">
        <v>4</v>
      </c>
      <c r="E5645">
        <v>15242.4</v>
      </c>
      <c r="F5645">
        <v>19.6051</v>
      </c>
    </row>
    <row r="5646" spans="1:6" x14ac:dyDescent="0.25">
      <c r="A5646">
        <v>145.88999999999999</v>
      </c>
      <c r="B5646">
        <v>196.78</v>
      </c>
      <c r="C5646">
        <v>15709.1</v>
      </c>
      <c r="D5646">
        <v>1</v>
      </c>
      <c r="E5646">
        <v>19249.3</v>
      </c>
      <c r="F5646">
        <v>19.2102</v>
      </c>
    </row>
    <row r="5647" spans="1:6" x14ac:dyDescent="0.25">
      <c r="A5647">
        <v>145.88999999999999</v>
      </c>
      <c r="B5647">
        <v>196.78</v>
      </c>
      <c r="C5647">
        <v>15709.1</v>
      </c>
      <c r="D5647">
        <v>1.3</v>
      </c>
      <c r="E5647">
        <v>18721</v>
      </c>
      <c r="F5647">
        <v>18.633299999999998</v>
      </c>
    </row>
    <row r="5648" spans="1:6" x14ac:dyDescent="0.25">
      <c r="A5648">
        <v>145.88999999999999</v>
      </c>
      <c r="B5648">
        <v>196.78</v>
      </c>
      <c r="C5648">
        <v>15709.1</v>
      </c>
      <c r="D5648">
        <v>1.6</v>
      </c>
      <c r="E5648">
        <v>18395.900000000001</v>
      </c>
      <c r="F5648">
        <v>18.923300000000001</v>
      </c>
    </row>
    <row r="5649" spans="1:6" x14ac:dyDescent="0.25">
      <c r="A5649">
        <v>145.88999999999999</v>
      </c>
      <c r="B5649">
        <v>196.78</v>
      </c>
      <c r="C5649">
        <v>15709.1</v>
      </c>
      <c r="D5649">
        <v>1.9</v>
      </c>
      <c r="E5649">
        <v>17831.400000000001</v>
      </c>
      <c r="F5649">
        <v>19.078600000000002</v>
      </c>
    </row>
    <row r="5650" spans="1:6" x14ac:dyDescent="0.25">
      <c r="A5650">
        <v>145.88999999999999</v>
      </c>
      <c r="B5650">
        <v>196.78</v>
      </c>
      <c r="C5650">
        <v>15709.1</v>
      </c>
      <c r="D5650">
        <v>2.2000000000000002</v>
      </c>
      <c r="E5650">
        <v>17600.8</v>
      </c>
      <c r="F5650">
        <v>19.270199999999999</v>
      </c>
    </row>
    <row r="5651" spans="1:6" x14ac:dyDescent="0.25">
      <c r="A5651">
        <v>145.88999999999999</v>
      </c>
      <c r="B5651">
        <v>196.78</v>
      </c>
      <c r="C5651">
        <v>15709.1</v>
      </c>
      <c r="D5651">
        <v>2.5</v>
      </c>
      <c r="E5651">
        <v>17495.900000000001</v>
      </c>
      <c r="F5651">
        <v>19.400099999999998</v>
      </c>
    </row>
    <row r="5652" spans="1:6" x14ac:dyDescent="0.25">
      <c r="A5652">
        <v>145.88999999999999</v>
      </c>
      <c r="B5652">
        <v>196.78</v>
      </c>
      <c r="C5652">
        <v>15709.1</v>
      </c>
      <c r="D5652">
        <v>2.8</v>
      </c>
      <c r="E5652">
        <v>17243.099999999999</v>
      </c>
      <c r="F5652">
        <v>19.549299999999999</v>
      </c>
    </row>
    <row r="5653" spans="1:6" x14ac:dyDescent="0.25">
      <c r="A5653">
        <v>145.88999999999999</v>
      </c>
      <c r="B5653">
        <v>196.78</v>
      </c>
      <c r="C5653">
        <v>15709.1</v>
      </c>
      <c r="D5653">
        <v>3.1</v>
      </c>
      <c r="E5653">
        <v>17089.599999999999</v>
      </c>
      <c r="F5653">
        <v>19.552800000000001</v>
      </c>
    </row>
    <row r="5654" spans="1:6" x14ac:dyDescent="0.25">
      <c r="A5654">
        <v>145.88999999999999</v>
      </c>
      <c r="B5654">
        <v>196.78</v>
      </c>
      <c r="C5654">
        <v>15709.1</v>
      </c>
      <c r="D5654">
        <v>3.4</v>
      </c>
      <c r="E5654">
        <v>17019.5</v>
      </c>
      <c r="F5654">
        <v>19.564800000000002</v>
      </c>
    </row>
    <row r="5655" spans="1:6" x14ac:dyDescent="0.25">
      <c r="A5655">
        <v>145.88999999999999</v>
      </c>
      <c r="B5655">
        <v>196.78</v>
      </c>
      <c r="C5655">
        <v>15709.1</v>
      </c>
      <c r="D5655">
        <v>3.7</v>
      </c>
      <c r="E5655">
        <v>16877</v>
      </c>
      <c r="F5655">
        <v>19.581600000000002</v>
      </c>
    </row>
    <row r="5656" spans="1:6" x14ac:dyDescent="0.25">
      <c r="A5656">
        <v>145.88999999999999</v>
      </c>
      <c r="B5656">
        <v>196.78</v>
      </c>
      <c r="C5656">
        <v>15709.1</v>
      </c>
      <c r="D5656">
        <v>4</v>
      </c>
      <c r="E5656">
        <v>16782.400000000001</v>
      </c>
      <c r="F5656">
        <v>19.6051</v>
      </c>
    </row>
    <row r="5657" spans="1:6" x14ac:dyDescent="0.25">
      <c r="A5657">
        <v>145.88999999999999</v>
      </c>
      <c r="B5657">
        <v>196.78</v>
      </c>
      <c r="C5657">
        <v>17254.5</v>
      </c>
      <c r="D5657">
        <v>1</v>
      </c>
      <c r="E5657">
        <v>20794.400000000001</v>
      </c>
      <c r="F5657">
        <v>19.2102</v>
      </c>
    </row>
    <row r="5658" spans="1:6" x14ac:dyDescent="0.25">
      <c r="A5658">
        <v>145.88999999999999</v>
      </c>
      <c r="B5658">
        <v>196.78</v>
      </c>
      <c r="C5658">
        <v>17254.5</v>
      </c>
      <c r="D5658">
        <v>1.3</v>
      </c>
      <c r="E5658">
        <v>20207.8</v>
      </c>
      <c r="F5658">
        <v>18.633299999999998</v>
      </c>
    </row>
    <row r="5659" spans="1:6" x14ac:dyDescent="0.25">
      <c r="A5659">
        <v>145.88999999999999</v>
      </c>
      <c r="B5659">
        <v>196.78</v>
      </c>
      <c r="C5659">
        <v>17254.5</v>
      </c>
      <c r="D5659">
        <v>1.6</v>
      </c>
      <c r="E5659">
        <v>19859.599999999999</v>
      </c>
      <c r="F5659">
        <v>18.923300000000001</v>
      </c>
    </row>
    <row r="5660" spans="1:6" x14ac:dyDescent="0.25">
      <c r="A5660">
        <v>145.88999999999999</v>
      </c>
      <c r="B5660">
        <v>196.78</v>
      </c>
      <c r="C5660">
        <v>17254.5</v>
      </c>
      <c r="D5660">
        <v>1.9</v>
      </c>
      <c r="E5660">
        <v>19431.5</v>
      </c>
      <c r="F5660">
        <v>19.078600000000002</v>
      </c>
    </row>
    <row r="5661" spans="1:6" x14ac:dyDescent="0.25">
      <c r="A5661">
        <v>145.88999999999999</v>
      </c>
      <c r="B5661">
        <v>196.78</v>
      </c>
      <c r="C5661">
        <v>17254.5</v>
      </c>
      <c r="D5661">
        <v>2.2000000000000002</v>
      </c>
      <c r="E5661">
        <v>19290.2</v>
      </c>
      <c r="F5661">
        <v>19.270199999999999</v>
      </c>
    </row>
    <row r="5662" spans="1:6" x14ac:dyDescent="0.25">
      <c r="A5662">
        <v>145.88999999999999</v>
      </c>
      <c r="B5662">
        <v>196.78</v>
      </c>
      <c r="C5662">
        <v>17254.5</v>
      </c>
      <c r="D5662">
        <v>2.5</v>
      </c>
      <c r="E5662">
        <v>19060.8</v>
      </c>
      <c r="F5662">
        <v>19.400099999999998</v>
      </c>
    </row>
    <row r="5663" spans="1:6" x14ac:dyDescent="0.25">
      <c r="A5663">
        <v>145.88999999999999</v>
      </c>
      <c r="B5663">
        <v>196.78</v>
      </c>
      <c r="C5663">
        <v>17254.5</v>
      </c>
      <c r="D5663">
        <v>2.8</v>
      </c>
      <c r="E5663">
        <v>18829.099999999999</v>
      </c>
      <c r="F5663">
        <v>19.549299999999999</v>
      </c>
    </row>
    <row r="5664" spans="1:6" x14ac:dyDescent="0.25">
      <c r="A5664">
        <v>145.88999999999999</v>
      </c>
      <c r="B5664">
        <v>196.78</v>
      </c>
      <c r="C5664">
        <v>17254.5</v>
      </c>
      <c r="D5664">
        <v>3.1</v>
      </c>
      <c r="E5664">
        <v>18660</v>
      </c>
      <c r="F5664">
        <v>19.552800000000001</v>
      </c>
    </row>
    <row r="5665" spans="1:6" x14ac:dyDescent="0.25">
      <c r="A5665">
        <v>145.88999999999999</v>
      </c>
      <c r="B5665">
        <v>196.78</v>
      </c>
      <c r="C5665">
        <v>17254.5</v>
      </c>
      <c r="D5665">
        <v>3.4</v>
      </c>
      <c r="E5665">
        <v>18603.5</v>
      </c>
      <c r="F5665">
        <v>19.564800000000002</v>
      </c>
    </row>
    <row r="5666" spans="1:6" x14ac:dyDescent="0.25">
      <c r="A5666">
        <v>145.88999999999999</v>
      </c>
      <c r="B5666">
        <v>196.78</v>
      </c>
      <c r="C5666">
        <v>17254.5</v>
      </c>
      <c r="D5666">
        <v>3.7</v>
      </c>
      <c r="E5666">
        <v>18420.5</v>
      </c>
      <c r="F5666">
        <v>19.581600000000002</v>
      </c>
    </row>
    <row r="5667" spans="1:6" x14ac:dyDescent="0.25">
      <c r="A5667">
        <v>145.88999999999999</v>
      </c>
      <c r="B5667">
        <v>196.78</v>
      </c>
      <c r="C5667">
        <v>17254.5</v>
      </c>
      <c r="D5667">
        <v>4</v>
      </c>
      <c r="E5667">
        <v>18355.3</v>
      </c>
      <c r="F5667">
        <v>19.6051</v>
      </c>
    </row>
    <row r="5668" spans="1:6" x14ac:dyDescent="0.25">
      <c r="A5668">
        <v>145.88999999999999</v>
      </c>
      <c r="B5668">
        <v>196.78</v>
      </c>
      <c r="C5668">
        <v>18800</v>
      </c>
      <c r="D5668">
        <v>1</v>
      </c>
      <c r="E5668">
        <v>22425.3</v>
      </c>
      <c r="F5668">
        <v>19.2102</v>
      </c>
    </row>
    <row r="5669" spans="1:6" x14ac:dyDescent="0.25">
      <c r="A5669">
        <v>145.88999999999999</v>
      </c>
      <c r="B5669">
        <v>196.78</v>
      </c>
      <c r="C5669">
        <v>18800</v>
      </c>
      <c r="D5669">
        <v>1.3</v>
      </c>
      <c r="E5669">
        <v>21789.4</v>
      </c>
      <c r="F5669">
        <v>18.633299999999998</v>
      </c>
    </row>
    <row r="5670" spans="1:6" x14ac:dyDescent="0.25">
      <c r="A5670">
        <v>145.88999999999999</v>
      </c>
      <c r="B5670">
        <v>196.78</v>
      </c>
      <c r="C5670">
        <v>18800</v>
      </c>
      <c r="D5670">
        <v>1.6</v>
      </c>
      <c r="E5670">
        <v>21318.5</v>
      </c>
      <c r="F5670">
        <v>18.923300000000001</v>
      </c>
    </row>
    <row r="5671" spans="1:6" x14ac:dyDescent="0.25">
      <c r="A5671">
        <v>145.88999999999999</v>
      </c>
      <c r="B5671">
        <v>196.78</v>
      </c>
      <c r="C5671">
        <v>18800</v>
      </c>
      <c r="D5671">
        <v>1.9</v>
      </c>
      <c r="E5671">
        <v>21132.400000000001</v>
      </c>
      <c r="F5671">
        <v>19.078600000000002</v>
      </c>
    </row>
    <row r="5672" spans="1:6" x14ac:dyDescent="0.25">
      <c r="A5672">
        <v>145.88999999999999</v>
      </c>
      <c r="B5672">
        <v>196.78</v>
      </c>
      <c r="C5672">
        <v>18800</v>
      </c>
      <c r="D5672">
        <v>2.2000000000000002</v>
      </c>
      <c r="E5672">
        <v>20748.5</v>
      </c>
      <c r="F5672">
        <v>19.270199999999999</v>
      </c>
    </row>
    <row r="5673" spans="1:6" x14ac:dyDescent="0.25">
      <c r="A5673">
        <v>145.88999999999999</v>
      </c>
      <c r="B5673">
        <v>196.78</v>
      </c>
      <c r="C5673">
        <v>18800</v>
      </c>
      <c r="D5673">
        <v>2.5</v>
      </c>
      <c r="E5673">
        <v>20614.3</v>
      </c>
      <c r="F5673">
        <v>19.400099999999998</v>
      </c>
    </row>
    <row r="5674" spans="1:6" x14ac:dyDescent="0.25">
      <c r="A5674">
        <v>145.88999999999999</v>
      </c>
      <c r="B5674">
        <v>196.78</v>
      </c>
      <c r="C5674">
        <v>18800</v>
      </c>
      <c r="D5674">
        <v>2.8</v>
      </c>
      <c r="E5674">
        <v>20344.599999999999</v>
      </c>
      <c r="F5674">
        <v>19.549299999999999</v>
      </c>
    </row>
    <row r="5675" spans="1:6" x14ac:dyDescent="0.25">
      <c r="A5675">
        <v>145.88999999999999</v>
      </c>
      <c r="B5675">
        <v>196.78</v>
      </c>
      <c r="C5675">
        <v>18800</v>
      </c>
      <c r="D5675">
        <v>3.1</v>
      </c>
      <c r="E5675">
        <v>20117.599999999999</v>
      </c>
      <c r="F5675">
        <v>19.552800000000001</v>
      </c>
    </row>
    <row r="5676" spans="1:6" x14ac:dyDescent="0.25">
      <c r="A5676">
        <v>145.88999999999999</v>
      </c>
      <c r="B5676">
        <v>196.78</v>
      </c>
      <c r="C5676">
        <v>18800</v>
      </c>
      <c r="D5676">
        <v>3.4</v>
      </c>
      <c r="E5676">
        <v>20082.2</v>
      </c>
      <c r="F5676">
        <v>19.564800000000002</v>
      </c>
    </row>
    <row r="5677" spans="1:6" x14ac:dyDescent="0.25">
      <c r="A5677">
        <v>145.88999999999999</v>
      </c>
      <c r="B5677">
        <v>196.78</v>
      </c>
      <c r="C5677">
        <v>18800</v>
      </c>
      <c r="D5677">
        <v>3.7</v>
      </c>
      <c r="E5677">
        <v>19965.7</v>
      </c>
      <c r="F5677">
        <v>19.581600000000002</v>
      </c>
    </row>
    <row r="5678" spans="1:6" x14ac:dyDescent="0.25">
      <c r="A5678">
        <v>145.88999999999999</v>
      </c>
      <c r="B5678">
        <v>196.78</v>
      </c>
      <c r="C5678">
        <v>18800</v>
      </c>
      <c r="D5678">
        <v>4</v>
      </c>
      <c r="E5678">
        <v>19875.400000000001</v>
      </c>
      <c r="F5678">
        <v>19.6051</v>
      </c>
    </row>
    <row r="5679" spans="1:6" x14ac:dyDescent="0.25">
      <c r="A5679">
        <v>145.88999999999999</v>
      </c>
      <c r="B5679">
        <v>200.41</v>
      </c>
      <c r="C5679">
        <v>1800</v>
      </c>
      <c r="D5679">
        <v>1</v>
      </c>
      <c r="E5679">
        <v>5539.43</v>
      </c>
      <c r="F5679">
        <v>49.875599999999999</v>
      </c>
    </row>
    <row r="5680" spans="1:6" x14ac:dyDescent="0.25">
      <c r="A5680">
        <v>145.88999999999999</v>
      </c>
      <c r="B5680">
        <v>200.41</v>
      </c>
      <c r="C5680">
        <v>1800</v>
      </c>
      <c r="D5680">
        <v>1.3</v>
      </c>
      <c r="E5680">
        <v>4982.75</v>
      </c>
      <c r="F5680">
        <v>62.082500000000003</v>
      </c>
    </row>
    <row r="5681" spans="1:6" x14ac:dyDescent="0.25">
      <c r="A5681">
        <v>145.88999999999999</v>
      </c>
      <c r="B5681">
        <v>200.41</v>
      </c>
      <c r="C5681">
        <v>1800</v>
      </c>
      <c r="D5681">
        <v>1.6</v>
      </c>
      <c r="E5681">
        <v>4600.26</v>
      </c>
      <c r="F5681">
        <v>70.093800000000002</v>
      </c>
    </row>
    <row r="5682" spans="1:6" x14ac:dyDescent="0.25">
      <c r="A5682">
        <v>145.88999999999999</v>
      </c>
      <c r="B5682">
        <v>200.41</v>
      </c>
      <c r="C5682">
        <v>1800</v>
      </c>
      <c r="D5682">
        <v>1.9</v>
      </c>
      <c r="E5682">
        <v>4241.8599999999997</v>
      </c>
      <c r="F5682">
        <v>77.347200000000001</v>
      </c>
    </row>
    <row r="5683" spans="1:6" x14ac:dyDescent="0.25">
      <c r="A5683">
        <v>145.88999999999999</v>
      </c>
      <c r="B5683">
        <v>200.41</v>
      </c>
      <c r="C5683">
        <v>1800</v>
      </c>
      <c r="D5683">
        <v>2.2000000000000002</v>
      </c>
      <c r="E5683">
        <v>4048.23</v>
      </c>
      <c r="F5683">
        <v>80.308700000000002</v>
      </c>
    </row>
    <row r="5684" spans="1:6" x14ac:dyDescent="0.25">
      <c r="A5684">
        <v>145.88999999999999</v>
      </c>
      <c r="B5684">
        <v>200.41</v>
      </c>
      <c r="C5684">
        <v>1800</v>
      </c>
      <c r="D5684">
        <v>2.5</v>
      </c>
      <c r="E5684">
        <v>3821.51</v>
      </c>
      <c r="F5684">
        <v>86.256299999999996</v>
      </c>
    </row>
    <row r="5685" spans="1:6" x14ac:dyDescent="0.25">
      <c r="A5685">
        <v>145.88999999999999</v>
      </c>
      <c r="B5685">
        <v>200.41</v>
      </c>
      <c r="C5685">
        <v>1800</v>
      </c>
      <c r="D5685">
        <v>2.8</v>
      </c>
      <c r="E5685">
        <v>3697.75</v>
      </c>
      <c r="F5685">
        <v>90.005399999999995</v>
      </c>
    </row>
    <row r="5686" spans="1:6" x14ac:dyDescent="0.25">
      <c r="A5686">
        <v>145.88999999999999</v>
      </c>
      <c r="B5686">
        <v>200.41</v>
      </c>
      <c r="C5686">
        <v>1800</v>
      </c>
      <c r="D5686">
        <v>3.1</v>
      </c>
      <c r="E5686">
        <v>3587.98</v>
      </c>
      <c r="F5686">
        <v>95.629000000000005</v>
      </c>
    </row>
    <row r="5687" spans="1:6" x14ac:dyDescent="0.25">
      <c r="A5687">
        <v>145.88999999999999</v>
      </c>
      <c r="B5687">
        <v>200.41</v>
      </c>
      <c r="C5687">
        <v>1800</v>
      </c>
      <c r="D5687">
        <v>3.4</v>
      </c>
      <c r="E5687">
        <v>3472.38</v>
      </c>
      <c r="F5687">
        <v>101.371</v>
      </c>
    </row>
    <row r="5688" spans="1:6" x14ac:dyDescent="0.25">
      <c r="A5688">
        <v>145.88999999999999</v>
      </c>
      <c r="B5688">
        <v>200.41</v>
      </c>
      <c r="C5688">
        <v>1800</v>
      </c>
      <c r="D5688">
        <v>3.7</v>
      </c>
      <c r="E5688">
        <v>3379.56</v>
      </c>
      <c r="F5688">
        <v>105.637</v>
      </c>
    </row>
    <row r="5689" spans="1:6" x14ac:dyDescent="0.25">
      <c r="A5689">
        <v>145.88999999999999</v>
      </c>
      <c r="B5689">
        <v>200.41</v>
      </c>
      <c r="C5689">
        <v>1800</v>
      </c>
      <c r="D5689">
        <v>4</v>
      </c>
      <c r="E5689">
        <v>3342.96</v>
      </c>
      <c r="F5689">
        <v>104.79600000000001</v>
      </c>
    </row>
    <row r="5690" spans="1:6" x14ac:dyDescent="0.25">
      <c r="A5690">
        <v>145.88999999999999</v>
      </c>
      <c r="B5690">
        <v>200.41</v>
      </c>
      <c r="C5690">
        <v>3345.45</v>
      </c>
      <c r="D5690">
        <v>1</v>
      </c>
      <c r="E5690">
        <v>7087.77</v>
      </c>
      <c r="F5690">
        <v>21.169699999999999</v>
      </c>
    </row>
    <row r="5691" spans="1:6" x14ac:dyDescent="0.25">
      <c r="A5691">
        <v>145.88999999999999</v>
      </c>
      <c r="B5691">
        <v>200.41</v>
      </c>
      <c r="C5691">
        <v>3345.45</v>
      </c>
      <c r="D5691">
        <v>1.3</v>
      </c>
      <c r="E5691">
        <v>6385.28</v>
      </c>
      <c r="F5691">
        <v>24.3752</v>
      </c>
    </row>
    <row r="5692" spans="1:6" x14ac:dyDescent="0.25">
      <c r="A5692">
        <v>145.88999999999999</v>
      </c>
      <c r="B5692">
        <v>200.41</v>
      </c>
      <c r="C5692">
        <v>3345.45</v>
      </c>
      <c r="D5692">
        <v>1.6</v>
      </c>
      <c r="E5692">
        <v>5884.05</v>
      </c>
      <c r="F5692">
        <v>28.726500000000001</v>
      </c>
    </row>
    <row r="5693" spans="1:6" x14ac:dyDescent="0.25">
      <c r="A5693">
        <v>145.88999999999999</v>
      </c>
      <c r="B5693">
        <v>200.41</v>
      </c>
      <c r="C5693">
        <v>3345.45</v>
      </c>
      <c r="D5693">
        <v>1.9</v>
      </c>
      <c r="E5693">
        <v>5675.33</v>
      </c>
      <c r="F5693">
        <v>31.595099999999999</v>
      </c>
    </row>
    <row r="5694" spans="1:6" x14ac:dyDescent="0.25">
      <c r="A5694">
        <v>145.88999999999999</v>
      </c>
      <c r="B5694">
        <v>200.41</v>
      </c>
      <c r="C5694">
        <v>3345.45</v>
      </c>
      <c r="D5694">
        <v>2.2000000000000002</v>
      </c>
      <c r="E5694">
        <v>5512.63</v>
      </c>
      <c r="F5694">
        <v>33.855899999999998</v>
      </c>
    </row>
    <row r="5695" spans="1:6" x14ac:dyDescent="0.25">
      <c r="A5695">
        <v>145.88999999999999</v>
      </c>
      <c r="B5695">
        <v>200.41</v>
      </c>
      <c r="C5695">
        <v>3345.45</v>
      </c>
      <c r="D5695">
        <v>2.5</v>
      </c>
      <c r="E5695">
        <v>5285.01</v>
      </c>
      <c r="F5695">
        <v>36.470599999999997</v>
      </c>
    </row>
    <row r="5696" spans="1:6" x14ac:dyDescent="0.25">
      <c r="A5696">
        <v>145.88999999999999</v>
      </c>
      <c r="B5696">
        <v>200.41</v>
      </c>
      <c r="C5696">
        <v>3345.45</v>
      </c>
      <c r="D5696">
        <v>2.8</v>
      </c>
      <c r="E5696">
        <v>5142.46</v>
      </c>
      <c r="F5696">
        <v>39.658499999999997</v>
      </c>
    </row>
    <row r="5697" spans="1:6" x14ac:dyDescent="0.25">
      <c r="A5697">
        <v>145.88999999999999</v>
      </c>
      <c r="B5697">
        <v>200.41</v>
      </c>
      <c r="C5697">
        <v>3345.45</v>
      </c>
      <c r="D5697">
        <v>3.1</v>
      </c>
      <c r="E5697">
        <v>4999.7</v>
      </c>
      <c r="F5697">
        <v>42.356000000000002</v>
      </c>
    </row>
    <row r="5698" spans="1:6" x14ac:dyDescent="0.25">
      <c r="A5698">
        <v>145.88999999999999</v>
      </c>
      <c r="B5698">
        <v>200.41</v>
      </c>
      <c r="C5698">
        <v>3345.45</v>
      </c>
      <c r="D5698">
        <v>3.4</v>
      </c>
      <c r="E5698">
        <v>4934.09</v>
      </c>
      <c r="F5698">
        <v>44.664000000000001</v>
      </c>
    </row>
    <row r="5699" spans="1:6" x14ac:dyDescent="0.25">
      <c r="A5699">
        <v>145.88999999999999</v>
      </c>
      <c r="B5699">
        <v>200.41</v>
      </c>
      <c r="C5699">
        <v>3345.45</v>
      </c>
      <c r="D5699">
        <v>3.7</v>
      </c>
      <c r="E5699">
        <v>4792.03</v>
      </c>
      <c r="F5699">
        <v>48.149700000000003</v>
      </c>
    </row>
    <row r="5700" spans="1:6" x14ac:dyDescent="0.25">
      <c r="A5700">
        <v>145.88999999999999</v>
      </c>
      <c r="B5700">
        <v>200.41</v>
      </c>
      <c r="C5700">
        <v>3345.45</v>
      </c>
      <c r="D5700">
        <v>4</v>
      </c>
      <c r="E5700">
        <v>4745.68</v>
      </c>
      <c r="F5700">
        <v>47.944200000000002</v>
      </c>
    </row>
    <row r="5701" spans="1:6" x14ac:dyDescent="0.25">
      <c r="A5701">
        <v>145.88999999999999</v>
      </c>
      <c r="B5701">
        <v>200.41</v>
      </c>
      <c r="C5701">
        <v>4890.8999999999996</v>
      </c>
      <c r="D5701">
        <v>1</v>
      </c>
      <c r="E5701">
        <v>8713.67</v>
      </c>
      <c r="F5701">
        <v>15.7843</v>
      </c>
    </row>
    <row r="5702" spans="1:6" x14ac:dyDescent="0.25">
      <c r="A5702">
        <v>145.88999999999999</v>
      </c>
      <c r="B5702">
        <v>200.41</v>
      </c>
      <c r="C5702">
        <v>4890.8999999999996</v>
      </c>
      <c r="D5702">
        <v>1.3</v>
      </c>
      <c r="E5702">
        <v>7737.73</v>
      </c>
      <c r="F5702">
        <v>16.549600000000002</v>
      </c>
    </row>
    <row r="5703" spans="1:6" x14ac:dyDescent="0.25">
      <c r="A5703">
        <v>145.88999999999999</v>
      </c>
      <c r="B5703">
        <v>200.41</v>
      </c>
      <c r="C5703">
        <v>4890.8999999999996</v>
      </c>
      <c r="D5703">
        <v>1.6</v>
      </c>
      <c r="E5703">
        <v>7230.14</v>
      </c>
      <c r="F5703">
        <v>16.377500000000001</v>
      </c>
    </row>
    <row r="5704" spans="1:6" x14ac:dyDescent="0.25">
      <c r="A5704">
        <v>145.88999999999999</v>
      </c>
      <c r="B5704">
        <v>200.41</v>
      </c>
      <c r="C5704">
        <v>4890.8999999999996</v>
      </c>
      <c r="D5704">
        <v>1.9</v>
      </c>
      <c r="E5704">
        <v>7101.14</v>
      </c>
      <c r="F5704">
        <v>16.289899999999999</v>
      </c>
    </row>
    <row r="5705" spans="1:6" x14ac:dyDescent="0.25">
      <c r="A5705">
        <v>145.88999999999999</v>
      </c>
      <c r="B5705">
        <v>200.41</v>
      </c>
      <c r="C5705">
        <v>4890.8999999999996</v>
      </c>
      <c r="D5705">
        <v>2.2000000000000002</v>
      </c>
      <c r="E5705">
        <v>6756.31</v>
      </c>
      <c r="F5705">
        <v>16.1449</v>
      </c>
    </row>
    <row r="5706" spans="1:6" x14ac:dyDescent="0.25">
      <c r="A5706">
        <v>145.88999999999999</v>
      </c>
      <c r="B5706">
        <v>200.41</v>
      </c>
      <c r="C5706">
        <v>4890.8999999999996</v>
      </c>
      <c r="D5706">
        <v>2.5</v>
      </c>
      <c r="E5706">
        <v>6708.43</v>
      </c>
      <c r="F5706">
        <v>16.0657</v>
      </c>
    </row>
    <row r="5707" spans="1:6" x14ac:dyDescent="0.25">
      <c r="A5707">
        <v>145.88999999999999</v>
      </c>
      <c r="B5707">
        <v>200.41</v>
      </c>
      <c r="C5707">
        <v>4890.8999999999996</v>
      </c>
      <c r="D5707">
        <v>2.8</v>
      </c>
      <c r="E5707">
        <v>6447.9</v>
      </c>
      <c r="F5707">
        <v>17.335799999999999</v>
      </c>
    </row>
    <row r="5708" spans="1:6" x14ac:dyDescent="0.25">
      <c r="A5708">
        <v>145.88999999999999</v>
      </c>
      <c r="B5708">
        <v>200.41</v>
      </c>
      <c r="C5708">
        <v>4890.8999999999996</v>
      </c>
      <c r="D5708">
        <v>3.1</v>
      </c>
      <c r="E5708">
        <v>6370.74</v>
      </c>
      <c r="F5708">
        <v>17.098400000000002</v>
      </c>
    </row>
    <row r="5709" spans="1:6" x14ac:dyDescent="0.25">
      <c r="A5709">
        <v>145.88999999999999</v>
      </c>
      <c r="B5709">
        <v>200.41</v>
      </c>
      <c r="C5709">
        <v>4890.8999999999996</v>
      </c>
      <c r="D5709">
        <v>3.4</v>
      </c>
      <c r="E5709">
        <v>6342.09</v>
      </c>
      <c r="F5709">
        <v>17.5886</v>
      </c>
    </row>
    <row r="5710" spans="1:6" x14ac:dyDescent="0.25">
      <c r="A5710">
        <v>145.88999999999999</v>
      </c>
      <c r="B5710">
        <v>200.41</v>
      </c>
      <c r="C5710">
        <v>4890.8999999999996</v>
      </c>
      <c r="D5710">
        <v>3.7</v>
      </c>
      <c r="E5710">
        <v>6239.11</v>
      </c>
      <c r="F5710">
        <v>19.082799999999999</v>
      </c>
    </row>
    <row r="5711" spans="1:6" x14ac:dyDescent="0.25">
      <c r="A5711">
        <v>145.88999999999999</v>
      </c>
      <c r="B5711">
        <v>200.41</v>
      </c>
      <c r="C5711">
        <v>4890.8999999999996</v>
      </c>
      <c r="D5711">
        <v>4</v>
      </c>
      <c r="E5711">
        <v>6130.59</v>
      </c>
      <c r="F5711">
        <v>18.860199999999999</v>
      </c>
    </row>
    <row r="5712" spans="1:6" x14ac:dyDescent="0.25">
      <c r="A5712">
        <v>145.88999999999999</v>
      </c>
      <c r="B5712">
        <v>200.41</v>
      </c>
      <c r="C5712">
        <v>6436.35</v>
      </c>
      <c r="D5712">
        <v>1</v>
      </c>
      <c r="E5712">
        <v>10124.4</v>
      </c>
      <c r="F5712">
        <v>19.2102</v>
      </c>
    </row>
    <row r="5713" spans="1:6" x14ac:dyDescent="0.25">
      <c r="A5713">
        <v>145.88999999999999</v>
      </c>
      <c r="B5713">
        <v>200.41</v>
      </c>
      <c r="C5713">
        <v>6436.35</v>
      </c>
      <c r="D5713">
        <v>1.3</v>
      </c>
      <c r="E5713">
        <v>9458.7199999999993</v>
      </c>
      <c r="F5713">
        <v>18.633299999999998</v>
      </c>
    </row>
    <row r="5714" spans="1:6" x14ac:dyDescent="0.25">
      <c r="A5714">
        <v>145.88999999999999</v>
      </c>
      <c r="B5714">
        <v>200.41</v>
      </c>
      <c r="C5714">
        <v>6436.35</v>
      </c>
      <c r="D5714">
        <v>1.6</v>
      </c>
      <c r="E5714">
        <v>9013.58</v>
      </c>
      <c r="F5714">
        <v>18.923300000000001</v>
      </c>
    </row>
    <row r="5715" spans="1:6" x14ac:dyDescent="0.25">
      <c r="A5715">
        <v>145.88999999999999</v>
      </c>
      <c r="B5715">
        <v>200.41</v>
      </c>
      <c r="C5715">
        <v>6436.35</v>
      </c>
      <c r="D5715">
        <v>1.9</v>
      </c>
      <c r="E5715">
        <v>8548.1200000000008</v>
      </c>
      <c r="F5715">
        <v>19.078600000000002</v>
      </c>
    </row>
    <row r="5716" spans="1:6" x14ac:dyDescent="0.25">
      <c r="A5716">
        <v>145.88999999999999</v>
      </c>
      <c r="B5716">
        <v>200.41</v>
      </c>
      <c r="C5716">
        <v>6436.35</v>
      </c>
      <c r="D5716">
        <v>2.2000000000000002</v>
      </c>
      <c r="E5716">
        <v>8437.35</v>
      </c>
      <c r="F5716">
        <v>19.270199999999999</v>
      </c>
    </row>
    <row r="5717" spans="1:6" x14ac:dyDescent="0.25">
      <c r="A5717">
        <v>145.88999999999999</v>
      </c>
      <c r="B5717">
        <v>200.41</v>
      </c>
      <c r="C5717">
        <v>6436.35</v>
      </c>
      <c r="D5717">
        <v>2.5</v>
      </c>
      <c r="E5717">
        <v>8200.4</v>
      </c>
      <c r="F5717">
        <v>19.400099999999998</v>
      </c>
    </row>
    <row r="5718" spans="1:6" x14ac:dyDescent="0.25">
      <c r="A5718">
        <v>145.88999999999999</v>
      </c>
      <c r="B5718">
        <v>200.41</v>
      </c>
      <c r="C5718">
        <v>6436.35</v>
      </c>
      <c r="D5718">
        <v>2.8</v>
      </c>
      <c r="E5718">
        <v>7971.23</v>
      </c>
      <c r="F5718">
        <v>19.549299999999999</v>
      </c>
    </row>
    <row r="5719" spans="1:6" x14ac:dyDescent="0.25">
      <c r="A5719">
        <v>145.88999999999999</v>
      </c>
      <c r="B5719">
        <v>200.41</v>
      </c>
      <c r="C5719">
        <v>6436.35</v>
      </c>
      <c r="D5719">
        <v>3.1</v>
      </c>
      <c r="E5719">
        <v>7868.33</v>
      </c>
      <c r="F5719">
        <v>19.552800000000001</v>
      </c>
    </row>
    <row r="5720" spans="1:6" x14ac:dyDescent="0.25">
      <c r="A5720">
        <v>145.88999999999999</v>
      </c>
      <c r="B5720">
        <v>200.41</v>
      </c>
      <c r="C5720">
        <v>6436.35</v>
      </c>
      <c r="D5720">
        <v>3.4</v>
      </c>
      <c r="E5720">
        <v>7665.1</v>
      </c>
      <c r="F5720">
        <v>19.564800000000002</v>
      </c>
    </row>
    <row r="5721" spans="1:6" x14ac:dyDescent="0.25">
      <c r="A5721">
        <v>145.88999999999999</v>
      </c>
      <c r="B5721">
        <v>200.41</v>
      </c>
      <c r="C5721">
        <v>6436.35</v>
      </c>
      <c r="D5721">
        <v>3.7</v>
      </c>
      <c r="E5721">
        <v>7572.76</v>
      </c>
      <c r="F5721">
        <v>19.581600000000002</v>
      </c>
    </row>
    <row r="5722" spans="1:6" x14ac:dyDescent="0.25">
      <c r="A5722">
        <v>145.88999999999999</v>
      </c>
      <c r="B5722">
        <v>200.41</v>
      </c>
      <c r="C5722">
        <v>6436.35</v>
      </c>
      <c r="D5722">
        <v>4</v>
      </c>
      <c r="E5722">
        <v>7503.9</v>
      </c>
      <c r="F5722">
        <v>19.6051</v>
      </c>
    </row>
    <row r="5723" spans="1:6" x14ac:dyDescent="0.25">
      <c r="A5723">
        <v>145.88999999999999</v>
      </c>
      <c r="B5723">
        <v>200.41</v>
      </c>
      <c r="C5723">
        <v>7981.8</v>
      </c>
      <c r="D5723">
        <v>1</v>
      </c>
      <c r="E5723">
        <v>11704.1</v>
      </c>
      <c r="F5723">
        <v>19.2102</v>
      </c>
    </row>
    <row r="5724" spans="1:6" x14ac:dyDescent="0.25">
      <c r="A5724">
        <v>145.88999999999999</v>
      </c>
      <c r="B5724">
        <v>200.41</v>
      </c>
      <c r="C5724">
        <v>7981.8</v>
      </c>
      <c r="D5724">
        <v>1.3</v>
      </c>
      <c r="E5724">
        <v>11070.8</v>
      </c>
      <c r="F5724">
        <v>18.633299999999998</v>
      </c>
    </row>
    <row r="5725" spans="1:6" x14ac:dyDescent="0.25">
      <c r="A5725">
        <v>145.88999999999999</v>
      </c>
      <c r="B5725">
        <v>200.41</v>
      </c>
      <c r="C5725">
        <v>7981.8</v>
      </c>
      <c r="D5725">
        <v>1.6</v>
      </c>
      <c r="E5725">
        <v>10683.9</v>
      </c>
      <c r="F5725">
        <v>18.923300000000001</v>
      </c>
    </row>
    <row r="5726" spans="1:6" x14ac:dyDescent="0.25">
      <c r="A5726">
        <v>145.88999999999999</v>
      </c>
      <c r="B5726">
        <v>200.41</v>
      </c>
      <c r="C5726">
        <v>7981.8</v>
      </c>
      <c r="D5726">
        <v>1.9</v>
      </c>
      <c r="E5726">
        <v>10285.4</v>
      </c>
      <c r="F5726">
        <v>19.078600000000002</v>
      </c>
    </row>
    <row r="5727" spans="1:6" x14ac:dyDescent="0.25">
      <c r="A5727">
        <v>145.88999999999999</v>
      </c>
      <c r="B5727">
        <v>200.41</v>
      </c>
      <c r="C5727">
        <v>7981.8</v>
      </c>
      <c r="D5727">
        <v>2.2000000000000002</v>
      </c>
      <c r="E5727">
        <v>10007.299999999999</v>
      </c>
      <c r="F5727">
        <v>19.270199999999999</v>
      </c>
    </row>
    <row r="5728" spans="1:6" x14ac:dyDescent="0.25">
      <c r="A5728">
        <v>145.88999999999999</v>
      </c>
      <c r="B5728">
        <v>200.41</v>
      </c>
      <c r="C5728">
        <v>7981.8</v>
      </c>
      <c r="D5728">
        <v>2.5</v>
      </c>
      <c r="E5728">
        <v>9708.83</v>
      </c>
      <c r="F5728">
        <v>19.400099999999998</v>
      </c>
    </row>
    <row r="5729" spans="1:6" x14ac:dyDescent="0.25">
      <c r="A5729">
        <v>145.88999999999999</v>
      </c>
      <c r="B5729">
        <v>200.41</v>
      </c>
      <c r="C5729">
        <v>7981.8</v>
      </c>
      <c r="D5729">
        <v>2.8</v>
      </c>
      <c r="E5729">
        <v>9513.09</v>
      </c>
      <c r="F5729">
        <v>19.549299999999999</v>
      </c>
    </row>
    <row r="5730" spans="1:6" x14ac:dyDescent="0.25">
      <c r="A5730">
        <v>145.88999999999999</v>
      </c>
      <c r="B5730">
        <v>200.41</v>
      </c>
      <c r="C5730">
        <v>7981.8</v>
      </c>
      <c r="D5730">
        <v>3.1</v>
      </c>
      <c r="E5730">
        <v>9364.24</v>
      </c>
      <c r="F5730">
        <v>19.552800000000001</v>
      </c>
    </row>
    <row r="5731" spans="1:6" x14ac:dyDescent="0.25">
      <c r="A5731">
        <v>145.88999999999999</v>
      </c>
      <c r="B5731">
        <v>200.41</v>
      </c>
      <c r="C5731">
        <v>7981.8</v>
      </c>
      <c r="D5731">
        <v>3.4</v>
      </c>
      <c r="E5731">
        <v>9269.65</v>
      </c>
      <c r="F5731">
        <v>19.564800000000002</v>
      </c>
    </row>
    <row r="5732" spans="1:6" x14ac:dyDescent="0.25">
      <c r="A5732">
        <v>145.88999999999999</v>
      </c>
      <c r="B5732">
        <v>200.41</v>
      </c>
      <c r="C5732">
        <v>7981.8</v>
      </c>
      <c r="D5732">
        <v>3.7</v>
      </c>
      <c r="E5732">
        <v>9160.2800000000007</v>
      </c>
      <c r="F5732">
        <v>19.581600000000002</v>
      </c>
    </row>
    <row r="5733" spans="1:6" x14ac:dyDescent="0.25">
      <c r="A5733">
        <v>145.88999999999999</v>
      </c>
      <c r="B5733">
        <v>200.41</v>
      </c>
      <c r="C5733">
        <v>7981.8</v>
      </c>
      <c r="D5733">
        <v>4</v>
      </c>
      <c r="E5733">
        <v>9069</v>
      </c>
      <c r="F5733">
        <v>19.6051</v>
      </c>
    </row>
    <row r="5734" spans="1:6" x14ac:dyDescent="0.25">
      <c r="A5734">
        <v>145.88999999999999</v>
      </c>
      <c r="B5734">
        <v>200.41</v>
      </c>
      <c r="C5734">
        <v>9527.25</v>
      </c>
      <c r="D5734">
        <v>1</v>
      </c>
      <c r="E5734">
        <v>13361.2</v>
      </c>
      <c r="F5734">
        <v>19.2102</v>
      </c>
    </row>
    <row r="5735" spans="1:6" x14ac:dyDescent="0.25">
      <c r="A5735">
        <v>145.88999999999999</v>
      </c>
      <c r="B5735">
        <v>200.41</v>
      </c>
      <c r="C5735">
        <v>9527.25</v>
      </c>
      <c r="D5735">
        <v>1.3</v>
      </c>
      <c r="E5735">
        <v>12560.2</v>
      </c>
      <c r="F5735">
        <v>18.633299999999998</v>
      </c>
    </row>
    <row r="5736" spans="1:6" x14ac:dyDescent="0.25">
      <c r="A5736">
        <v>145.88999999999999</v>
      </c>
      <c r="B5736">
        <v>200.41</v>
      </c>
      <c r="C5736">
        <v>9527.25</v>
      </c>
      <c r="D5736">
        <v>1.6</v>
      </c>
      <c r="E5736">
        <v>11981</v>
      </c>
      <c r="F5736">
        <v>18.923300000000001</v>
      </c>
    </row>
    <row r="5737" spans="1:6" x14ac:dyDescent="0.25">
      <c r="A5737">
        <v>145.88999999999999</v>
      </c>
      <c r="B5737">
        <v>200.41</v>
      </c>
      <c r="C5737">
        <v>9527.25</v>
      </c>
      <c r="D5737">
        <v>1.9</v>
      </c>
      <c r="E5737">
        <v>11820.2</v>
      </c>
      <c r="F5737">
        <v>19.078600000000002</v>
      </c>
    </row>
    <row r="5738" spans="1:6" x14ac:dyDescent="0.25">
      <c r="A5738">
        <v>145.88999999999999</v>
      </c>
      <c r="B5738">
        <v>200.41</v>
      </c>
      <c r="C5738">
        <v>9527.25</v>
      </c>
      <c r="D5738">
        <v>2.2000000000000002</v>
      </c>
      <c r="E5738">
        <v>11400.7</v>
      </c>
      <c r="F5738">
        <v>19.270199999999999</v>
      </c>
    </row>
    <row r="5739" spans="1:6" x14ac:dyDescent="0.25">
      <c r="A5739">
        <v>145.88999999999999</v>
      </c>
      <c r="B5739">
        <v>200.41</v>
      </c>
      <c r="C5739">
        <v>9527.25</v>
      </c>
      <c r="D5739">
        <v>2.5</v>
      </c>
      <c r="E5739">
        <v>11226.4</v>
      </c>
      <c r="F5739">
        <v>19.400099999999998</v>
      </c>
    </row>
    <row r="5740" spans="1:6" x14ac:dyDescent="0.25">
      <c r="A5740">
        <v>145.88999999999999</v>
      </c>
      <c r="B5740">
        <v>200.41</v>
      </c>
      <c r="C5740">
        <v>9527.25</v>
      </c>
      <c r="D5740">
        <v>2.8</v>
      </c>
      <c r="E5740">
        <v>11102.9</v>
      </c>
      <c r="F5740">
        <v>19.549299999999999</v>
      </c>
    </row>
    <row r="5741" spans="1:6" x14ac:dyDescent="0.25">
      <c r="A5741">
        <v>145.88999999999999</v>
      </c>
      <c r="B5741">
        <v>200.41</v>
      </c>
      <c r="C5741">
        <v>9527.25</v>
      </c>
      <c r="D5741">
        <v>3.1</v>
      </c>
      <c r="E5741">
        <v>10958.1</v>
      </c>
      <c r="F5741">
        <v>19.552800000000001</v>
      </c>
    </row>
    <row r="5742" spans="1:6" x14ac:dyDescent="0.25">
      <c r="A5742">
        <v>145.88999999999999</v>
      </c>
      <c r="B5742">
        <v>200.41</v>
      </c>
      <c r="C5742">
        <v>9527.25</v>
      </c>
      <c r="D5742">
        <v>3.4</v>
      </c>
      <c r="E5742">
        <v>10845</v>
      </c>
      <c r="F5742">
        <v>19.564800000000002</v>
      </c>
    </row>
    <row r="5743" spans="1:6" x14ac:dyDescent="0.25">
      <c r="A5743">
        <v>145.88999999999999</v>
      </c>
      <c r="B5743">
        <v>200.41</v>
      </c>
      <c r="C5743">
        <v>9527.25</v>
      </c>
      <c r="D5743">
        <v>3.7</v>
      </c>
      <c r="E5743">
        <v>10780.7</v>
      </c>
      <c r="F5743">
        <v>19.581600000000002</v>
      </c>
    </row>
    <row r="5744" spans="1:6" x14ac:dyDescent="0.25">
      <c r="A5744">
        <v>145.88999999999999</v>
      </c>
      <c r="B5744">
        <v>200.41</v>
      </c>
      <c r="C5744">
        <v>9527.25</v>
      </c>
      <c r="D5744">
        <v>4</v>
      </c>
      <c r="E5744">
        <v>10604.2</v>
      </c>
      <c r="F5744">
        <v>19.6051</v>
      </c>
    </row>
    <row r="5745" spans="1:6" x14ac:dyDescent="0.25">
      <c r="A5745">
        <v>145.88999999999999</v>
      </c>
      <c r="B5745">
        <v>200.41</v>
      </c>
      <c r="C5745">
        <v>11072.7</v>
      </c>
      <c r="D5745">
        <v>1</v>
      </c>
      <c r="E5745">
        <v>14591.1</v>
      </c>
      <c r="F5745">
        <v>19.2102</v>
      </c>
    </row>
    <row r="5746" spans="1:6" x14ac:dyDescent="0.25">
      <c r="A5746">
        <v>145.88999999999999</v>
      </c>
      <c r="B5746">
        <v>200.41</v>
      </c>
      <c r="C5746">
        <v>11072.7</v>
      </c>
      <c r="D5746">
        <v>1.3</v>
      </c>
      <c r="E5746">
        <v>14097.9</v>
      </c>
      <c r="F5746">
        <v>18.633299999999998</v>
      </c>
    </row>
    <row r="5747" spans="1:6" x14ac:dyDescent="0.25">
      <c r="A5747">
        <v>145.88999999999999</v>
      </c>
      <c r="B5747">
        <v>200.41</v>
      </c>
      <c r="C5747">
        <v>11072.7</v>
      </c>
      <c r="D5747">
        <v>1.6</v>
      </c>
      <c r="E5747">
        <v>13521.2</v>
      </c>
      <c r="F5747">
        <v>18.923300000000001</v>
      </c>
    </row>
    <row r="5748" spans="1:6" x14ac:dyDescent="0.25">
      <c r="A5748">
        <v>145.88999999999999</v>
      </c>
      <c r="B5748">
        <v>200.41</v>
      </c>
      <c r="C5748">
        <v>11072.7</v>
      </c>
      <c r="D5748">
        <v>1.9</v>
      </c>
      <c r="E5748">
        <v>13331.7</v>
      </c>
      <c r="F5748">
        <v>19.078600000000002</v>
      </c>
    </row>
    <row r="5749" spans="1:6" x14ac:dyDescent="0.25">
      <c r="A5749">
        <v>145.88999999999999</v>
      </c>
      <c r="B5749">
        <v>200.41</v>
      </c>
      <c r="C5749">
        <v>11072.7</v>
      </c>
      <c r="D5749">
        <v>2.2000000000000002</v>
      </c>
      <c r="E5749">
        <v>12945.4</v>
      </c>
      <c r="F5749">
        <v>19.270199999999999</v>
      </c>
    </row>
    <row r="5750" spans="1:6" x14ac:dyDescent="0.25">
      <c r="A5750">
        <v>145.88999999999999</v>
      </c>
      <c r="B5750">
        <v>200.41</v>
      </c>
      <c r="C5750">
        <v>11072.7</v>
      </c>
      <c r="D5750">
        <v>2.5</v>
      </c>
      <c r="E5750">
        <v>12824.1</v>
      </c>
      <c r="F5750">
        <v>19.400099999999998</v>
      </c>
    </row>
    <row r="5751" spans="1:6" x14ac:dyDescent="0.25">
      <c r="A5751">
        <v>145.88999999999999</v>
      </c>
      <c r="B5751">
        <v>200.41</v>
      </c>
      <c r="C5751">
        <v>11072.7</v>
      </c>
      <c r="D5751">
        <v>2.8</v>
      </c>
      <c r="E5751">
        <v>12641.6</v>
      </c>
      <c r="F5751">
        <v>19.549299999999999</v>
      </c>
    </row>
    <row r="5752" spans="1:6" x14ac:dyDescent="0.25">
      <c r="A5752">
        <v>145.88999999999999</v>
      </c>
      <c r="B5752">
        <v>200.41</v>
      </c>
      <c r="C5752">
        <v>11072.7</v>
      </c>
      <c r="D5752">
        <v>3.1</v>
      </c>
      <c r="E5752">
        <v>12458.1</v>
      </c>
      <c r="F5752">
        <v>19.552800000000001</v>
      </c>
    </row>
    <row r="5753" spans="1:6" x14ac:dyDescent="0.25">
      <c r="A5753">
        <v>145.88999999999999</v>
      </c>
      <c r="B5753">
        <v>200.41</v>
      </c>
      <c r="C5753">
        <v>11072.7</v>
      </c>
      <c r="D5753">
        <v>3.4</v>
      </c>
      <c r="E5753">
        <v>12398.4</v>
      </c>
      <c r="F5753">
        <v>19.564800000000002</v>
      </c>
    </row>
    <row r="5754" spans="1:6" x14ac:dyDescent="0.25">
      <c r="A5754">
        <v>145.88999999999999</v>
      </c>
      <c r="B5754">
        <v>200.41</v>
      </c>
      <c r="C5754">
        <v>11072.7</v>
      </c>
      <c r="D5754">
        <v>3.7</v>
      </c>
      <c r="E5754">
        <v>12294</v>
      </c>
      <c r="F5754">
        <v>19.581600000000002</v>
      </c>
    </row>
    <row r="5755" spans="1:6" x14ac:dyDescent="0.25">
      <c r="A5755">
        <v>145.88999999999999</v>
      </c>
      <c r="B5755">
        <v>200.41</v>
      </c>
      <c r="C5755">
        <v>11072.7</v>
      </c>
      <c r="D5755">
        <v>4</v>
      </c>
      <c r="E5755">
        <v>12207.4</v>
      </c>
      <c r="F5755">
        <v>19.6051</v>
      </c>
    </row>
    <row r="5756" spans="1:6" x14ac:dyDescent="0.25">
      <c r="A5756">
        <v>145.88999999999999</v>
      </c>
      <c r="B5756">
        <v>200.41</v>
      </c>
      <c r="C5756">
        <v>12618.2</v>
      </c>
      <c r="D5756">
        <v>1</v>
      </c>
      <c r="E5756">
        <v>16426.3</v>
      </c>
      <c r="F5756">
        <v>19.2102</v>
      </c>
    </row>
    <row r="5757" spans="1:6" x14ac:dyDescent="0.25">
      <c r="A5757">
        <v>145.88999999999999</v>
      </c>
      <c r="B5757">
        <v>200.41</v>
      </c>
      <c r="C5757">
        <v>12618.2</v>
      </c>
      <c r="D5757">
        <v>1.3</v>
      </c>
      <c r="E5757">
        <v>15800.1</v>
      </c>
      <c r="F5757">
        <v>18.633299999999998</v>
      </c>
    </row>
    <row r="5758" spans="1:6" x14ac:dyDescent="0.25">
      <c r="A5758">
        <v>145.88999999999999</v>
      </c>
      <c r="B5758">
        <v>200.41</v>
      </c>
      <c r="C5758">
        <v>12618.2</v>
      </c>
      <c r="D5758">
        <v>1.6</v>
      </c>
      <c r="E5758">
        <v>15117.3</v>
      </c>
      <c r="F5758">
        <v>18.923300000000001</v>
      </c>
    </row>
    <row r="5759" spans="1:6" x14ac:dyDescent="0.25">
      <c r="A5759">
        <v>145.88999999999999</v>
      </c>
      <c r="B5759">
        <v>200.41</v>
      </c>
      <c r="C5759">
        <v>12618.2</v>
      </c>
      <c r="D5759">
        <v>1.9</v>
      </c>
      <c r="E5759">
        <v>14764.1</v>
      </c>
      <c r="F5759">
        <v>19.078600000000002</v>
      </c>
    </row>
    <row r="5760" spans="1:6" x14ac:dyDescent="0.25">
      <c r="A5760">
        <v>145.88999999999999</v>
      </c>
      <c r="B5760">
        <v>200.41</v>
      </c>
      <c r="C5760">
        <v>12618.2</v>
      </c>
      <c r="D5760">
        <v>2.2000000000000002</v>
      </c>
      <c r="E5760">
        <v>14614</v>
      </c>
      <c r="F5760">
        <v>19.270199999999999</v>
      </c>
    </row>
    <row r="5761" spans="1:6" x14ac:dyDescent="0.25">
      <c r="A5761">
        <v>145.88999999999999</v>
      </c>
      <c r="B5761">
        <v>200.41</v>
      </c>
      <c r="C5761">
        <v>12618.2</v>
      </c>
      <c r="D5761">
        <v>2.5</v>
      </c>
      <c r="E5761">
        <v>14372.5</v>
      </c>
      <c r="F5761">
        <v>19.400099999999998</v>
      </c>
    </row>
    <row r="5762" spans="1:6" x14ac:dyDescent="0.25">
      <c r="A5762">
        <v>145.88999999999999</v>
      </c>
      <c r="B5762">
        <v>200.41</v>
      </c>
      <c r="C5762">
        <v>12618.2</v>
      </c>
      <c r="D5762">
        <v>2.8</v>
      </c>
      <c r="E5762">
        <v>14139.5</v>
      </c>
      <c r="F5762">
        <v>19.549299999999999</v>
      </c>
    </row>
    <row r="5763" spans="1:6" x14ac:dyDescent="0.25">
      <c r="A5763">
        <v>145.88999999999999</v>
      </c>
      <c r="B5763">
        <v>200.41</v>
      </c>
      <c r="C5763">
        <v>12618.2</v>
      </c>
      <c r="D5763">
        <v>3.1</v>
      </c>
      <c r="E5763">
        <v>13940.4</v>
      </c>
      <c r="F5763">
        <v>19.552800000000001</v>
      </c>
    </row>
    <row r="5764" spans="1:6" x14ac:dyDescent="0.25">
      <c r="A5764">
        <v>145.88999999999999</v>
      </c>
      <c r="B5764">
        <v>200.41</v>
      </c>
      <c r="C5764">
        <v>12618.2</v>
      </c>
      <c r="D5764">
        <v>3.4</v>
      </c>
      <c r="E5764">
        <v>13933.8</v>
      </c>
      <c r="F5764">
        <v>19.564800000000002</v>
      </c>
    </row>
    <row r="5765" spans="1:6" x14ac:dyDescent="0.25">
      <c r="A5765">
        <v>145.88999999999999</v>
      </c>
      <c r="B5765">
        <v>200.41</v>
      </c>
      <c r="C5765">
        <v>12618.2</v>
      </c>
      <c r="D5765">
        <v>3.7</v>
      </c>
      <c r="E5765">
        <v>13830.2</v>
      </c>
      <c r="F5765">
        <v>19.581600000000002</v>
      </c>
    </row>
    <row r="5766" spans="1:6" x14ac:dyDescent="0.25">
      <c r="A5766">
        <v>145.88999999999999</v>
      </c>
      <c r="B5766">
        <v>200.41</v>
      </c>
      <c r="C5766">
        <v>12618.2</v>
      </c>
      <c r="D5766">
        <v>4</v>
      </c>
      <c r="E5766">
        <v>13755.7</v>
      </c>
      <c r="F5766">
        <v>19.6051</v>
      </c>
    </row>
    <row r="5767" spans="1:6" x14ac:dyDescent="0.25">
      <c r="A5767">
        <v>145.88999999999999</v>
      </c>
      <c r="B5767">
        <v>200.41</v>
      </c>
      <c r="C5767">
        <v>14163.6</v>
      </c>
      <c r="D5767">
        <v>1</v>
      </c>
      <c r="E5767">
        <v>17887.599999999999</v>
      </c>
      <c r="F5767">
        <v>19.2102</v>
      </c>
    </row>
    <row r="5768" spans="1:6" x14ac:dyDescent="0.25">
      <c r="A5768">
        <v>145.88999999999999</v>
      </c>
      <c r="B5768">
        <v>200.41</v>
      </c>
      <c r="C5768">
        <v>14163.6</v>
      </c>
      <c r="D5768">
        <v>1.3</v>
      </c>
      <c r="E5768">
        <v>17310.5</v>
      </c>
      <c r="F5768">
        <v>18.633299999999998</v>
      </c>
    </row>
    <row r="5769" spans="1:6" x14ac:dyDescent="0.25">
      <c r="A5769">
        <v>145.88999999999999</v>
      </c>
      <c r="B5769">
        <v>200.41</v>
      </c>
      <c r="C5769">
        <v>14163.6</v>
      </c>
      <c r="D5769">
        <v>1.6</v>
      </c>
      <c r="E5769">
        <v>16607.5</v>
      </c>
      <c r="F5769">
        <v>18.923300000000001</v>
      </c>
    </row>
    <row r="5770" spans="1:6" x14ac:dyDescent="0.25">
      <c r="A5770">
        <v>145.88999999999999</v>
      </c>
      <c r="B5770">
        <v>200.41</v>
      </c>
      <c r="C5770">
        <v>14163.6</v>
      </c>
      <c r="D5770">
        <v>1.9</v>
      </c>
      <c r="E5770">
        <v>16283.6</v>
      </c>
      <c r="F5770">
        <v>19.078600000000002</v>
      </c>
    </row>
    <row r="5771" spans="1:6" x14ac:dyDescent="0.25">
      <c r="A5771">
        <v>145.88999999999999</v>
      </c>
      <c r="B5771">
        <v>200.41</v>
      </c>
      <c r="C5771">
        <v>14163.6</v>
      </c>
      <c r="D5771">
        <v>2.2000000000000002</v>
      </c>
      <c r="E5771">
        <v>16184.3</v>
      </c>
      <c r="F5771">
        <v>19.270199999999999</v>
      </c>
    </row>
    <row r="5772" spans="1:6" x14ac:dyDescent="0.25">
      <c r="A5772">
        <v>145.88999999999999</v>
      </c>
      <c r="B5772">
        <v>200.41</v>
      </c>
      <c r="C5772">
        <v>14163.6</v>
      </c>
      <c r="D5772">
        <v>2.5</v>
      </c>
      <c r="E5772">
        <v>15974.1</v>
      </c>
      <c r="F5772">
        <v>19.400099999999998</v>
      </c>
    </row>
    <row r="5773" spans="1:6" x14ac:dyDescent="0.25">
      <c r="A5773">
        <v>145.88999999999999</v>
      </c>
      <c r="B5773">
        <v>200.41</v>
      </c>
      <c r="C5773">
        <v>14163.6</v>
      </c>
      <c r="D5773">
        <v>2.8</v>
      </c>
      <c r="E5773">
        <v>15593.5</v>
      </c>
      <c r="F5773">
        <v>19.549299999999999</v>
      </c>
    </row>
    <row r="5774" spans="1:6" x14ac:dyDescent="0.25">
      <c r="A5774">
        <v>145.88999999999999</v>
      </c>
      <c r="B5774">
        <v>200.41</v>
      </c>
      <c r="C5774">
        <v>14163.6</v>
      </c>
      <c r="D5774">
        <v>3.1</v>
      </c>
      <c r="E5774">
        <v>15539.1</v>
      </c>
      <c r="F5774">
        <v>19.552800000000001</v>
      </c>
    </row>
    <row r="5775" spans="1:6" x14ac:dyDescent="0.25">
      <c r="A5775">
        <v>145.88999999999999</v>
      </c>
      <c r="B5775">
        <v>200.41</v>
      </c>
      <c r="C5775">
        <v>14163.6</v>
      </c>
      <c r="D5775">
        <v>3.4</v>
      </c>
      <c r="E5775">
        <v>15399.1</v>
      </c>
      <c r="F5775">
        <v>19.564800000000002</v>
      </c>
    </row>
    <row r="5776" spans="1:6" x14ac:dyDescent="0.25">
      <c r="A5776">
        <v>145.88999999999999</v>
      </c>
      <c r="B5776">
        <v>200.41</v>
      </c>
      <c r="C5776">
        <v>14163.6</v>
      </c>
      <c r="D5776">
        <v>3.7</v>
      </c>
      <c r="E5776">
        <v>15398</v>
      </c>
      <c r="F5776">
        <v>19.581600000000002</v>
      </c>
    </row>
    <row r="5777" spans="1:6" x14ac:dyDescent="0.25">
      <c r="A5777">
        <v>145.88999999999999</v>
      </c>
      <c r="B5777">
        <v>200.41</v>
      </c>
      <c r="C5777">
        <v>14163.6</v>
      </c>
      <c r="D5777">
        <v>4</v>
      </c>
      <c r="E5777">
        <v>15313.3</v>
      </c>
      <c r="F5777">
        <v>19.6051</v>
      </c>
    </row>
    <row r="5778" spans="1:6" x14ac:dyDescent="0.25">
      <c r="A5778">
        <v>145.88999999999999</v>
      </c>
      <c r="B5778">
        <v>200.41</v>
      </c>
      <c r="C5778">
        <v>15709.1</v>
      </c>
      <c r="D5778">
        <v>1</v>
      </c>
      <c r="E5778">
        <v>19249.3</v>
      </c>
      <c r="F5778">
        <v>19.2102</v>
      </c>
    </row>
    <row r="5779" spans="1:6" x14ac:dyDescent="0.25">
      <c r="A5779">
        <v>145.88999999999999</v>
      </c>
      <c r="B5779">
        <v>200.41</v>
      </c>
      <c r="C5779">
        <v>15709.1</v>
      </c>
      <c r="D5779">
        <v>1.3</v>
      </c>
      <c r="E5779">
        <v>18721</v>
      </c>
      <c r="F5779">
        <v>18.633299999999998</v>
      </c>
    </row>
    <row r="5780" spans="1:6" x14ac:dyDescent="0.25">
      <c r="A5780">
        <v>145.88999999999999</v>
      </c>
      <c r="B5780">
        <v>200.41</v>
      </c>
      <c r="C5780">
        <v>15709.1</v>
      </c>
      <c r="D5780">
        <v>1.6</v>
      </c>
      <c r="E5780">
        <v>18395.900000000001</v>
      </c>
      <c r="F5780">
        <v>18.923300000000001</v>
      </c>
    </row>
    <row r="5781" spans="1:6" x14ac:dyDescent="0.25">
      <c r="A5781">
        <v>145.88999999999999</v>
      </c>
      <c r="B5781">
        <v>200.41</v>
      </c>
      <c r="C5781">
        <v>15709.1</v>
      </c>
      <c r="D5781">
        <v>1.9</v>
      </c>
      <c r="E5781">
        <v>17831.400000000001</v>
      </c>
      <c r="F5781">
        <v>19.078600000000002</v>
      </c>
    </row>
    <row r="5782" spans="1:6" x14ac:dyDescent="0.25">
      <c r="A5782">
        <v>145.88999999999999</v>
      </c>
      <c r="B5782">
        <v>200.41</v>
      </c>
      <c r="C5782">
        <v>15709.1</v>
      </c>
      <c r="D5782">
        <v>2.2000000000000002</v>
      </c>
      <c r="E5782">
        <v>17600.8</v>
      </c>
      <c r="F5782">
        <v>19.270199999999999</v>
      </c>
    </row>
    <row r="5783" spans="1:6" x14ac:dyDescent="0.25">
      <c r="A5783">
        <v>145.88999999999999</v>
      </c>
      <c r="B5783">
        <v>200.41</v>
      </c>
      <c r="C5783">
        <v>15709.1</v>
      </c>
      <c r="D5783">
        <v>2.5</v>
      </c>
      <c r="E5783">
        <v>17495.900000000001</v>
      </c>
      <c r="F5783">
        <v>19.400099999999998</v>
      </c>
    </row>
    <row r="5784" spans="1:6" x14ac:dyDescent="0.25">
      <c r="A5784">
        <v>145.88999999999999</v>
      </c>
      <c r="B5784">
        <v>200.41</v>
      </c>
      <c r="C5784">
        <v>15709.1</v>
      </c>
      <c r="D5784">
        <v>2.8</v>
      </c>
      <c r="E5784">
        <v>17243.099999999999</v>
      </c>
      <c r="F5784">
        <v>19.549299999999999</v>
      </c>
    </row>
    <row r="5785" spans="1:6" x14ac:dyDescent="0.25">
      <c r="A5785">
        <v>145.88999999999999</v>
      </c>
      <c r="B5785">
        <v>200.41</v>
      </c>
      <c r="C5785">
        <v>15709.1</v>
      </c>
      <c r="D5785">
        <v>3.1</v>
      </c>
      <c r="E5785">
        <v>17089.599999999999</v>
      </c>
      <c r="F5785">
        <v>19.552800000000001</v>
      </c>
    </row>
    <row r="5786" spans="1:6" x14ac:dyDescent="0.25">
      <c r="A5786">
        <v>145.88999999999999</v>
      </c>
      <c r="B5786">
        <v>200.41</v>
      </c>
      <c r="C5786">
        <v>15709.1</v>
      </c>
      <c r="D5786">
        <v>3.4</v>
      </c>
      <c r="E5786">
        <v>17019.5</v>
      </c>
      <c r="F5786">
        <v>19.564800000000002</v>
      </c>
    </row>
    <row r="5787" spans="1:6" x14ac:dyDescent="0.25">
      <c r="A5787">
        <v>145.88999999999999</v>
      </c>
      <c r="B5787">
        <v>200.41</v>
      </c>
      <c r="C5787">
        <v>15709.1</v>
      </c>
      <c r="D5787">
        <v>3.7</v>
      </c>
      <c r="E5787">
        <v>16877</v>
      </c>
      <c r="F5787">
        <v>19.581600000000002</v>
      </c>
    </row>
    <row r="5788" spans="1:6" x14ac:dyDescent="0.25">
      <c r="A5788">
        <v>145.88999999999999</v>
      </c>
      <c r="B5788">
        <v>200.41</v>
      </c>
      <c r="C5788">
        <v>15709.1</v>
      </c>
      <c r="D5788">
        <v>4</v>
      </c>
      <c r="E5788">
        <v>16805</v>
      </c>
      <c r="F5788">
        <v>19.6051</v>
      </c>
    </row>
    <row r="5789" spans="1:6" x14ac:dyDescent="0.25">
      <c r="A5789">
        <v>145.88999999999999</v>
      </c>
      <c r="B5789">
        <v>200.41</v>
      </c>
      <c r="C5789">
        <v>17254.5</v>
      </c>
      <c r="D5789">
        <v>1</v>
      </c>
      <c r="E5789">
        <v>20794.400000000001</v>
      </c>
      <c r="F5789">
        <v>19.2102</v>
      </c>
    </row>
    <row r="5790" spans="1:6" x14ac:dyDescent="0.25">
      <c r="A5790">
        <v>145.88999999999999</v>
      </c>
      <c r="B5790">
        <v>200.41</v>
      </c>
      <c r="C5790">
        <v>17254.5</v>
      </c>
      <c r="D5790">
        <v>1.3</v>
      </c>
      <c r="E5790">
        <v>20207.8</v>
      </c>
      <c r="F5790">
        <v>18.633299999999998</v>
      </c>
    </row>
    <row r="5791" spans="1:6" x14ac:dyDescent="0.25">
      <c r="A5791">
        <v>145.88999999999999</v>
      </c>
      <c r="B5791">
        <v>200.41</v>
      </c>
      <c r="C5791">
        <v>17254.5</v>
      </c>
      <c r="D5791">
        <v>1.6</v>
      </c>
      <c r="E5791">
        <v>19859.599999999999</v>
      </c>
      <c r="F5791">
        <v>18.923300000000001</v>
      </c>
    </row>
    <row r="5792" spans="1:6" x14ac:dyDescent="0.25">
      <c r="A5792">
        <v>145.88999999999999</v>
      </c>
      <c r="B5792">
        <v>200.41</v>
      </c>
      <c r="C5792">
        <v>17254.5</v>
      </c>
      <c r="D5792">
        <v>1.9</v>
      </c>
      <c r="E5792">
        <v>19431.5</v>
      </c>
      <c r="F5792">
        <v>19.078600000000002</v>
      </c>
    </row>
    <row r="5793" spans="1:6" x14ac:dyDescent="0.25">
      <c r="A5793">
        <v>145.88999999999999</v>
      </c>
      <c r="B5793">
        <v>200.41</v>
      </c>
      <c r="C5793">
        <v>17254.5</v>
      </c>
      <c r="D5793">
        <v>2.2000000000000002</v>
      </c>
      <c r="E5793">
        <v>19162.3</v>
      </c>
      <c r="F5793">
        <v>19.270199999999999</v>
      </c>
    </row>
    <row r="5794" spans="1:6" x14ac:dyDescent="0.25">
      <c r="A5794">
        <v>145.88999999999999</v>
      </c>
      <c r="B5794">
        <v>200.41</v>
      </c>
      <c r="C5794">
        <v>17254.5</v>
      </c>
      <c r="D5794">
        <v>2.5</v>
      </c>
      <c r="E5794">
        <v>19031.599999999999</v>
      </c>
      <c r="F5794">
        <v>19.400099999999998</v>
      </c>
    </row>
    <row r="5795" spans="1:6" x14ac:dyDescent="0.25">
      <c r="A5795">
        <v>145.88999999999999</v>
      </c>
      <c r="B5795">
        <v>200.41</v>
      </c>
      <c r="C5795">
        <v>17254.5</v>
      </c>
      <c r="D5795">
        <v>2.8</v>
      </c>
      <c r="E5795">
        <v>18829.099999999999</v>
      </c>
      <c r="F5795">
        <v>19.549299999999999</v>
      </c>
    </row>
    <row r="5796" spans="1:6" x14ac:dyDescent="0.25">
      <c r="A5796">
        <v>145.88999999999999</v>
      </c>
      <c r="B5796">
        <v>200.41</v>
      </c>
      <c r="C5796">
        <v>17254.5</v>
      </c>
      <c r="D5796">
        <v>3.1</v>
      </c>
      <c r="E5796">
        <v>18660</v>
      </c>
      <c r="F5796">
        <v>19.552800000000001</v>
      </c>
    </row>
    <row r="5797" spans="1:6" x14ac:dyDescent="0.25">
      <c r="A5797">
        <v>145.88999999999999</v>
      </c>
      <c r="B5797">
        <v>200.41</v>
      </c>
      <c r="C5797">
        <v>17254.5</v>
      </c>
      <c r="D5797">
        <v>3.4</v>
      </c>
      <c r="E5797">
        <v>18603.5</v>
      </c>
      <c r="F5797">
        <v>19.564800000000002</v>
      </c>
    </row>
    <row r="5798" spans="1:6" x14ac:dyDescent="0.25">
      <c r="A5798">
        <v>145.88999999999999</v>
      </c>
      <c r="B5798">
        <v>200.41</v>
      </c>
      <c r="C5798">
        <v>17254.5</v>
      </c>
      <c r="D5798">
        <v>3.7</v>
      </c>
      <c r="E5798">
        <v>18420.5</v>
      </c>
      <c r="F5798">
        <v>19.581600000000002</v>
      </c>
    </row>
    <row r="5799" spans="1:6" x14ac:dyDescent="0.25">
      <c r="A5799">
        <v>145.88999999999999</v>
      </c>
      <c r="B5799">
        <v>200.41</v>
      </c>
      <c r="C5799">
        <v>17254.5</v>
      </c>
      <c r="D5799">
        <v>4</v>
      </c>
      <c r="E5799">
        <v>18355.3</v>
      </c>
      <c r="F5799">
        <v>19.6051</v>
      </c>
    </row>
    <row r="5800" spans="1:6" x14ac:dyDescent="0.25">
      <c r="A5800">
        <v>145.88999999999999</v>
      </c>
      <c r="B5800">
        <v>200.41</v>
      </c>
      <c r="C5800">
        <v>18800</v>
      </c>
      <c r="D5800">
        <v>1</v>
      </c>
      <c r="E5800">
        <v>22425.3</v>
      </c>
      <c r="F5800">
        <v>19.2102</v>
      </c>
    </row>
    <row r="5801" spans="1:6" x14ac:dyDescent="0.25">
      <c r="A5801">
        <v>145.88999999999999</v>
      </c>
      <c r="B5801">
        <v>200.41</v>
      </c>
      <c r="C5801">
        <v>18800</v>
      </c>
      <c r="D5801">
        <v>1.3</v>
      </c>
      <c r="E5801">
        <v>21785.599999999999</v>
      </c>
      <c r="F5801">
        <v>18.633299999999998</v>
      </c>
    </row>
    <row r="5802" spans="1:6" x14ac:dyDescent="0.25">
      <c r="A5802">
        <v>145.88999999999999</v>
      </c>
      <c r="B5802">
        <v>200.41</v>
      </c>
      <c r="C5802">
        <v>18800</v>
      </c>
      <c r="D5802">
        <v>1.6</v>
      </c>
      <c r="E5802">
        <v>21277.7</v>
      </c>
      <c r="F5802">
        <v>18.923300000000001</v>
      </c>
    </row>
    <row r="5803" spans="1:6" x14ac:dyDescent="0.25">
      <c r="A5803">
        <v>145.88999999999999</v>
      </c>
      <c r="B5803">
        <v>200.41</v>
      </c>
      <c r="C5803">
        <v>18800</v>
      </c>
      <c r="D5803">
        <v>1.9</v>
      </c>
      <c r="E5803">
        <v>21116.799999999999</v>
      </c>
      <c r="F5803">
        <v>19.078600000000002</v>
      </c>
    </row>
    <row r="5804" spans="1:6" x14ac:dyDescent="0.25">
      <c r="A5804">
        <v>145.88999999999999</v>
      </c>
      <c r="B5804">
        <v>200.41</v>
      </c>
      <c r="C5804">
        <v>18800</v>
      </c>
      <c r="D5804">
        <v>2.2000000000000002</v>
      </c>
      <c r="E5804">
        <v>20752.2</v>
      </c>
      <c r="F5804">
        <v>19.270199999999999</v>
      </c>
    </row>
    <row r="5805" spans="1:6" x14ac:dyDescent="0.25">
      <c r="A5805">
        <v>145.88999999999999</v>
      </c>
      <c r="B5805">
        <v>200.41</v>
      </c>
      <c r="C5805">
        <v>18800</v>
      </c>
      <c r="D5805">
        <v>2.5</v>
      </c>
      <c r="E5805">
        <v>20614.3</v>
      </c>
      <c r="F5805">
        <v>19.400099999999998</v>
      </c>
    </row>
    <row r="5806" spans="1:6" x14ac:dyDescent="0.25">
      <c r="A5806">
        <v>145.88999999999999</v>
      </c>
      <c r="B5806">
        <v>200.41</v>
      </c>
      <c r="C5806">
        <v>18800</v>
      </c>
      <c r="D5806">
        <v>2.8</v>
      </c>
      <c r="E5806">
        <v>20308.900000000001</v>
      </c>
      <c r="F5806">
        <v>19.549299999999999</v>
      </c>
    </row>
    <row r="5807" spans="1:6" x14ac:dyDescent="0.25">
      <c r="A5807">
        <v>145.88999999999999</v>
      </c>
      <c r="B5807">
        <v>200.41</v>
      </c>
      <c r="C5807">
        <v>18800</v>
      </c>
      <c r="D5807">
        <v>3.1</v>
      </c>
      <c r="E5807">
        <v>20253.599999999999</v>
      </c>
      <c r="F5807">
        <v>19.552800000000001</v>
      </c>
    </row>
    <row r="5808" spans="1:6" x14ac:dyDescent="0.25">
      <c r="A5808">
        <v>145.88999999999999</v>
      </c>
      <c r="B5808">
        <v>200.41</v>
      </c>
      <c r="C5808">
        <v>18800</v>
      </c>
      <c r="D5808">
        <v>3.4</v>
      </c>
      <c r="E5808">
        <v>20112.599999999999</v>
      </c>
      <c r="F5808">
        <v>19.564800000000002</v>
      </c>
    </row>
    <row r="5809" spans="1:6" x14ac:dyDescent="0.25">
      <c r="A5809">
        <v>145.88999999999999</v>
      </c>
      <c r="B5809">
        <v>200.41</v>
      </c>
      <c r="C5809">
        <v>18800</v>
      </c>
      <c r="D5809">
        <v>3.7</v>
      </c>
      <c r="E5809">
        <v>20000.7</v>
      </c>
      <c r="F5809">
        <v>19.581600000000002</v>
      </c>
    </row>
    <row r="5810" spans="1:6" x14ac:dyDescent="0.25">
      <c r="A5810">
        <v>145.88999999999999</v>
      </c>
      <c r="B5810">
        <v>200.41</v>
      </c>
      <c r="C5810">
        <v>18800</v>
      </c>
      <c r="D5810">
        <v>4</v>
      </c>
      <c r="E5810">
        <v>19903.3</v>
      </c>
      <c r="F5810">
        <v>19.6051</v>
      </c>
    </row>
    <row r="5811" spans="1:6" x14ac:dyDescent="0.25">
      <c r="A5811">
        <v>145.88999999999999</v>
      </c>
      <c r="B5811">
        <v>204.04</v>
      </c>
      <c r="C5811">
        <v>1800</v>
      </c>
      <c r="D5811">
        <v>1</v>
      </c>
      <c r="E5811">
        <v>5539.43</v>
      </c>
      <c r="F5811">
        <v>49.875599999999999</v>
      </c>
    </row>
    <row r="5812" spans="1:6" x14ac:dyDescent="0.25">
      <c r="A5812">
        <v>145.88999999999999</v>
      </c>
      <c r="B5812">
        <v>204.04</v>
      </c>
      <c r="C5812">
        <v>1800</v>
      </c>
      <c r="D5812">
        <v>1.3</v>
      </c>
      <c r="E5812">
        <v>4982.75</v>
      </c>
      <c r="F5812">
        <v>62.082500000000003</v>
      </c>
    </row>
    <row r="5813" spans="1:6" x14ac:dyDescent="0.25">
      <c r="A5813">
        <v>145.88999999999999</v>
      </c>
      <c r="B5813">
        <v>204.04</v>
      </c>
      <c r="C5813">
        <v>1800</v>
      </c>
      <c r="D5813">
        <v>1.6</v>
      </c>
      <c r="E5813">
        <v>4600.26</v>
      </c>
      <c r="F5813">
        <v>70.093800000000002</v>
      </c>
    </row>
    <row r="5814" spans="1:6" x14ac:dyDescent="0.25">
      <c r="A5814">
        <v>145.88999999999999</v>
      </c>
      <c r="B5814">
        <v>204.04</v>
      </c>
      <c r="C5814">
        <v>1800</v>
      </c>
      <c r="D5814">
        <v>1.9</v>
      </c>
      <c r="E5814">
        <v>4241.8599999999997</v>
      </c>
      <c r="F5814">
        <v>77.347200000000001</v>
      </c>
    </row>
    <row r="5815" spans="1:6" x14ac:dyDescent="0.25">
      <c r="A5815">
        <v>145.88999999999999</v>
      </c>
      <c r="B5815">
        <v>204.04</v>
      </c>
      <c r="C5815">
        <v>1800</v>
      </c>
      <c r="D5815">
        <v>2.2000000000000002</v>
      </c>
      <c r="E5815">
        <v>4048.23</v>
      </c>
      <c r="F5815">
        <v>80.308700000000002</v>
      </c>
    </row>
    <row r="5816" spans="1:6" x14ac:dyDescent="0.25">
      <c r="A5816">
        <v>145.88999999999999</v>
      </c>
      <c r="B5816">
        <v>204.04</v>
      </c>
      <c r="C5816">
        <v>1800</v>
      </c>
      <c r="D5816">
        <v>2.5</v>
      </c>
      <c r="E5816">
        <v>3837.79</v>
      </c>
      <c r="F5816">
        <v>86.256299999999996</v>
      </c>
    </row>
    <row r="5817" spans="1:6" x14ac:dyDescent="0.25">
      <c r="A5817">
        <v>145.88999999999999</v>
      </c>
      <c r="B5817">
        <v>204.04</v>
      </c>
      <c r="C5817">
        <v>1800</v>
      </c>
      <c r="D5817">
        <v>2.8</v>
      </c>
      <c r="E5817">
        <v>3670.31</v>
      </c>
      <c r="F5817">
        <v>90.005399999999995</v>
      </c>
    </row>
    <row r="5818" spans="1:6" x14ac:dyDescent="0.25">
      <c r="A5818">
        <v>145.88999999999999</v>
      </c>
      <c r="B5818">
        <v>204.04</v>
      </c>
      <c r="C5818">
        <v>1800</v>
      </c>
      <c r="D5818">
        <v>3.1</v>
      </c>
      <c r="E5818">
        <v>3549.94</v>
      </c>
      <c r="F5818">
        <v>92.760199999999998</v>
      </c>
    </row>
    <row r="5819" spans="1:6" x14ac:dyDescent="0.25">
      <c r="A5819">
        <v>145.88999999999999</v>
      </c>
      <c r="B5819">
        <v>204.04</v>
      </c>
      <c r="C5819">
        <v>1800</v>
      </c>
      <c r="D5819">
        <v>3.4</v>
      </c>
      <c r="E5819">
        <v>3473.37</v>
      </c>
      <c r="F5819">
        <v>98.145399999999995</v>
      </c>
    </row>
    <row r="5820" spans="1:6" x14ac:dyDescent="0.25">
      <c r="A5820">
        <v>145.88999999999999</v>
      </c>
      <c r="B5820">
        <v>204.04</v>
      </c>
      <c r="C5820">
        <v>1800</v>
      </c>
      <c r="D5820">
        <v>3.7</v>
      </c>
      <c r="E5820">
        <v>3379.14</v>
      </c>
      <c r="F5820">
        <v>102.846</v>
      </c>
    </row>
    <row r="5821" spans="1:6" x14ac:dyDescent="0.25">
      <c r="A5821">
        <v>145.88999999999999</v>
      </c>
      <c r="B5821">
        <v>204.04</v>
      </c>
      <c r="C5821">
        <v>1800</v>
      </c>
      <c r="D5821">
        <v>4</v>
      </c>
      <c r="E5821">
        <v>3301.52</v>
      </c>
      <c r="F5821">
        <v>102.523</v>
      </c>
    </row>
    <row r="5822" spans="1:6" x14ac:dyDescent="0.25">
      <c r="A5822">
        <v>145.88999999999999</v>
      </c>
      <c r="B5822">
        <v>204.04</v>
      </c>
      <c r="C5822">
        <v>3345.45</v>
      </c>
      <c r="D5822">
        <v>1</v>
      </c>
      <c r="E5822">
        <v>7087.77</v>
      </c>
      <c r="F5822">
        <v>21.169699999999999</v>
      </c>
    </row>
    <row r="5823" spans="1:6" x14ac:dyDescent="0.25">
      <c r="A5823">
        <v>145.88999999999999</v>
      </c>
      <c r="B5823">
        <v>204.04</v>
      </c>
      <c r="C5823">
        <v>3345.45</v>
      </c>
      <c r="D5823">
        <v>1.3</v>
      </c>
      <c r="E5823">
        <v>6385.28</v>
      </c>
      <c r="F5823">
        <v>24.3752</v>
      </c>
    </row>
    <row r="5824" spans="1:6" x14ac:dyDescent="0.25">
      <c r="A5824">
        <v>145.88999999999999</v>
      </c>
      <c r="B5824">
        <v>204.04</v>
      </c>
      <c r="C5824">
        <v>3345.45</v>
      </c>
      <c r="D5824">
        <v>1.6</v>
      </c>
      <c r="E5824">
        <v>5884.05</v>
      </c>
      <c r="F5824">
        <v>28.726500000000001</v>
      </c>
    </row>
    <row r="5825" spans="1:6" x14ac:dyDescent="0.25">
      <c r="A5825">
        <v>145.88999999999999</v>
      </c>
      <c r="B5825">
        <v>204.04</v>
      </c>
      <c r="C5825">
        <v>3345.45</v>
      </c>
      <c r="D5825">
        <v>1.9</v>
      </c>
      <c r="E5825">
        <v>5675.33</v>
      </c>
      <c r="F5825">
        <v>31.595099999999999</v>
      </c>
    </row>
    <row r="5826" spans="1:6" x14ac:dyDescent="0.25">
      <c r="A5826">
        <v>145.88999999999999</v>
      </c>
      <c r="B5826">
        <v>204.04</v>
      </c>
      <c r="C5826">
        <v>3345.45</v>
      </c>
      <c r="D5826">
        <v>2.2000000000000002</v>
      </c>
      <c r="E5826">
        <v>5512.63</v>
      </c>
      <c r="F5826">
        <v>33.855899999999998</v>
      </c>
    </row>
    <row r="5827" spans="1:6" x14ac:dyDescent="0.25">
      <c r="A5827">
        <v>145.88999999999999</v>
      </c>
      <c r="B5827">
        <v>204.04</v>
      </c>
      <c r="C5827">
        <v>3345.45</v>
      </c>
      <c r="D5827">
        <v>2.5</v>
      </c>
      <c r="E5827">
        <v>5285.01</v>
      </c>
      <c r="F5827">
        <v>36.470599999999997</v>
      </c>
    </row>
    <row r="5828" spans="1:6" x14ac:dyDescent="0.25">
      <c r="A5828">
        <v>145.88999999999999</v>
      </c>
      <c r="B5828">
        <v>204.04</v>
      </c>
      <c r="C5828">
        <v>3345.45</v>
      </c>
      <c r="D5828">
        <v>2.8</v>
      </c>
      <c r="E5828">
        <v>5142.46</v>
      </c>
      <c r="F5828">
        <v>39.658499999999997</v>
      </c>
    </row>
    <row r="5829" spans="1:6" x14ac:dyDescent="0.25">
      <c r="A5829">
        <v>145.88999999999999</v>
      </c>
      <c r="B5829">
        <v>204.04</v>
      </c>
      <c r="C5829">
        <v>3345.45</v>
      </c>
      <c r="D5829">
        <v>3.1</v>
      </c>
      <c r="E5829">
        <v>4999.7</v>
      </c>
      <c r="F5829">
        <v>42.356000000000002</v>
      </c>
    </row>
    <row r="5830" spans="1:6" x14ac:dyDescent="0.25">
      <c r="A5830">
        <v>145.88999999999999</v>
      </c>
      <c r="B5830">
        <v>204.04</v>
      </c>
      <c r="C5830">
        <v>3345.45</v>
      </c>
      <c r="D5830">
        <v>3.4</v>
      </c>
      <c r="E5830">
        <v>4934.09</v>
      </c>
      <c r="F5830">
        <v>42.846699999999998</v>
      </c>
    </row>
    <row r="5831" spans="1:6" x14ac:dyDescent="0.25">
      <c r="A5831">
        <v>145.88999999999999</v>
      </c>
      <c r="B5831">
        <v>204.04</v>
      </c>
      <c r="C5831">
        <v>3345.45</v>
      </c>
      <c r="D5831">
        <v>3.7</v>
      </c>
      <c r="E5831">
        <v>4792.03</v>
      </c>
      <c r="F5831">
        <v>45.2866</v>
      </c>
    </row>
    <row r="5832" spans="1:6" x14ac:dyDescent="0.25">
      <c r="A5832">
        <v>145.88999999999999</v>
      </c>
      <c r="B5832">
        <v>204.04</v>
      </c>
      <c r="C5832">
        <v>3345.45</v>
      </c>
      <c r="D5832">
        <v>4</v>
      </c>
      <c r="E5832">
        <v>4745.34</v>
      </c>
      <c r="F5832">
        <v>44.901000000000003</v>
      </c>
    </row>
    <row r="5833" spans="1:6" x14ac:dyDescent="0.25">
      <c r="A5833">
        <v>145.88999999999999</v>
      </c>
      <c r="B5833">
        <v>204.04</v>
      </c>
      <c r="C5833">
        <v>4890.8999999999996</v>
      </c>
      <c r="D5833">
        <v>1</v>
      </c>
      <c r="E5833">
        <v>8713.67</v>
      </c>
      <c r="F5833">
        <v>15.7843</v>
      </c>
    </row>
    <row r="5834" spans="1:6" x14ac:dyDescent="0.25">
      <c r="A5834">
        <v>145.88999999999999</v>
      </c>
      <c r="B5834">
        <v>204.04</v>
      </c>
      <c r="C5834">
        <v>4890.8999999999996</v>
      </c>
      <c r="D5834">
        <v>1.3</v>
      </c>
      <c r="E5834">
        <v>7737.73</v>
      </c>
      <c r="F5834">
        <v>16.549600000000002</v>
      </c>
    </row>
    <row r="5835" spans="1:6" x14ac:dyDescent="0.25">
      <c r="A5835">
        <v>145.88999999999999</v>
      </c>
      <c r="B5835">
        <v>204.04</v>
      </c>
      <c r="C5835">
        <v>4890.8999999999996</v>
      </c>
      <c r="D5835">
        <v>1.6</v>
      </c>
      <c r="E5835">
        <v>7230.14</v>
      </c>
      <c r="F5835">
        <v>16.377500000000001</v>
      </c>
    </row>
    <row r="5836" spans="1:6" x14ac:dyDescent="0.25">
      <c r="A5836">
        <v>145.88999999999999</v>
      </c>
      <c r="B5836">
        <v>204.04</v>
      </c>
      <c r="C5836">
        <v>4890.8999999999996</v>
      </c>
      <c r="D5836">
        <v>1.9</v>
      </c>
      <c r="E5836">
        <v>7101.14</v>
      </c>
      <c r="F5836">
        <v>16.289899999999999</v>
      </c>
    </row>
    <row r="5837" spans="1:6" x14ac:dyDescent="0.25">
      <c r="A5837">
        <v>145.88999999999999</v>
      </c>
      <c r="B5837">
        <v>204.04</v>
      </c>
      <c r="C5837">
        <v>4890.8999999999996</v>
      </c>
      <c r="D5837">
        <v>2.2000000000000002</v>
      </c>
      <c r="E5837">
        <v>6756.31</v>
      </c>
      <c r="F5837">
        <v>16.1449</v>
      </c>
    </row>
    <row r="5838" spans="1:6" x14ac:dyDescent="0.25">
      <c r="A5838">
        <v>145.88999999999999</v>
      </c>
      <c r="B5838">
        <v>204.04</v>
      </c>
      <c r="C5838">
        <v>4890.8999999999996</v>
      </c>
      <c r="D5838">
        <v>2.5</v>
      </c>
      <c r="E5838">
        <v>6708.43</v>
      </c>
      <c r="F5838">
        <v>16.0657</v>
      </c>
    </row>
    <row r="5839" spans="1:6" x14ac:dyDescent="0.25">
      <c r="A5839">
        <v>145.88999999999999</v>
      </c>
      <c r="B5839">
        <v>204.04</v>
      </c>
      <c r="C5839">
        <v>4890.8999999999996</v>
      </c>
      <c r="D5839">
        <v>2.8</v>
      </c>
      <c r="E5839">
        <v>6447.9</v>
      </c>
      <c r="F5839">
        <v>17.335799999999999</v>
      </c>
    </row>
    <row r="5840" spans="1:6" x14ac:dyDescent="0.25">
      <c r="A5840">
        <v>145.88999999999999</v>
      </c>
      <c r="B5840">
        <v>204.04</v>
      </c>
      <c r="C5840">
        <v>4890.8999999999996</v>
      </c>
      <c r="D5840">
        <v>3.1</v>
      </c>
      <c r="E5840">
        <v>6370.74</v>
      </c>
      <c r="F5840">
        <v>17.098400000000002</v>
      </c>
    </row>
    <row r="5841" spans="1:6" x14ac:dyDescent="0.25">
      <c r="A5841">
        <v>145.88999999999999</v>
      </c>
      <c r="B5841">
        <v>204.04</v>
      </c>
      <c r="C5841">
        <v>4890.8999999999996</v>
      </c>
      <c r="D5841">
        <v>3.4</v>
      </c>
      <c r="E5841">
        <v>6289.88</v>
      </c>
      <c r="F5841">
        <v>17.5886</v>
      </c>
    </row>
    <row r="5842" spans="1:6" x14ac:dyDescent="0.25">
      <c r="A5842">
        <v>145.88999999999999</v>
      </c>
      <c r="B5842">
        <v>204.04</v>
      </c>
      <c r="C5842">
        <v>4890.8999999999996</v>
      </c>
      <c r="D5842">
        <v>3.7</v>
      </c>
      <c r="E5842">
        <v>6239.11</v>
      </c>
      <c r="F5842">
        <v>19.082799999999999</v>
      </c>
    </row>
    <row r="5843" spans="1:6" x14ac:dyDescent="0.25">
      <c r="A5843">
        <v>145.88999999999999</v>
      </c>
      <c r="B5843">
        <v>204.04</v>
      </c>
      <c r="C5843">
        <v>4890.8999999999996</v>
      </c>
      <c r="D5843">
        <v>4</v>
      </c>
      <c r="E5843">
        <v>6130.59</v>
      </c>
      <c r="F5843">
        <v>18.860199999999999</v>
      </c>
    </row>
    <row r="5844" spans="1:6" x14ac:dyDescent="0.25">
      <c r="A5844">
        <v>145.88999999999999</v>
      </c>
      <c r="B5844">
        <v>204.04</v>
      </c>
      <c r="C5844">
        <v>6436.35</v>
      </c>
      <c r="D5844">
        <v>1</v>
      </c>
      <c r="E5844">
        <v>10124.4</v>
      </c>
      <c r="F5844">
        <v>19.2102</v>
      </c>
    </row>
    <row r="5845" spans="1:6" x14ac:dyDescent="0.25">
      <c r="A5845">
        <v>145.88999999999999</v>
      </c>
      <c r="B5845">
        <v>204.04</v>
      </c>
      <c r="C5845">
        <v>6436.35</v>
      </c>
      <c r="D5845">
        <v>1.3</v>
      </c>
      <c r="E5845">
        <v>9458.7199999999993</v>
      </c>
      <c r="F5845">
        <v>18.633299999999998</v>
      </c>
    </row>
    <row r="5846" spans="1:6" x14ac:dyDescent="0.25">
      <c r="A5846">
        <v>145.88999999999999</v>
      </c>
      <c r="B5846">
        <v>204.04</v>
      </c>
      <c r="C5846">
        <v>6436.35</v>
      </c>
      <c r="D5846">
        <v>1.6</v>
      </c>
      <c r="E5846">
        <v>9013.58</v>
      </c>
      <c r="F5846">
        <v>18.923300000000001</v>
      </c>
    </row>
    <row r="5847" spans="1:6" x14ac:dyDescent="0.25">
      <c r="A5847">
        <v>145.88999999999999</v>
      </c>
      <c r="B5847">
        <v>204.04</v>
      </c>
      <c r="C5847">
        <v>6436.35</v>
      </c>
      <c r="D5847">
        <v>1.9</v>
      </c>
      <c r="E5847">
        <v>8548.1200000000008</v>
      </c>
      <c r="F5847">
        <v>19.078600000000002</v>
      </c>
    </row>
    <row r="5848" spans="1:6" x14ac:dyDescent="0.25">
      <c r="A5848">
        <v>145.88999999999999</v>
      </c>
      <c r="B5848">
        <v>204.04</v>
      </c>
      <c r="C5848">
        <v>6436.35</v>
      </c>
      <c r="D5848">
        <v>2.2000000000000002</v>
      </c>
      <c r="E5848">
        <v>8437.35</v>
      </c>
      <c r="F5848">
        <v>19.270199999999999</v>
      </c>
    </row>
    <row r="5849" spans="1:6" x14ac:dyDescent="0.25">
      <c r="A5849">
        <v>145.88999999999999</v>
      </c>
      <c r="B5849">
        <v>204.04</v>
      </c>
      <c r="C5849">
        <v>6436.35</v>
      </c>
      <c r="D5849">
        <v>2.5</v>
      </c>
      <c r="E5849">
        <v>8200.4</v>
      </c>
      <c r="F5849">
        <v>19.400099999999998</v>
      </c>
    </row>
    <row r="5850" spans="1:6" x14ac:dyDescent="0.25">
      <c r="A5850">
        <v>145.88999999999999</v>
      </c>
      <c r="B5850">
        <v>204.04</v>
      </c>
      <c r="C5850">
        <v>6436.35</v>
      </c>
      <c r="D5850">
        <v>2.8</v>
      </c>
      <c r="E5850">
        <v>7982.34</v>
      </c>
      <c r="F5850">
        <v>19.549299999999999</v>
      </c>
    </row>
    <row r="5851" spans="1:6" x14ac:dyDescent="0.25">
      <c r="A5851">
        <v>145.88999999999999</v>
      </c>
      <c r="B5851">
        <v>204.04</v>
      </c>
      <c r="C5851">
        <v>6436.35</v>
      </c>
      <c r="D5851">
        <v>3.1</v>
      </c>
      <c r="E5851">
        <v>7851.47</v>
      </c>
      <c r="F5851">
        <v>19.552800000000001</v>
      </c>
    </row>
    <row r="5852" spans="1:6" x14ac:dyDescent="0.25">
      <c r="A5852">
        <v>145.88999999999999</v>
      </c>
      <c r="B5852">
        <v>204.04</v>
      </c>
      <c r="C5852">
        <v>6436.35</v>
      </c>
      <c r="D5852">
        <v>3.4</v>
      </c>
      <c r="E5852">
        <v>7763.8</v>
      </c>
      <c r="F5852">
        <v>19.564800000000002</v>
      </c>
    </row>
    <row r="5853" spans="1:6" x14ac:dyDescent="0.25">
      <c r="A5853">
        <v>145.88999999999999</v>
      </c>
      <c r="B5853">
        <v>204.04</v>
      </c>
      <c r="C5853">
        <v>6436.35</v>
      </c>
      <c r="D5853">
        <v>3.7</v>
      </c>
      <c r="E5853">
        <v>7581.09</v>
      </c>
      <c r="F5853">
        <v>19.581600000000002</v>
      </c>
    </row>
    <row r="5854" spans="1:6" x14ac:dyDescent="0.25">
      <c r="A5854">
        <v>145.88999999999999</v>
      </c>
      <c r="B5854">
        <v>204.04</v>
      </c>
      <c r="C5854">
        <v>6436.35</v>
      </c>
      <c r="D5854">
        <v>4</v>
      </c>
      <c r="E5854">
        <v>7595.07</v>
      </c>
      <c r="F5854">
        <v>19.6051</v>
      </c>
    </row>
    <row r="5855" spans="1:6" x14ac:dyDescent="0.25">
      <c r="A5855">
        <v>145.88999999999999</v>
      </c>
      <c r="B5855">
        <v>204.04</v>
      </c>
      <c r="C5855">
        <v>7981.8</v>
      </c>
      <c r="D5855">
        <v>1</v>
      </c>
      <c r="E5855">
        <v>11704.1</v>
      </c>
      <c r="F5855">
        <v>19.2102</v>
      </c>
    </row>
    <row r="5856" spans="1:6" x14ac:dyDescent="0.25">
      <c r="A5856">
        <v>145.88999999999999</v>
      </c>
      <c r="B5856">
        <v>204.04</v>
      </c>
      <c r="C5856">
        <v>7981.8</v>
      </c>
      <c r="D5856">
        <v>1.3</v>
      </c>
      <c r="E5856">
        <v>11070.8</v>
      </c>
      <c r="F5856">
        <v>18.633299999999998</v>
      </c>
    </row>
    <row r="5857" spans="1:6" x14ac:dyDescent="0.25">
      <c r="A5857">
        <v>145.88999999999999</v>
      </c>
      <c r="B5857">
        <v>204.04</v>
      </c>
      <c r="C5857">
        <v>7981.8</v>
      </c>
      <c r="D5857">
        <v>1.6</v>
      </c>
      <c r="E5857">
        <v>10683.9</v>
      </c>
      <c r="F5857">
        <v>18.923300000000001</v>
      </c>
    </row>
    <row r="5858" spans="1:6" x14ac:dyDescent="0.25">
      <c r="A5858">
        <v>145.88999999999999</v>
      </c>
      <c r="B5858">
        <v>204.04</v>
      </c>
      <c r="C5858">
        <v>7981.8</v>
      </c>
      <c r="D5858">
        <v>1.9</v>
      </c>
      <c r="E5858">
        <v>10248.299999999999</v>
      </c>
      <c r="F5858">
        <v>19.078600000000002</v>
      </c>
    </row>
    <row r="5859" spans="1:6" x14ac:dyDescent="0.25">
      <c r="A5859">
        <v>145.88999999999999</v>
      </c>
      <c r="B5859">
        <v>204.04</v>
      </c>
      <c r="C5859">
        <v>7981.8</v>
      </c>
      <c r="D5859">
        <v>2.2000000000000002</v>
      </c>
      <c r="E5859">
        <v>10007.299999999999</v>
      </c>
      <c r="F5859">
        <v>19.270199999999999</v>
      </c>
    </row>
    <row r="5860" spans="1:6" x14ac:dyDescent="0.25">
      <c r="A5860">
        <v>145.88999999999999</v>
      </c>
      <c r="B5860">
        <v>204.04</v>
      </c>
      <c r="C5860">
        <v>7981.8</v>
      </c>
      <c r="D5860">
        <v>2.5</v>
      </c>
      <c r="E5860">
        <v>9708.83</v>
      </c>
      <c r="F5860">
        <v>19.400099999999998</v>
      </c>
    </row>
    <row r="5861" spans="1:6" x14ac:dyDescent="0.25">
      <c r="A5861">
        <v>145.88999999999999</v>
      </c>
      <c r="B5861">
        <v>204.04</v>
      </c>
      <c r="C5861">
        <v>7981.8</v>
      </c>
      <c r="D5861">
        <v>2.8</v>
      </c>
      <c r="E5861">
        <v>9513.09</v>
      </c>
      <c r="F5861">
        <v>19.549299999999999</v>
      </c>
    </row>
    <row r="5862" spans="1:6" x14ac:dyDescent="0.25">
      <c r="A5862">
        <v>145.88999999999999</v>
      </c>
      <c r="B5862">
        <v>204.04</v>
      </c>
      <c r="C5862">
        <v>7981.8</v>
      </c>
      <c r="D5862">
        <v>3.1</v>
      </c>
      <c r="E5862">
        <v>9364.24</v>
      </c>
      <c r="F5862">
        <v>19.552800000000001</v>
      </c>
    </row>
    <row r="5863" spans="1:6" x14ac:dyDescent="0.25">
      <c r="A5863">
        <v>145.88999999999999</v>
      </c>
      <c r="B5863">
        <v>204.04</v>
      </c>
      <c r="C5863">
        <v>7981.8</v>
      </c>
      <c r="D5863">
        <v>3.4</v>
      </c>
      <c r="E5863">
        <v>9269.65</v>
      </c>
      <c r="F5863">
        <v>19.564800000000002</v>
      </c>
    </row>
    <row r="5864" spans="1:6" x14ac:dyDescent="0.25">
      <c r="A5864">
        <v>145.88999999999999</v>
      </c>
      <c r="B5864">
        <v>204.04</v>
      </c>
      <c r="C5864">
        <v>7981.8</v>
      </c>
      <c r="D5864">
        <v>3.7</v>
      </c>
      <c r="E5864">
        <v>9160.2800000000007</v>
      </c>
      <c r="F5864">
        <v>19.581600000000002</v>
      </c>
    </row>
    <row r="5865" spans="1:6" x14ac:dyDescent="0.25">
      <c r="A5865">
        <v>145.88999999999999</v>
      </c>
      <c r="B5865">
        <v>204.04</v>
      </c>
      <c r="C5865">
        <v>7981.8</v>
      </c>
      <c r="D5865">
        <v>4</v>
      </c>
      <c r="E5865">
        <v>9069</v>
      </c>
      <c r="F5865">
        <v>19.6051</v>
      </c>
    </row>
    <row r="5866" spans="1:6" x14ac:dyDescent="0.25">
      <c r="A5866">
        <v>145.88999999999999</v>
      </c>
      <c r="B5866">
        <v>204.04</v>
      </c>
      <c r="C5866">
        <v>9527.25</v>
      </c>
      <c r="D5866">
        <v>1</v>
      </c>
      <c r="E5866">
        <v>13361.2</v>
      </c>
      <c r="F5866">
        <v>19.2102</v>
      </c>
    </row>
    <row r="5867" spans="1:6" x14ac:dyDescent="0.25">
      <c r="A5867">
        <v>145.88999999999999</v>
      </c>
      <c r="B5867">
        <v>204.04</v>
      </c>
      <c r="C5867">
        <v>9527.25</v>
      </c>
      <c r="D5867">
        <v>1.3</v>
      </c>
      <c r="E5867">
        <v>12560.2</v>
      </c>
      <c r="F5867">
        <v>18.633299999999998</v>
      </c>
    </row>
    <row r="5868" spans="1:6" x14ac:dyDescent="0.25">
      <c r="A5868">
        <v>145.88999999999999</v>
      </c>
      <c r="B5868">
        <v>204.04</v>
      </c>
      <c r="C5868">
        <v>9527.25</v>
      </c>
      <c r="D5868">
        <v>1.6</v>
      </c>
      <c r="E5868">
        <v>11981</v>
      </c>
      <c r="F5868">
        <v>18.923300000000001</v>
      </c>
    </row>
    <row r="5869" spans="1:6" x14ac:dyDescent="0.25">
      <c r="A5869">
        <v>145.88999999999999</v>
      </c>
      <c r="B5869">
        <v>204.04</v>
      </c>
      <c r="C5869">
        <v>9527.25</v>
      </c>
      <c r="D5869">
        <v>1.9</v>
      </c>
      <c r="E5869">
        <v>11820.2</v>
      </c>
      <c r="F5869">
        <v>19.078600000000002</v>
      </c>
    </row>
    <row r="5870" spans="1:6" x14ac:dyDescent="0.25">
      <c r="A5870">
        <v>145.88999999999999</v>
      </c>
      <c r="B5870">
        <v>204.04</v>
      </c>
      <c r="C5870">
        <v>9527.25</v>
      </c>
      <c r="D5870">
        <v>2.2000000000000002</v>
      </c>
      <c r="E5870">
        <v>11400.7</v>
      </c>
      <c r="F5870">
        <v>19.270199999999999</v>
      </c>
    </row>
    <row r="5871" spans="1:6" x14ac:dyDescent="0.25">
      <c r="A5871">
        <v>145.88999999999999</v>
      </c>
      <c r="B5871">
        <v>204.04</v>
      </c>
      <c r="C5871">
        <v>9527.25</v>
      </c>
      <c r="D5871">
        <v>2.5</v>
      </c>
      <c r="E5871">
        <v>11226.4</v>
      </c>
      <c r="F5871">
        <v>19.400099999999998</v>
      </c>
    </row>
    <row r="5872" spans="1:6" x14ac:dyDescent="0.25">
      <c r="A5872">
        <v>145.88999999999999</v>
      </c>
      <c r="B5872">
        <v>204.04</v>
      </c>
      <c r="C5872">
        <v>9527.25</v>
      </c>
      <c r="D5872">
        <v>2.8</v>
      </c>
      <c r="E5872">
        <v>11102.9</v>
      </c>
      <c r="F5872">
        <v>19.549299999999999</v>
      </c>
    </row>
    <row r="5873" spans="1:6" x14ac:dyDescent="0.25">
      <c r="A5873">
        <v>145.88999999999999</v>
      </c>
      <c r="B5873">
        <v>204.04</v>
      </c>
      <c r="C5873">
        <v>9527.25</v>
      </c>
      <c r="D5873">
        <v>3.1</v>
      </c>
      <c r="E5873">
        <v>10958.1</v>
      </c>
      <c r="F5873">
        <v>19.552800000000001</v>
      </c>
    </row>
    <row r="5874" spans="1:6" x14ac:dyDescent="0.25">
      <c r="A5874">
        <v>145.88999999999999</v>
      </c>
      <c r="B5874">
        <v>204.04</v>
      </c>
      <c r="C5874">
        <v>9527.25</v>
      </c>
      <c r="D5874">
        <v>3.4</v>
      </c>
      <c r="E5874">
        <v>10845</v>
      </c>
      <c r="F5874">
        <v>19.564800000000002</v>
      </c>
    </row>
    <row r="5875" spans="1:6" x14ac:dyDescent="0.25">
      <c r="A5875">
        <v>145.88999999999999</v>
      </c>
      <c r="B5875">
        <v>204.04</v>
      </c>
      <c r="C5875">
        <v>9527.25</v>
      </c>
      <c r="D5875">
        <v>3.7</v>
      </c>
      <c r="E5875">
        <v>10755.4</v>
      </c>
      <c r="F5875">
        <v>19.581600000000002</v>
      </c>
    </row>
    <row r="5876" spans="1:6" x14ac:dyDescent="0.25">
      <c r="A5876">
        <v>145.88999999999999</v>
      </c>
      <c r="B5876">
        <v>204.04</v>
      </c>
      <c r="C5876">
        <v>9527.25</v>
      </c>
      <c r="D5876">
        <v>4</v>
      </c>
      <c r="E5876">
        <v>10685.7</v>
      </c>
      <c r="F5876">
        <v>19.6051</v>
      </c>
    </row>
    <row r="5877" spans="1:6" x14ac:dyDescent="0.25">
      <c r="A5877">
        <v>145.88999999999999</v>
      </c>
      <c r="B5877">
        <v>204.04</v>
      </c>
      <c r="C5877">
        <v>11072.7</v>
      </c>
      <c r="D5877">
        <v>1</v>
      </c>
      <c r="E5877">
        <v>14591.1</v>
      </c>
      <c r="F5877">
        <v>19.2102</v>
      </c>
    </row>
    <row r="5878" spans="1:6" x14ac:dyDescent="0.25">
      <c r="A5878">
        <v>145.88999999999999</v>
      </c>
      <c r="B5878">
        <v>204.04</v>
      </c>
      <c r="C5878">
        <v>11072.7</v>
      </c>
      <c r="D5878">
        <v>1.3</v>
      </c>
      <c r="E5878">
        <v>14097.9</v>
      </c>
      <c r="F5878">
        <v>18.633299999999998</v>
      </c>
    </row>
    <row r="5879" spans="1:6" x14ac:dyDescent="0.25">
      <c r="A5879">
        <v>145.88999999999999</v>
      </c>
      <c r="B5879">
        <v>204.04</v>
      </c>
      <c r="C5879">
        <v>11072.7</v>
      </c>
      <c r="D5879">
        <v>1.6</v>
      </c>
      <c r="E5879">
        <v>13521.2</v>
      </c>
      <c r="F5879">
        <v>18.923300000000001</v>
      </c>
    </row>
    <row r="5880" spans="1:6" x14ac:dyDescent="0.25">
      <c r="A5880">
        <v>145.88999999999999</v>
      </c>
      <c r="B5880">
        <v>204.04</v>
      </c>
      <c r="C5880">
        <v>11072.7</v>
      </c>
      <c r="D5880">
        <v>1.9</v>
      </c>
      <c r="E5880">
        <v>13331.7</v>
      </c>
      <c r="F5880">
        <v>19.078600000000002</v>
      </c>
    </row>
    <row r="5881" spans="1:6" x14ac:dyDescent="0.25">
      <c r="A5881">
        <v>145.88999999999999</v>
      </c>
      <c r="B5881">
        <v>204.04</v>
      </c>
      <c r="C5881">
        <v>11072.7</v>
      </c>
      <c r="D5881">
        <v>2.2000000000000002</v>
      </c>
      <c r="E5881">
        <v>12945.4</v>
      </c>
      <c r="F5881">
        <v>19.270199999999999</v>
      </c>
    </row>
    <row r="5882" spans="1:6" x14ac:dyDescent="0.25">
      <c r="A5882">
        <v>145.88999999999999</v>
      </c>
      <c r="B5882">
        <v>204.04</v>
      </c>
      <c r="C5882">
        <v>11072.7</v>
      </c>
      <c r="D5882">
        <v>2.5</v>
      </c>
      <c r="E5882">
        <v>12824.1</v>
      </c>
      <c r="F5882">
        <v>19.400099999999998</v>
      </c>
    </row>
    <row r="5883" spans="1:6" x14ac:dyDescent="0.25">
      <c r="A5883">
        <v>145.88999999999999</v>
      </c>
      <c r="B5883">
        <v>204.04</v>
      </c>
      <c r="C5883">
        <v>11072.7</v>
      </c>
      <c r="D5883">
        <v>2.8</v>
      </c>
      <c r="E5883">
        <v>12641.6</v>
      </c>
      <c r="F5883">
        <v>19.549299999999999</v>
      </c>
    </row>
    <row r="5884" spans="1:6" x14ac:dyDescent="0.25">
      <c r="A5884">
        <v>145.88999999999999</v>
      </c>
      <c r="B5884">
        <v>204.04</v>
      </c>
      <c r="C5884">
        <v>11072.7</v>
      </c>
      <c r="D5884">
        <v>3.1</v>
      </c>
      <c r="E5884">
        <v>12458.1</v>
      </c>
      <c r="F5884">
        <v>19.552800000000001</v>
      </c>
    </row>
    <row r="5885" spans="1:6" x14ac:dyDescent="0.25">
      <c r="A5885">
        <v>145.88999999999999</v>
      </c>
      <c r="B5885">
        <v>204.04</v>
      </c>
      <c r="C5885">
        <v>11072.7</v>
      </c>
      <c r="D5885">
        <v>3.4</v>
      </c>
      <c r="E5885">
        <v>12398.4</v>
      </c>
      <c r="F5885">
        <v>19.564800000000002</v>
      </c>
    </row>
    <row r="5886" spans="1:6" x14ac:dyDescent="0.25">
      <c r="A5886">
        <v>145.88999999999999</v>
      </c>
      <c r="B5886">
        <v>204.04</v>
      </c>
      <c r="C5886">
        <v>11072.7</v>
      </c>
      <c r="D5886">
        <v>3.7</v>
      </c>
      <c r="E5886">
        <v>12294</v>
      </c>
      <c r="F5886">
        <v>19.581600000000002</v>
      </c>
    </row>
    <row r="5887" spans="1:6" x14ac:dyDescent="0.25">
      <c r="A5887">
        <v>145.88999999999999</v>
      </c>
      <c r="B5887">
        <v>204.04</v>
      </c>
      <c r="C5887">
        <v>11072.7</v>
      </c>
      <c r="D5887">
        <v>4</v>
      </c>
      <c r="E5887">
        <v>12207.4</v>
      </c>
      <c r="F5887">
        <v>19.6051</v>
      </c>
    </row>
    <row r="5888" spans="1:6" x14ac:dyDescent="0.25">
      <c r="A5888">
        <v>145.88999999999999</v>
      </c>
      <c r="B5888">
        <v>204.04</v>
      </c>
      <c r="C5888">
        <v>12618.2</v>
      </c>
      <c r="D5888">
        <v>1</v>
      </c>
      <c r="E5888">
        <v>16426.3</v>
      </c>
      <c r="F5888">
        <v>19.2102</v>
      </c>
    </row>
    <row r="5889" spans="1:6" x14ac:dyDescent="0.25">
      <c r="A5889">
        <v>145.88999999999999</v>
      </c>
      <c r="B5889">
        <v>204.04</v>
      </c>
      <c r="C5889">
        <v>12618.2</v>
      </c>
      <c r="D5889">
        <v>1.3</v>
      </c>
      <c r="E5889">
        <v>15800.1</v>
      </c>
      <c r="F5889">
        <v>18.633299999999998</v>
      </c>
    </row>
    <row r="5890" spans="1:6" x14ac:dyDescent="0.25">
      <c r="A5890">
        <v>145.88999999999999</v>
      </c>
      <c r="B5890">
        <v>204.04</v>
      </c>
      <c r="C5890">
        <v>12618.2</v>
      </c>
      <c r="D5890">
        <v>1.6</v>
      </c>
      <c r="E5890">
        <v>15117.3</v>
      </c>
      <c r="F5890">
        <v>18.923300000000001</v>
      </c>
    </row>
    <row r="5891" spans="1:6" x14ac:dyDescent="0.25">
      <c r="A5891">
        <v>145.88999999999999</v>
      </c>
      <c r="B5891">
        <v>204.04</v>
      </c>
      <c r="C5891">
        <v>12618.2</v>
      </c>
      <c r="D5891">
        <v>1.9</v>
      </c>
      <c r="E5891">
        <v>14764.1</v>
      </c>
      <c r="F5891">
        <v>19.078600000000002</v>
      </c>
    </row>
    <row r="5892" spans="1:6" x14ac:dyDescent="0.25">
      <c r="A5892">
        <v>145.88999999999999</v>
      </c>
      <c r="B5892">
        <v>204.04</v>
      </c>
      <c r="C5892">
        <v>12618.2</v>
      </c>
      <c r="D5892">
        <v>2.2000000000000002</v>
      </c>
      <c r="E5892">
        <v>14614</v>
      </c>
      <c r="F5892">
        <v>19.270199999999999</v>
      </c>
    </row>
    <row r="5893" spans="1:6" x14ac:dyDescent="0.25">
      <c r="A5893">
        <v>145.88999999999999</v>
      </c>
      <c r="B5893">
        <v>204.04</v>
      </c>
      <c r="C5893">
        <v>12618.2</v>
      </c>
      <c r="D5893">
        <v>2.5</v>
      </c>
      <c r="E5893">
        <v>14372.5</v>
      </c>
      <c r="F5893">
        <v>19.400099999999998</v>
      </c>
    </row>
    <row r="5894" spans="1:6" x14ac:dyDescent="0.25">
      <c r="A5894">
        <v>145.88999999999999</v>
      </c>
      <c r="B5894">
        <v>204.04</v>
      </c>
      <c r="C5894">
        <v>12618.2</v>
      </c>
      <c r="D5894">
        <v>2.8</v>
      </c>
      <c r="E5894">
        <v>14164.7</v>
      </c>
      <c r="F5894">
        <v>19.549299999999999</v>
      </c>
    </row>
    <row r="5895" spans="1:6" x14ac:dyDescent="0.25">
      <c r="A5895">
        <v>145.88999999999999</v>
      </c>
      <c r="B5895">
        <v>204.04</v>
      </c>
      <c r="C5895">
        <v>12618.2</v>
      </c>
      <c r="D5895">
        <v>3.1</v>
      </c>
      <c r="E5895">
        <v>13970.1</v>
      </c>
      <c r="F5895">
        <v>19.552800000000001</v>
      </c>
    </row>
    <row r="5896" spans="1:6" x14ac:dyDescent="0.25">
      <c r="A5896">
        <v>145.88999999999999</v>
      </c>
      <c r="B5896">
        <v>204.04</v>
      </c>
      <c r="C5896">
        <v>12618.2</v>
      </c>
      <c r="D5896">
        <v>3.4</v>
      </c>
      <c r="E5896">
        <v>13935.6</v>
      </c>
      <c r="F5896">
        <v>19.564800000000002</v>
      </c>
    </row>
    <row r="5897" spans="1:6" x14ac:dyDescent="0.25">
      <c r="A5897">
        <v>145.88999999999999</v>
      </c>
      <c r="B5897">
        <v>204.04</v>
      </c>
      <c r="C5897">
        <v>12618.2</v>
      </c>
      <c r="D5897">
        <v>3.7</v>
      </c>
      <c r="E5897">
        <v>13831.8</v>
      </c>
      <c r="F5897">
        <v>19.581600000000002</v>
      </c>
    </row>
    <row r="5898" spans="1:6" x14ac:dyDescent="0.25">
      <c r="A5898">
        <v>145.88999999999999</v>
      </c>
      <c r="B5898">
        <v>204.04</v>
      </c>
      <c r="C5898">
        <v>12618.2</v>
      </c>
      <c r="D5898">
        <v>4</v>
      </c>
      <c r="E5898">
        <v>13757.2</v>
      </c>
      <c r="F5898">
        <v>19.6051</v>
      </c>
    </row>
    <row r="5899" spans="1:6" x14ac:dyDescent="0.25">
      <c r="A5899">
        <v>145.88999999999999</v>
      </c>
      <c r="B5899">
        <v>204.04</v>
      </c>
      <c r="C5899">
        <v>14163.6</v>
      </c>
      <c r="D5899">
        <v>1</v>
      </c>
      <c r="E5899">
        <v>17887.599999999999</v>
      </c>
      <c r="F5899">
        <v>19.2102</v>
      </c>
    </row>
    <row r="5900" spans="1:6" x14ac:dyDescent="0.25">
      <c r="A5900">
        <v>145.88999999999999</v>
      </c>
      <c r="B5900">
        <v>204.04</v>
      </c>
      <c r="C5900">
        <v>14163.6</v>
      </c>
      <c r="D5900">
        <v>1.3</v>
      </c>
      <c r="E5900">
        <v>17310.5</v>
      </c>
      <c r="F5900">
        <v>18.633299999999998</v>
      </c>
    </row>
    <row r="5901" spans="1:6" x14ac:dyDescent="0.25">
      <c r="A5901">
        <v>145.88999999999999</v>
      </c>
      <c r="B5901">
        <v>204.04</v>
      </c>
      <c r="C5901">
        <v>14163.6</v>
      </c>
      <c r="D5901">
        <v>1.6</v>
      </c>
      <c r="E5901">
        <v>16607.5</v>
      </c>
      <c r="F5901">
        <v>18.923300000000001</v>
      </c>
    </row>
    <row r="5902" spans="1:6" x14ac:dyDescent="0.25">
      <c r="A5902">
        <v>145.88999999999999</v>
      </c>
      <c r="B5902">
        <v>204.04</v>
      </c>
      <c r="C5902">
        <v>14163.6</v>
      </c>
      <c r="D5902">
        <v>1.9</v>
      </c>
      <c r="E5902">
        <v>16283.6</v>
      </c>
      <c r="F5902">
        <v>19.078600000000002</v>
      </c>
    </row>
    <row r="5903" spans="1:6" x14ac:dyDescent="0.25">
      <c r="A5903">
        <v>145.88999999999999</v>
      </c>
      <c r="B5903">
        <v>204.04</v>
      </c>
      <c r="C5903">
        <v>14163.6</v>
      </c>
      <c r="D5903">
        <v>2.2000000000000002</v>
      </c>
      <c r="E5903">
        <v>16184.3</v>
      </c>
      <c r="F5903">
        <v>19.270199999999999</v>
      </c>
    </row>
    <row r="5904" spans="1:6" x14ac:dyDescent="0.25">
      <c r="A5904">
        <v>145.88999999999999</v>
      </c>
      <c r="B5904">
        <v>204.04</v>
      </c>
      <c r="C5904">
        <v>14163.6</v>
      </c>
      <c r="D5904">
        <v>2.5</v>
      </c>
      <c r="E5904">
        <v>15974.1</v>
      </c>
      <c r="F5904">
        <v>19.400099999999998</v>
      </c>
    </row>
    <row r="5905" spans="1:6" x14ac:dyDescent="0.25">
      <c r="A5905">
        <v>145.88999999999999</v>
      </c>
      <c r="B5905">
        <v>204.04</v>
      </c>
      <c r="C5905">
        <v>14163.6</v>
      </c>
      <c r="D5905">
        <v>2.8</v>
      </c>
      <c r="E5905">
        <v>15595.5</v>
      </c>
      <c r="F5905">
        <v>19.549299999999999</v>
      </c>
    </row>
    <row r="5906" spans="1:6" x14ac:dyDescent="0.25">
      <c r="A5906">
        <v>145.88999999999999</v>
      </c>
      <c r="B5906">
        <v>204.04</v>
      </c>
      <c r="C5906">
        <v>14163.6</v>
      </c>
      <c r="D5906">
        <v>3.1</v>
      </c>
      <c r="E5906">
        <v>15541</v>
      </c>
      <c r="F5906">
        <v>19.552800000000001</v>
      </c>
    </row>
    <row r="5907" spans="1:6" x14ac:dyDescent="0.25">
      <c r="A5907">
        <v>145.88999999999999</v>
      </c>
      <c r="B5907">
        <v>204.04</v>
      </c>
      <c r="C5907">
        <v>14163.6</v>
      </c>
      <c r="D5907">
        <v>3.4</v>
      </c>
      <c r="E5907">
        <v>15400.7</v>
      </c>
      <c r="F5907">
        <v>19.564800000000002</v>
      </c>
    </row>
    <row r="5908" spans="1:6" x14ac:dyDescent="0.25">
      <c r="A5908">
        <v>145.88999999999999</v>
      </c>
      <c r="B5908">
        <v>204.04</v>
      </c>
      <c r="C5908">
        <v>14163.6</v>
      </c>
      <c r="D5908">
        <v>3.7</v>
      </c>
      <c r="E5908">
        <v>15399.7</v>
      </c>
      <c r="F5908">
        <v>19.581600000000002</v>
      </c>
    </row>
    <row r="5909" spans="1:6" x14ac:dyDescent="0.25">
      <c r="A5909">
        <v>145.88999999999999</v>
      </c>
      <c r="B5909">
        <v>204.04</v>
      </c>
      <c r="C5909">
        <v>14163.6</v>
      </c>
      <c r="D5909">
        <v>4</v>
      </c>
      <c r="E5909">
        <v>15314.7</v>
      </c>
      <c r="F5909">
        <v>19.6051</v>
      </c>
    </row>
    <row r="5910" spans="1:6" x14ac:dyDescent="0.25">
      <c r="A5910">
        <v>145.88999999999999</v>
      </c>
      <c r="B5910">
        <v>204.04</v>
      </c>
      <c r="C5910">
        <v>15709.1</v>
      </c>
      <c r="D5910">
        <v>1</v>
      </c>
      <c r="E5910">
        <v>19249.3</v>
      </c>
      <c r="F5910">
        <v>19.2102</v>
      </c>
    </row>
    <row r="5911" spans="1:6" x14ac:dyDescent="0.25">
      <c r="A5911">
        <v>145.88999999999999</v>
      </c>
      <c r="B5911">
        <v>204.04</v>
      </c>
      <c r="C5911">
        <v>15709.1</v>
      </c>
      <c r="D5911">
        <v>1.3</v>
      </c>
      <c r="E5911">
        <v>18721</v>
      </c>
      <c r="F5911">
        <v>18.633299999999998</v>
      </c>
    </row>
    <row r="5912" spans="1:6" x14ac:dyDescent="0.25">
      <c r="A5912">
        <v>145.88999999999999</v>
      </c>
      <c r="B5912">
        <v>204.04</v>
      </c>
      <c r="C5912">
        <v>15709.1</v>
      </c>
      <c r="D5912">
        <v>1.6</v>
      </c>
      <c r="E5912">
        <v>18395.900000000001</v>
      </c>
      <c r="F5912">
        <v>18.923300000000001</v>
      </c>
    </row>
    <row r="5913" spans="1:6" x14ac:dyDescent="0.25">
      <c r="A5913">
        <v>145.88999999999999</v>
      </c>
      <c r="B5913">
        <v>204.04</v>
      </c>
      <c r="C5913">
        <v>15709.1</v>
      </c>
      <c r="D5913">
        <v>1.9</v>
      </c>
      <c r="E5913">
        <v>17831.400000000001</v>
      </c>
      <c r="F5913">
        <v>19.078600000000002</v>
      </c>
    </row>
    <row r="5914" spans="1:6" x14ac:dyDescent="0.25">
      <c r="A5914">
        <v>145.88999999999999</v>
      </c>
      <c r="B5914">
        <v>204.04</v>
      </c>
      <c r="C5914">
        <v>15709.1</v>
      </c>
      <c r="D5914">
        <v>2.2000000000000002</v>
      </c>
      <c r="E5914">
        <v>17600.8</v>
      </c>
      <c r="F5914">
        <v>19.270199999999999</v>
      </c>
    </row>
    <row r="5915" spans="1:6" x14ac:dyDescent="0.25">
      <c r="A5915">
        <v>145.88999999999999</v>
      </c>
      <c r="B5915">
        <v>204.04</v>
      </c>
      <c r="C5915">
        <v>15709.1</v>
      </c>
      <c r="D5915">
        <v>2.5</v>
      </c>
      <c r="E5915">
        <v>17495.900000000001</v>
      </c>
      <c r="F5915">
        <v>19.400099999999998</v>
      </c>
    </row>
    <row r="5916" spans="1:6" x14ac:dyDescent="0.25">
      <c r="A5916">
        <v>145.88999999999999</v>
      </c>
      <c r="B5916">
        <v>204.04</v>
      </c>
      <c r="C5916">
        <v>15709.1</v>
      </c>
      <c r="D5916">
        <v>2.8</v>
      </c>
      <c r="E5916">
        <v>17243.099999999999</v>
      </c>
      <c r="F5916">
        <v>19.549299999999999</v>
      </c>
    </row>
    <row r="5917" spans="1:6" x14ac:dyDescent="0.25">
      <c r="A5917">
        <v>145.88999999999999</v>
      </c>
      <c r="B5917">
        <v>204.04</v>
      </c>
      <c r="C5917">
        <v>15709.1</v>
      </c>
      <c r="D5917">
        <v>3.1</v>
      </c>
      <c r="E5917">
        <v>17089.599999999999</v>
      </c>
      <c r="F5917">
        <v>19.552800000000001</v>
      </c>
    </row>
    <row r="5918" spans="1:6" x14ac:dyDescent="0.25">
      <c r="A5918">
        <v>145.88999999999999</v>
      </c>
      <c r="B5918">
        <v>204.04</v>
      </c>
      <c r="C5918">
        <v>15709.1</v>
      </c>
      <c r="D5918">
        <v>3.4</v>
      </c>
      <c r="E5918">
        <v>17019.5</v>
      </c>
      <c r="F5918">
        <v>19.564800000000002</v>
      </c>
    </row>
    <row r="5919" spans="1:6" x14ac:dyDescent="0.25">
      <c r="A5919">
        <v>145.88999999999999</v>
      </c>
      <c r="B5919">
        <v>204.04</v>
      </c>
      <c r="C5919">
        <v>15709.1</v>
      </c>
      <c r="D5919">
        <v>3.7</v>
      </c>
      <c r="E5919">
        <v>16877</v>
      </c>
      <c r="F5919">
        <v>19.581600000000002</v>
      </c>
    </row>
    <row r="5920" spans="1:6" x14ac:dyDescent="0.25">
      <c r="A5920">
        <v>145.88999999999999</v>
      </c>
      <c r="B5920">
        <v>204.04</v>
      </c>
      <c r="C5920">
        <v>15709.1</v>
      </c>
      <c r="D5920">
        <v>4</v>
      </c>
      <c r="E5920">
        <v>16819.599999999999</v>
      </c>
      <c r="F5920">
        <v>19.6051</v>
      </c>
    </row>
    <row r="5921" spans="1:6" x14ac:dyDescent="0.25">
      <c r="A5921">
        <v>145.88999999999999</v>
      </c>
      <c r="B5921">
        <v>204.04</v>
      </c>
      <c r="C5921">
        <v>17254.5</v>
      </c>
      <c r="D5921">
        <v>1</v>
      </c>
      <c r="E5921">
        <v>20794.400000000001</v>
      </c>
      <c r="F5921">
        <v>19.2102</v>
      </c>
    </row>
    <row r="5922" spans="1:6" x14ac:dyDescent="0.25">
      <c r="A5922">
        <v>145.88999999999999</v>
      </c>
      <c r="B5922">
        <v>204.04</v>
      </c>
      <c r="C5922">
        <v>17254.5</v>
      </c>
      <c r="D5922">
        <v>1.3</v>
      </c>
      <c r="E5922">
        <v>20207.8</v>
      </c>
      <c r="F5922">
        <v>18.633299999999998</v>
      </c>
    </row>
    <row r="5923" spans="1:6" x14ac:dyDescent="0.25">
      <c r="A5923">
        <v>145.88999999999999</v>
      </c>
      <c r="B5923">
        <v>204.04</v>
      </c>
      <c r="C5923">
        <v>17254.5</v>
      </c>
      <c r="D5923">
        <v>1.6</v>
      </c>
      <c r="E5923">
        <v>19859.599999999999</v>
      </c>
      <c r="F5923">
        <v>18.923300000000001</v>
      </c>
    </row>
    <row r="5924" spans="1:6" x14ac:dyDescent="0.25">
      <c r="A5924">
        <v>145.88999999999999</v>
      </c>
      <c r="B5924">
        <v>204.04</v>
      </c>
      <c r="C5924">
        <v>17254.5</v>
      </c>
      <c r="D5924">
        <v>1.9</v>
      </c>
      <c r="E5924">
        <v>19431.5</v>
      </c>
      <c r="F5924">
        <v>19.078600000000002</v>
      </c>
    </row>
    <row r="5925" spans="1:6" x14ac:dyDescent="0.25">
      <c r="A5925">
        <v>145.88999999999999</v>
      </c>
      <c r="B5925">
        <v>204.04</v>
      </c>
      <c r="C5925">
        <v>17254.5</v>
      </c>
      <c r="D5925">
        <v>2.2000000000000002</v>
      </c>
      <c r="E5925">
        <v>19118.900000000001</v>
      </c>
      <c r="F5925">
        <v>19.270199999999999</v>
      </c>
    </row>
    <row r="5926" spans="1:6" x14ac:dyDescent="0.25">
      <c r="A5926">
        <v>145.88999999999999</v>
      </c>
      <c r="B5926">
        <v>204.04</v>
      </c>
      <c r="C5926">
        <v>17254.5</v>
      </c>
      <c r="D5926">
        <v>2.5</v>
      </c>
      <c r="E5926">
        <v>19007.2</v>
      </c>
      <c r="F5926">
        <v>19.400099999999998</v>
      </c>
    </row>
    <row r="5927" spans="1:6" x14ac:dyDescent="0.25">
      <c r="A5927">
        <v>145.88999999999999</v>
      </c>
      <c r="B5927">
        <v>204.04</v>
      </c>
      <c r="C5927">
        <v>17254.5</v>
      </c>
      <c r="D5927">
        <v>2.8</v>
      </c>
      <c r="E5927">
        <v>18829.099999999999</v>
      </c>
      <c r="F5927">
        <v>19.549299999999999</v>
      </c>
    </row>
    <row r="5928" spans="1:6" x14ac:dyDescent="0.25">
      <c r="A5928">
        <v>145.88999999999999</v>
      </c>
      <c r="B5928">
        <v>204.04</v>
      </c>
      <c r="C5928">
        <v>17254.5</v>
      </c>
      <c r="D5928">
        <v>3.1</v>
      </c>
      <c r="E5928">
        <v>18660</v>
      </c>
      <c r="F5928">
        <v>19.552800000000001</v>
      </c>
    </row>
    <row r="5929" spans="1:6" x14ac:dyDescent="0.25">
      <c r="A5929">
        <v>145.88999999999999</v>
      </c>
      <c r="B5929">
        <v>204.04</v>
      </c>
      <c r="C5929">
        <v>17254.5</v>
      </c>
      <c r="D5929">
        <v>3.4</v>
      </c>
      <c r="E5929">
        <v>18603.5</v>
      </c>
      <c r="F5929">
        <v>19.564800000000002</v>
      </c>
    </row>
    <row r="5930" spans="1:6" x14ac:dyDescent="0.25">
      <c r="A5930">
        <v>145.88999999999999</v>
      </c>
      <c r="B5930">
        <v>204.04</v>
      </c>
      <c r="C5930">
        <v>17254.5</v>
      </c>
      <c r="D5930">
        <v>3.7</v>
      </c>
      <c r="E5930">
        <v>18420.5</v>
      </c>
      <c r="F5930">
        <v>19.581600000000002</v>
      </c>
    </row>
    <row r="5931" spans="1:6" x14ac:dyDescent="0.25">
      <c r="A5931">
        <v>145.88999999999999</v>
      </c>
      <c r="B5931">
        <v>204.04</v>
      </c>
      <c r="C5931">
        <v>17254.5</v>
      </c>
      <c r="D5931">
        <v>4</v>
      </c>
      <c r="E5931">
        <v>18355.3</v>
      </c>
      <c r="F5931">
        <v>19.6051</v>
      </c>
    </row>
    <row r="5932" spans="1:6" x14ac:dyDescent="0.25">
      <c r="A5932">
        <v>145.88999999999999</v>
      </c>
      <c r="B5932">
        <v>204.04</v>
      </c>
      <c r="C5932">
        <v>18800</v>
      </c>
      <c r="D5932">
        <v>1</v>
      </c>
      <c r="E5932">
        <v>22425.3</v>
      </c>
      <c r="F5932">
        <v>19.2102</v>
      </c>
    </row>
    <row r="5933" spans="1:6" x14ac:dyDescent="0.25">
      <c r="A5933">
        <v>145.88999999999999</v>
      </c>
      <c r="B5933">
        <v>204.04</v>
      </c>
      <c r="C5933">
        <v>18800</v>
      </c>
      <c r="D5933">
        <v>1.3</v>
      </c>
      <c r="E5933">
        <v>21785.599999999999</v>
      </c>
      <c r="F5933">
        <v>18.633299999999998</v>
      </c>
    </row>
    <row r="5934" spans="1:6" x14ac:dyDescent="0.25">
      <c r="A5934">
        <v>145.88999999999999</v>
      </c>
      <c r="B5934">
        <v>204.04</v>
      </c>
      <c r="C5934">
        <v>18800</v>
      </c>
      <c r="D5934">
        <v>1.6</v>
      </c>
      <c r="E5934">
        <v>21242.3</v>
      </c>
      <c r="F5934">
        <v>18.923300000000001</v>
      </c>
    </row>
    <row r="5935" spans="1:6" x14ac:dyDescent="0.25">
      <c r="A5935">
        <v>145.88999999999999</v>
      </c>
      <c r="B5935">
        <v>204.04</v>
      </c>
      <c r="C5935">
        <v>18800</v>
      </c>
      <c r="D5935">
        <v>1.9</v>
      </c>
      <c r="E5935">
        <v>21094.7</v>
      </c>
      <c r="F5935">
        <v>19.078600000000002</v>
      </c>
    </row>
    <row r="5936" spans="1:6" x14ac:dyDescent="0.25">
      <c r="A5936">
        <v>145.88999999999999</v>
      </c>
      <c r="B5936">
        <v>204.04</v>
      </c>
      <c r="C5936">
        <v>18800</v>
      </c>
      <c r="D5936">
        <v>2.2000000000000002</v>
      </c>
      <c r="E5936">
        <v>20701.099999999999</v>
      </c>
      <c r="F5936">
        <v>19.270199999999999</v>
      </c>
    </row>
    <row r="5937" spans="1:6" x14ac:dyDescent="0.25">
      <c r="A5937">
        <v>145.88999999999999</v>
      </c>
      <c r="B5937">
        <v>204.04</v>
      </c>
      <c r="C5937">
        <v>18800</v>
      </c>
      <c r="D5937">
        <v>2.5</v>
      </c>
      <c r="E5937">
        <v>20614.3</v>
      </c>
      <c r="F5937">
        <v>19.400099999999998</v>
      </c>
    </row>
    <row r="5938" spans="1:6" x14ac:dyDescent="0.25">
      <c r="A5938">
        <v>145.88999999999999</v>
      </c>
      <c r="B5938">
        <v>204.04</v>
      </c>
      <c r="C5938">
        <v>18800</v>
      </c>
      <c r="D5938">
        <v>2.8</v>
      </c>
      <c r="E5938">
        <v>20267.599999999999</v>
      </c>
      <c r="F5938">
        <v>19.549299999999999</v>
      </c>
    </row>
    <row r="5939" spans="1:6" x14ac:dyDescent="0.25">
      <c r="A5939">
        <v>145.88999999999999</v>
      </c>
      <c r="B5939">
        <v>204.04</v>
      </c>
      <c r="C5939">
        <v>18800</v>
      </c>
      <c r="D5939">
        <v>3.1</v>
      </c>
      <c r="E5939">
        <v>20253.5</v>
      </c>
      <c r="F5939">
        <v>19.552800000000001</v>
      </c>
    </row>
    <row r="5940" spans="1:6" x14ac:dyDescent="0.25">
      <c r="A5940">
        <v>145.88999999999999</v>
      </c>
      <c r="B5940">
        <v>204.04</v>
      </c>
      <c r="C5940">
        <v>18800</v>
      </c>
      <c r="D5940">
        <v>3.4</v>
      </c>
      <c r="E5940">
        <v>20030.8</v>
      </c>
      <c r="F5940">
        <v>19.564800000000002</v>
      </c>
    </row>
    <row r="5941" spans="1:6" x14ac:dyDescent="0.25">
      <c r="A5941">
        <v>145.88999999999999</v>
      </c>
      <c r="B5941">
        <v>204.04</v>
      </c>
      <c r="C5941">
        <v>18800</v>
      </c>
      <c r="D5941">
        <v>3.7</v>
      </c>
      <c r="E5941">
        <v>20045</v>
      </c>
      <c r="F5941">
        <v>19.581600000000002</v>
      </c>
    </row>
    <row r="5942" spans="1:6" x14ac:dyDescent="0.25">
      <c r="A5942">
        <v>145.88999999999999</v>
      </c>
      <c r="B5942">
        <v>204.04</v>
      </c>
      <c r="C5942">
        <v>18800</v>
      </c>
      <c r="D5942">
        <v>4</v>
      </c>
      <c r="E5942">
        <v>19966.599999999999</v>
      </c>
      <c r="F5942">
        <v>19.6051</v>
      </c>
    </row>
    <row r="5943" spans="1:6" x14ac:dyDescent="0.25">
      <c r="A5943">
        <v>145.88999999999999</v>
      </c>
      <c r="B5943">
        <v>207.67</v>
      </c>
      <c r="C5943">
        <v>1800</v>
      </c>
      <c r="D5943">
        <v>1</v>
      </c>
      <c r="E5943">
        <v>5539.43</v>
      </c>
      <c r="F5943">
        <v>49.875599999999999</v>
      </c>
    </row>
    <row r="5944" spans="1:6" x14ac:dyDescent="0.25">
      <c r="A5944">
        <v>145.88999999999999</v>
      </c>
      <c r="B5944">
        <v>207.67</v>
      </c>
      <c r="C5944">
        <v>1800</v>
      </c>
      <c r="D5944">
        <v>1.3</v>
      </c>
      <c r="E5944">
        <v>4982.75</v>
      </c>
      <c r="F5944">
        <v>62.082500000000003</v>
      </c>
    </row>
    <row r="5945" spans="1:6" x14ac:dyDescent="0.25">
      <c r="A5945">
        <v>145.88999999999999</v>
      </c>
      <c r="B5945">
        <v>207.67</v>
      </c>
      <c r="C5945">
        <v>1800</v>
      </c>
      <c r="D5945">
        <v>1.6</v>
      </c>
      <c r="E5945">
        <v>4600.26</v>
      </c>
      <c r="F5945">
        <v>70.093800000000002</v>
      </c>
    </row>
    <row r="5946" spans="1:6" x14ac:dyDescent="0.25">
      <c r="A5946">
        <v>145.88999999999999</v>
      </c>
      <c r="B5946">
        <v>207.67</v>
      </c>
      <c r="C5946">
        <v>1800</v>
      </c>
      <c r="D5946">
        <v>1.9</v>
      </c>
      <c r="E5946">
        <v>4241.8599999999997</v>
      </c>
      <c r="F5946">
        <v>77.347200000000001</v>
      </c>
    </row>
    <row r="5947" spans="1:6" x14ac:dyDescent="0.25">
      <c r="A5947">
        <v>145.88999999999999</v>
      </c>
      <c r="B5947">
        <v>207.67</v>
      </c>
      <c r="C5947">
        <v>1800</v>
      </c>
      <c r="D5947">
        <v>2.2000000000000002</v>
      </c>
      <c r="E5947">
        <v>4048.23</v>
      </c>
      <c r="F5947">
        <v>80.308700000000002</v>
      </c>
    </row>
    <row r="5948" spans="1:6" x14ac:dyDescent="0.25">
      <c r="A5948">
        <v>145.88999999999999</v>
      </c>
      <c r="B5948">
        <v>207.67</v>
      </c>
      <c r="C5948">
        <v>1800</v>
      </c>
      <c r="D5948">
        <v>2.5</v>
      </c>
      <c r="E5948">
        <v>3837.79</v>
      </c>
      <c r="F5948">
        <v>86.256299999999996</v>
      </c>
    </row>
    <row r="5949" spans="1:6" x14ac:dyDescent="0.25">
      <c r="A5949">
        <v>145.88999999999999</v>
      </c>
      <c r="B5949">
        <v>207.67</v>
      </c>
      <c r="C5949">
        <v>1800</v>
      </c>
      <c r="D5949">
        <v>2.8</v>
      </c>
      <c r="E5949">
        <v>3670.31</v>
      </c>
      <c r="F5949">
        <v>90.005399999999995</v>
      </c>
    </row>
    <row r="5950" spans="1:6" x14ac:dyDescent="0.25">
      <c r="A5950">
        <v>145.88999999999999</v>
      </c>
      <c r="B5950">
        <v>207.67</v>
      </c>
      <c r="C5950">
        <v>1800</v>
      </c>
      <c r="D5950">
        <v>3.1</v>
      </c>
      <c r="E5950">
        <v>3549.94</v>
      </c>
      <c r="F5950">
        <v>92.760199999999998</v>
      </c>
    </row>
    <row r="5951" spans="1:6" x14ac:dyDescent="0.25">
      <c r="A5951">
        <v>145.88999999999999</v>
      </c>
      <c r="B5951">
        <v>207.67</v>
      </c>
      <c r="C5951">
        <v>1800</v>
      </c>
      <c r="D5951">
        <v>3.4</v>
      </c>
      <c r="E5951">
        <v>3437.2</v>
      </c>
      <c r="F5951">
        <v>95.46</v>
      </c>
    </row>
    <row r="5952" spans="1:6" x14ac:dyDescent="0.25">
      <c r="A5952">
        <v>145.88999999999999</v>
      </c>
      <c r="B5952">
        <v>207.67</v>
      </c>
      <c r="C5952">
        <v>1800</v>
      </c>
      <c r="D5952">
        <v>3.7</v>
      </c>
      <c r="E5952">
        <v>3345.19</v>
      </c>
      <c r="F5952">
        <v>99.426100000000005</v>
      </c>
    </row>
    <row r="5953" spans="1:6" x14ac:dyDescent="0.25">
      <c r="A5953">
        <v>145.88999999999999</v>
      </c>
      <c r="B5953">
        <v>207.67</v>
      </c>
      <c r="C5953">
        <v>1800</v>
      </c>
      <c r="D5953">
        <v>4</v>
      </c>
      <c r="E5953">
        <v>3300.08</v>
      </c>
      <c r="F5953">
        <v>99.483400000000003</v>
      </c>
    </row>
    <row r="5954" spans="1:6" x14ac:dyDescent="0.25">
      <c r="A5954">
        <v>145.88999999999999</v>
      </c>
      <c r="B5954">
        <v>207.67</v>
      </c>
      <c r="C5954">
        <v>3345.45</v>
      </c>
      <c r="D5954">
        <v>1</v>
      </c>
      <c r="E5954">
        <v>7087.77</v>
      </c>
      <c r="F5954">
        <v>21.169699999999999</v>
      </c>
    </row>
    <row r="5955" spans="1:6" x14ac:dyDescent="0.25">
      <c r="A5955">
        <v>145.88999999999999</v>
      </c>
      <c r="B5955">
        <v>207.67</v>
      </c>
      <c r="C5955">
        <v>3345.45</v>
      </c>
      <c r="D5955">
        <v>1.3</v>
      </c>
      <c r="E5955">
        <v>6385.28</v>
      </c>
      <c r="F5955">
        <v>24.3752</v>
      </c>
    </row>
    <row r="5956" spans="1:6" x14ac:dyDescent="0.25">
      <c r="A5956">
        <v>145.88999999999999</v>
      </c>
      <c r="B5956">
        <v>207.67</v>
      </c>
      <c r="C5956">
        <v>3345.45</v>
      </c>
      <c r="D5956">
        <v>1.6</v>
      </c>
      <c r="E5956">
        <v>5884.05</v>
      </c>
      <c r="F5956">
        <v>28.726500000000001</v>
      </c>
    </row>
    <row r="5957" spans="1:6" x14ac:dyDescent="0.25">
      <c r="A5957">
        <v>145.88999999999999</v>
      </c>
      <c r="B5957">
        <v>207.67</v>
      </c>
      <c r="C5957">
        <v>3345.45</v>
      </c>
      <c r="D5957">
        <v>1.9</v>
      </c>
      <c r="E5957">
        <v>5675.33</v>
      </c>
      <c r="F5957">
        <v>31.595099999999999</v>
      </c>
    </row>
    <row r="5958" spans="1:6" x14ac:dyDescent="0.25">
      <c r="A5958">
        <v>145.88999999999999</v>
      </c>
      <c r="B5958">
        <v>207.67</v>
      </c>
      <c r="C5958">
        <v>3345.45</v>
      </c>
      <c r="D5958">
        <v>2.2000000000000002</v>
      </c>
      <c r="E5958">
        <v>5512.63</v>
      </c>
      <c r="F5958">
        <v>33.855899999999998</v>
      </c>
    </row>
    <row r="5959" spans="1:6" x14ac:dyDescent="0.25">
      <c r="A5959">
        <v>145.88999999999999</v>
      </c>
      <c r="B5959">
        <v>207.67</v>
      </c>
      <c r="C5959">
        <v>3345.45</v>
      </c>
      <c r="D5959">
        <v>2.5</v>
      </c>
      <c r="E5959">
        <v>5285.01</v>
      </c>
      <c r="F5959">
        <v>36.470599999999997</v>
      </c>
    </row>
    <row r="5960" spans="1:6" x14ac:dyDescent="0.25">
      <c r="A5960">
        <v>145.88999999999999</v>
      </c>
      <c r="B5960">
        <v>207.67</v>
      </c>
      <c r="C5960">
        <v>3345.45</v>
      </c>
      <c r="D5960">
        <v>2.8</v>
      </c>
      <c r="E5960">
        <v>5142.46</v>
      </c>
      <c r="F5960">
        <v>39.658499999999997</v>
      </c>
    </row>
    <row r="5961" spans="1:6" x14ac:dyDescent="0.25">
      <c r="A5961">
        <v>145.88999999999999</v>
      </c>
      <c r="B5961">
        <v>207.67</v>
      </c>
      <c r="C5961">
        <v>3345.45</v>
      </c>
      <c r="D5961">
        <v>3.1</v>
      </c>
      <c r="E5961">
        <v>4999.7</v>
      </c>
      <c r="F5961">
        <v>42.356000000000002</v>
      </c>
    </row>
    <row r="5962" spans="1:6" x14ac:dyDescent="0.25">
      <c r="A5962">
        <v>145.88999999999999</v>
      </c>
      <c r="B5962">
        <v>207.67</v>
      </c>
      <c r="C5962">
        <v>3345.45</v>
      </c>
      <c r="D5962">
        <v>3.4</v>
      </c>
      <c r="E5962">
        <v>4934.09</v>
      </c>
      <c r="F5962">
        <v>42.846699999999998</v>
      </c>
    </row>
    <row r="5963" spans="1:6" x14ac:dyDescent="0.25">
      <c r="A5963">
        <v>145.88999999999999</v>
      </c>
      <c r="B5963">
        <v>207.67</v>
      </c>
      <c r="C5963">
        <v>3345.45</v>
      </c>
      <c r="D5963">
        <v>3.7</v>
      </c>
      <c r="E5963">
        <v>4792.03</v>
      </c>
      <c r="F5963">
        <v>43.519199999999998</v>
      </c>
    </row>
    <row r="5964" spans="1:6" x14ac:dyDescent="0.25">
      <c r="A5964">
        <v>145.88999999999999</v>
      </c>
      <c r="B5964">
        <v>207.67</v>
      </c>
      <c r="C5964">
        <v>3345.45</v>
      </c>
      <c r="D5964">
        <v>4</v>
      </c>
      <c r="E5964">
        <v>4745.34</v>
      </c>
      <c r="F5964">
        <v>42.441699999999997</v>
      </c>
    </row>
    <row r="5965" spans="1:6" x14ac:dyDescent="0.25">
      <c r="A5965">
        <v>145.88999999999999</v>
      </c>
      <c r="B5965">
        <v>207.67</v>
      </c>
      <c r="C5965">
        <v>4890.8999999999996</v>
      </c>
      <c r="D5965">
        <v>1</v>
      </c>
      <c r="E5965">
        <v>8713.67</v>
      </c>
      <c r="F5965">
        <v>15.7843</v>
      </c>
    </row>
    <row r="5966" spans="1:6" x14ac:dyDescent="0.25">
      <c r="A5966">
        <v>145.88999999999999</v>
      </c>
      <c r="B5966">
        <v>207.67</v>
      </c>
      <c r="C5966">
        <v>4890.8999999999996</v>
      </c>
      <c r="D5966">
        <v>1.3</v>
      </c>
      <c r="E5966">
        <v>7737.73</v>
      </c>
      <c r="F5966">
        <v>16.549600000000002</v>
      </c>
    </row>
    <row r="5967" spans="1:6" x14ac:dyDescent="0.25">
      <c r="A5967">
        <v>145.88999999999999</v>
      </c>
      <c r="B5967">
        <v>207.67</v>
      </c>
      <c r="C5967">
        <v>4890.8999999999996</v>
      </c>
      <c r="D5967">
        <v>1.6</v>
      </c>
      <c r="E5967">
        <v>7230.14</v>
      </c>
      <c r="F5967">
        <v>16.377500000000001</v>
      </c>
    </row>
    <row r="5968" spans="1:6" x14ac:dyDescent="0.25">
      <c r="A5968">
        <v>145.88999999999999</v>
      </c>
      <c r="B5968">
        <v>207.67</v>
      </c>
      <c r="C5968">
        <v>4890.8999999999996</v>
      </c>
      <c r="D5968">
        <v>1.9</v>
      </c>
      <c r="E5968">
        <v>7101.14</v>
      </c>
      <c r="F5968">
        <v>16.289899999999999</v>
      </c>
    </row>
    <row r="5969" spans="1:6" x14ac:dyDescent="0.25">
      <c r="A5969">
        <v>145.88999999999999</v>
      </c>
      <c r="B5969">
        <v>207.67</v>
      </c>
      <c r="C5969">
        <v>4890.8999999999996</v>
      </c>
      <c r="D5969">
        <v>2.2000000000000002</v>
      </c>
      <c r="E5969">
        <v>6756.31</v>
      </c>
      <c r="F5969">
        <v>16.1449</v>
      </c>
    </row>
    <row r="5970" spans="1:6" x14ac:dyDescent="0.25">
      <c r="A5970">
        <v>145.88999999999999</v>
      </c>
      <c r="B5970">
        <v>207.67</v>
      </c>
      <c r="C5970">
        <v>4890.8999999999996</v>
      </c>
      <c r="D5970">
        <v>2.5</v>
      </c>
      <c r="E5970">
        <v>6708.43</v>
      </c>
      <c r="F5970">
        <v>16.0657</v>
      </c>
    </row>
    <row r="5971" spans="1:6" x14ac:dyDescent="0.25">
      <c r="A5971">
        <v>145.88999999999999</v>
      </c>
      <c r="B5971">
        <v>207.67</v>
      </c>
      <c r="C5971">
        <v>4890.8999999999996</v>
      </c>
      <c r="D5971">
        <v>2.8</v>
      </c>
      <c r="E5971">
        <v>6447.9</v>
      </c>
      <c r="F5971">
        <v>17.335799999999999</v>
      </c>
    </row>
    <row r="5972" spans="1:6" x14ac:dyDescent="0.25">
      <c r="A5972">
        <v>145.88999999999999</v>
      </c>
      <c r="B5972">
        <v>207.67</v>
      </c>
      <c r="C5972">
        <v>4890.8999999999996</v>
      </c>
      <c r="D5972">
        <v>3.1</v>
      </c>
      <c r="E5972">
        <v>6370.74</v>
      </c>
      <c r="F5972">
        <v>17.098400000000002</v>
      </c>
    </row>
    <row r="5973" spans="1:6" x14ac:dyDescent="0.25">
      <c r="A5973">
        <v>145.88999999999999</v>
      </c>
      <c r="B5973">
        <v>207.67</v>
      </c>
      <c r="C5973">
        <v>4890.8999999999996</v>
      </c>
      <c r="D5973">
        <v>3.4</v>
      </c>
      <c r="E5973">
        <v>6289.88</v>
      </c>
      <c r="F5973">
        <v>17.5886</v>
      </c>
    </row>
    <row r="5974" spans="1:6" x14ac:dyDescent="0.25">
      <c r="A5974">
        <v>145.88999999999999</v>
      </c>
      <c r="B5974">
        <v>207.67</v>
      </c>
      <c r="C5974">
        <v>4890.8999999999996</v>
      </c>
      <c r="D5974">
        <v>3.7</v>
      </c>
      <c r="E5974">
        <v>6239.11</v>
      </c>
      <c r="F5974">
        <v>19.082799999999999</v>
      </c>
    </row>
    <row r="5975" spans="1:6" x14ac:dyDescent="0.25">
      <c r="A5975">
        <v>145.88999999999999</v>
      </c>
      <c r="B5975">
        <v>207.67</v>
      </c>
      <c r="C5975">
        <v>4890.8999999999996</v>
      </c>
      <c r="D5975">
        <v>4</v>
      </c>
      <c r="E5975">
        <v>6130.59</v>
      </c>
      <c r="F5975">
        <v>18.860199999999999</v>
      </c>
    </row>
    <row r="5976" spans="1:6" x14ac:dyDescent="0.25">
      <c r="A5976">
        <v>145.88999999999999</v>
      </c>
      <c r="B5976">
        <v>207.67</v>
      </c>
      <c r="C5976">
        <v>6436.35</v>
      </c>
      <c r="D5976">
        <v>1</v>
      </c>
      <c r="E5976">
        <v>10124.4</v>
      </c>
      <c r="F5976">
        <v>19.2102</v>
      </c>
    </row>
    <row r="5977" spans="1:6" x14ac:dyDescent="0.25">
      <c r="A5977">
        <v>145.88999999999999</v>
      </c>
      <c r="B5977">
        <v>207.67</v>
      </c>
      <c r="C5977">
        <v>6436.35</v>
      </c>
      <c r="D5977">
        <v>1.3</v>
      </c>
      <c r="E5977">
        <v>9458.7199999999993</v>
      </c>
      <c r="F5977">
        <v>18.633299999999998</v>
      </c>
    </row>
    <row r="5978" spans="1:6" x14ac:dyDescent="0.25">
      <c r="A5978">
        <v>145.88999999999999</v>
      </c>
      <c r="B5978">
        <v>207.67</v>
      </c>
      <c r="C5978">
        <v>6436.35</v>
      </c>
      <c r="D5978">
        <v>1.6</v>
      </c>
      <c r="E5978">
        <v>9013.58</v>
      </c>
      <c r="F5978">
        <v>18.923300000000001</v>
      </c>
    </row>
    <row r="5979" spans="1:6" x14ac:dyDescent="0.25">
      <c r="A5979">
        <v>145.88999999999999</v>
      </c>
      <c r="B5979">
        <v>207.67</v>
      </c>
      <c r="C5979">
        <v>6436.35</v>
      </c>
      <c r="D5979">
        <v>1.9</v>
      </c>
      <c r="E5979">
        <v>8548.1200000000008</v>
      </c>
      <c r="F5979">
        <v>19.078600000000002</v>
      </c>
    </row>
    <row r="5980" spans="1:6" x14ac:dyDescent="0.25">
      <c r="A5980">
        <v>145.88999999999999</v>
      </c>
      <c r="B5980">
        <v>207.67</v>
      </c>
      <c r="C5980">
        <v>6436.35</v>
      </c>
      <c r="D5980">
        <v>2.2000000000000002</v>
      </c>
      <c r="E5980">
        <v>8437.35</v>
      </c>
      <c r="F5980">
        <v>19.270199999999999</v>
      </c>
    </row>
    <row r="5981" spans="1:6" x14ac:dyDescent="0.25">
      <c r="A5981">
        <v>145.88999999999999</v>
      </c>
      <c r="B5981">
        <v>207.67</v>
      </c>
      <c r="C5981">
        <v>6436.35</v>
      </c>
      <c r="D5981">
        <v>2.5</v>
      </c>
      <c r="E5981">
        <v>8200.4</v>
      </c>
      <c r="F5981">
        <v>19.400099999999998</v>
      </c>
    </row>
    <row r="5982" spans="1:6" x14ac:dyDescent="0.25">
      <c r="A5982">
        <v>145.88999999999999</v>
      </c>
      <c r="B5982">
        <v>207.67</v>
      </c>
      <c r="C5982">
        <v>6436.35</v>
      </c>
      <c r="D5982">
        <v>2.8</v>
      </c>
      <c r="E5982">
        <v>7982.34</v>
      </c>
      <c r="F5982">
        <v>19.549299999999999</v>
      </c>
    </row>
    <row r="5983" spans="1:6" x14ac:dyDescent="0.25">
      <c r="A5983">
        <v>145.88999999999999</v>
      </c>
      <c r="B5983">
        <v>207.67</v>
      </c>
      <c r="C5983">
        <v>6436.35</v>
      </c>
      <c r="D5983">
        <v>3.1</v>
      </c>
      <c r="E5983">
        <v>7859.52</v>
      </c>
      <c r="F5983">
        <v>19.552800000000001</v>
      </c>
    </row>
    <row r="5984" spans="1:6" x14ac:dyDescent="0.25">
      <c r="A5984">
        <v>145.88999999999999</v>
      </c>
      <c r="B5984">
        <v>207.67</v>
      </c>
      <c r="C5984">
        <v>6436.35</v>
      </c>
      <c r="D5984">
        <v>3.4</v>
      </c>
      <c r="E5984">
        <v>7748.76</v>
      </c>
      <c r="F5984">
        <v>19.564800000000002</v>
      </c>
    </row>
    <row r="5985" spans="1:6" x14ac:dyDescent="0.25">
      <c r="A5985">
        <v>145.88999999999999</v>
      </c>
      <c r="B5985">
        <v>207.67</v>
      </c>
      <c r="C5985">
        <v>6436.35</v>
      </c>
      <c r="D5985">
        <v>3.7</v>
      </c>
      <c r="E5985">
        <v>7672.74</v>
      </c>
      <c r="F5985">
        <v>19.581600000000002</v>
      </c>
    </row>
    <row r="5986" spans="1:6" x14ac:dyDescent="0.25">
      <c r="A5986">
        <v>145.88999999999999</v>
      </c>
      <c r="B5986">
        <v>207.67</v>
      </c>
      <c r="C5986">
        <v>6436.35</v>
      </c>
      <c r="D5986">
        <v>4</v>
      </c>
      <c r="E5986">
        <v>7506.68</v>
      </c>
      <c r="F5986">
        <v>19.6051</v>
      </c>
    </row>
    <row r="5987" spans="1:6" x14ac:dyDescent="0.25">
      <c r="A5987">
        <v>145.88999999999999</v>
      </c>
      <c r="B5987">
        <v>207.67</v>
      </c>
      <c r="C5987">
        <v>7981.8</v>
      </c>
      <c r="D5987">
        <v>1</v>
      </c>
      <c r="E5987">
        <v>11704.1</v>
      </c>
      <c r="F5987">
        <v>19.2102</v>
      </c>
    </row>
    <row r="5988" spans="1:6" x14ac:dyDescent="0.25">
      <c r="A5988">
        <v>145.88999999999999</v>
      </c>
      <c r="B5988">
        <v>207.67</v>
      </c>
      <c r="C5988">
        <v>7981.8</v>
      </c>
      <c r="D5988">
        <v>1.3</v>
      </c>
      <c r="E5988">
        <v>11070.8</v>
      </c>
      <c r="F5988">
        <v>18.633299999999998</v>
      </c>
    </row>
    <row r="5989" spans="1:6" x14ac:dyDescent="0.25">
      <c r="A5989">
        <v>145.88999999999999</v>
      </c>
      <c r="B5989">
        <v>207.67</v>
      </c>
      <c r="C5989">
        <v>7981.8</v>
      </c>
      <c r="D5989">
        <v>1.6</v>
      </c>
      <c r="E5989">
        <v>10683.9</v>
      </c>
      <c r="F5989">
        <v>18.923300000000001</v>
      </c>
    </row>
    <row r="5990" spans="1:6" x14ac:dyDescent="0.25">
      <c r="A5990">
        <v>145.88999999999999</v>
      </c>
      <c r="B5990">
        <v>207.67</v>
      </c>
      <c r="C5990">
        <v>7981.8</v>
      </c>
      <c r="D5990">
        <v>1.9</v>
      </c>
      <c r="E5990">
        <v>10216.700000000001</v>
      </c>
      <c r="F5990">
        <v>19.078600000000002</v>
      </c>
    </row>
    <row r="5991" spans="1:6" x14ac:dyDescent="0.25">
      <c r="A5991">
        <v>145.88999999999999</v>
      </c>
      <c r="B5991">
        <v>207.67</v>
      </c>
      <c r="C5991">
        <v>7981.8</v>
      </c>
      <c r="D5991">
        <v>2.2000000000000002</v>
      </c>
      <c r="E5991">
        <v>10007.299999999999</v>
      </c>
      <c r="F5991">
        <v>19.270199999999999</v>
      </c>
    </row>
    <row r="5992" spans="1:6" x14ac:dyDescent="0.25">
      <c r="A5992">
        <v>145.88999999999999</v>
      </c>
      <c r="B5992">
        <v>207.67</v>
      </c>
      <c r="C5992">
        <v>7981.8</v>
      </c>
      <c r="D5992">
        <v>2.5</v>
      </c>
      <c r="E5992">
        <v>9708.83</v>
      </c>
      <c r="F5992">
        <v>19.400099999999998</v>
      </c>
    </row>
    <row r="5993" spans="1:6" x14ac:dyDescent="0.25">
      <c r="A5993">
        <v>145.88999999999999</v>
      </c>
      <c r="B5993">
        <v>207.67</v>
      </c>
      <c r="C5993">
        <v>7981.8</v>
      </c>
      <c r="D5993">
        <v>2.8</v>
      </c>
      <c r="E5993">
        <v>9513.09</v>
      </c>
      <c r="F5993">
        <v>19.549299999999999</v>
      </c>
    </row>
    <row r="5994" spans="1:6" x14ac:dyDescent="0.25">
      <c r="A5994">
        <v>145.88999999999999</v>
      </c>
      <c r="B5994">
        <v>207.67</v>
      </c>
      <c r="C5994">
        <v>7981.8</v>
      </c>
      <c r="D5994">
        <v>3.1</v>
      </c>
      <c r="E5994">
        <v>9364.24</v>
      </c>
      <c r="F5994">
        <v>19.552800000000001</v>
      </c>
    </row>
    <row r="5995" spans="1:6" x14ac:dyDescent="0.25">
      <c r="A5995">
        <v>145.88999999999999</v>
      </c>
      <c r="B5995">
        <v>207.67</v>
      </c>
      <c r="C5995">
        <v>7981.8</v>
      </c>
      <c r="D5995">
        <v>3.4</v>
      </c>
      <c r="E5995">
        <v>9269.65</v>
      </c>
      <c r="F5995">
        <v>19.564800000000002</v>
      </c>
    </row>
    <row r="5996" spans="1:6" x14ac:dyDescent="0.25">
      <c r="A5996">
        <v>145.88999999999999</v>
      </c>
      <c r="B5996">
        <v>207.67</v>
      </c>
      <c r="C5996">
        <v>7981.8</v>
      </c>
      <c r="D5996">
        <v>3.7</v>
      </c>
      <c r="E5996">
        <v>9160.2800000000007</v>
      </c>
      <c r="F5996">
        <v>19.581600000000002</v>
      </c>
    </row>
    <row r="5997" spans="1:6" x14ac:dyDescent="0.25">
      <c r="A5997">
        <v>145.88999999999999</v>
      </c>
      <c r="B5997">
        <v>207.67</v>
      </c>
      <c r="C5997">
        <v>7981.8</v>
      </c>
      <c r="D5997">
        <v>4</v>
      </c>
      <c r="E5997">
        <v>9069</v>
      </c>
      <c r="F5997">
        <v>19.6051</v>
      </c>
    </row>
    <row r="5998" spans="1:6" x14ac:dyDescent="0.25">
      <c r="A5998">
        <v>145.88999999999999</v>
      </c>
      <c r="B5998">
        <v>207.67</v>
      </c>
      <c r="C5998">
        <v>9527.25</v>
      </c>
      <c r="D5998">
        <v>1</v>
      </c>
      <c r="E5998">
        <v>13361.2</v>
      </c>
      <c r="F5998">
        <v>19.2102</v>
      </c>
    </row>
    <row r="5999" spans="1:6" x14ac:dyDescent="0.25">
      <c r="A5999">
        <v>145.88999999999999</v>
      </c>
      <c r="B5999">
        <v>207.67</v>
      </c>
      <c r="C5999">
        <v>9527.25</v>
      </c>
      <c r="D5999">
        <v>1.3</v>
      </c>
      <c r="E5999">
        <v>12560.2</v>
      </c>
      <c r="F5999">
        <v>18.633299999999998</v>
      </c>
    </row>
    <row r="6000" spans="1:6" x14ac:dyDescent="0.25">
      <c r="A6000">
        <v>145.88999999999999</v>
      </c>
      <c r="B6000">
        <v>207.67</v>
      </c>
      <c r="C6000">
        <v>9527.25</v>
      </c>
      <c r="D6000">
        <v>1.6</v>
      </c>
      <c r="E6000">
        <v>11981</v>
      </c>
      <c r="F6000">
        <v>18.923300000000001</v>
      </c>
    </row>
    <row r="6001" spans="1:6" x14ac:dyDescent="0.25">
      <c r="A6001">
        <v>145.88999999999999</v>
      </c>
      <c r="B6001">
        <v>207.67</v>
      </c>
      <c r="C6001">
        <v>9527.25</v>
      </c>
      <c r="D6001">
        <v>1.9</v>
      </c>
      <c r="E6001">
        <v>11820.2</v>
      </c>
      <c r="F6001">
        <v>19.078600000000002</v>
      </c>
    </row>
    <row r="6002" spans="1:6" x14ac:dyDescent="0.25">
      <c r="A6002">
        <v>145.88999999999999</v>
      </c>
      <c r="B6002">
        <v>207.67</v>
      </c>
      <c r="C6002">
        <v>9527.25</v>
      </c>
      <c r="D6002">
        <v>2.2000000000000002</v>
      </c>
      <c r="E6002">
        <v>11400.7</v>
      </c>
      <c r="F6002">
        <v>19.270199999999999</v>
      </c>
    </row>
    <row r="6003" spans="1:6" x14ac:dyDescent="0.25">
      <c r="A6003">
        <v>145.88999999999999</v>
      </c>
      <c r="B6003">
        <v>207.67</v>
      </c>
      <c r="C6003">
        <v>9527.25</v>
      </c>
      <c r="D6003">
        <v>2.5</v>
      </c>
      <c r="E6003">
        <v>11226.4</v>
      </c>
      <c r="F6003">
        <v>19.400099999999998</v>
      </c>
    </row>
    <row r="6004" spans="1:6" x14ac:dyDescent="0.25">
      <c r="A6004">
        <v>145.88999999999999</v>
      </c>
      <c r="B6004">
        <v>207.67</v>
      </c>
      <c r="C6004">
        <v>9527.25</v>
      </c>
      <c r="D6004">
        <v>2.8</v>
      </c>
      <c r="E6004">
        <v>11102.9</v>
      </c>
      <c r="F6004">
        <v>19.549299999999999</v>
      </c>
    </row>
    <row r="6005" spans="1:6" x14ac:dyDescent="0.25">
      <c r="A6005">
        <v>145.88999999999999</v>
      </c>
      <c r="B6005">
        <v>207.67</v>
      </c>
      <c r="C6005">
        <v>9527.25</v>
      </c>
      <c r="D6005">
        <v>3.1</v>
      </c>
      <c r="E6005">
        <v>10958.1</v>
      </c>
      <c r="F6005">
        <v>19.552800000000001</v>
      </c>
    </row>
    <row r="6006" spans="1:6" x14ac:dyDescent="0.25">
      <c r="A6006">
        <v>145.88999999999999</v>
      </c>
      <c r="B6006">
        <v>207.67</v>
      </c>
      <c r="C6006">
        <v>9527.25</v>
      </c>
      <c r="D6006">
        <v>3.4</v>
      </c>
      <c r="E6006">
        <v>10845</v>
      </c>
      <c r="F6006">
        <v>19.564800000000002</v>
      </c>
    </row>
    <row r="6007" spans="1:6" x14ac:dyDescent="0.25">
      <c r="A6007">
        <v>145.88999999999999</v>
      </c>
      <c r="B6007">
        <v>207.67</v>
      </c>
      <c r="C6007">
        <v>9527.25</v>
      </c>
      <c r="D6007">
        <v>3.7</v>
      </c>
      <c r="E6007">
        <v>10752.4</v>
      </c>
      <c r="F6007">
        <v>19.581600000000002</v>
      </c>
    </row>
    <row r="6008" spans="1:6" x14ac:dyDescent="0.25">
      <c r="A6008">
        <v>145.88999999999999</v>
      </c>
      <c r="B6008">
        <v>207.67</v>
      </c>
      <c r="C6008">
        <v>9527.25</v>
      </c>
      <c r="D6008">
        <v>4</v>
      </c>
      <c r="E6008">
        <v>10692.6</v>
      </c>
      <c r="F6008">
        <v>19.6051</v>
      </c>
    </row>
    <row r="6009" spans="1:6" x14ac:dyDescent="0.25">
      <c r="A6009">
        <v>145.88999999999999</v>
      </c>
      <c r="B6009">
        <v>207.67</v>
      </c>
      <c r="C6009">
        <v>11072.7</v>
      </c>
      <c r="D6009">
        <v>1</v>
      </c>
      <c r="E6009">
        <v>14591.1</v>
      </c>
      <c r="F6009">
        <v>19.2102</v>
      </c>
    </row>
    <row r="6010" spans="1:6" x14ac:dyDescent="0.25">
      <c r="A6010">
        <v>145.88999999999999</v>
      </c>
      <c r="B6010">
        <v>207.67</v>
      </c>
      <c r="C6010">
        <v>11072.7</v>
      </c>
      <c r="D6010">
        <v>1.3</v>
      </c>
      <c r="E6010">
        <v>14097.9</v>
      </c>
      <c r="F6010">
        <v>18.633299999999998</v>
      </c>
    </row>
    <row r="6011" spans="1:6" x14ac:dyDescent="0.25">
      <c r="A6011">
        <v>145.88999999999999</v>
      </c>
      <c r="B6011">
        <v>207.67</v>
      </c>
      <c r="C6011">
        <v>11072.7</v>
      </c>
      <c r="D6011">
        <v>1.6</v>
      </c>
      <c r="E6011">
        <v>13521.2</v>
      </c>
      <c r="F6011">
        <v>18.923300000000001</v>
      </c>
    </row>
    <row r="6012" spans="1:6" x14ac:dyDescent="0.25">
      <c r="A6012">
        <v>145.88999999999999</v>
      </c>
      <c r="B6012">
        <v>207.67</v>
      </c>
      <c r="C6012">
        <v>11072.7</v>
      </c>
      <c r="D6012">
        <v>1.9</v>
      </c>
      <c r="E6012">
        <v>13331.7</v>
      </c>
      <c r="F6012">
        <v>19.078600000000002</v>
      </c>
    </row>
    <row r="6013" spans="1:6" x14ac:dyDescent="0.25">
      <c r="A6013">
        <v>145.88999999999999</v>
      </c>
      <c r="B6013">
        <v>207.67</v>
      </c>
      <c r="C6013">
        <v>11072.7</v>
      </c>
      <c r="D6013">
        <v>2.2000000000000002</v>
      </c>
      <c r="E6013">
        <v>12945.4</v>
      </c>
      <c r="F6013">
        <v>19.270199999999999</v>
      </c>
    </row>
    <row r="6014" spans="1:6" x14ac:dyDescent="0.25">
      <c r="A6014">
        <v>145.88999999999999</v>
      </c>
      <c r="B6014">
        <v>207.67</v>
      </c>
      <c r="C6014">
        <v>11072.7</v>
      </c>
      <c r="D6014">
        <v>2.5</v>
      </c>
      <c r="E6014">
        <v>12824.1</v>
      </c>
      <c r="F6014">
        <v>19.400099999999998</v>
      </c>
    </row>
    <row r="6015" spans="1:6" x14ac:dyDescent="0.25">
      <c r="A6015">
        <v>145.88999999999999</v>
      </c>
      <c r="B6015">
        <v>207.67</v>
      </c>
      <c r="C6015">
        <v>11072.7</v>
      </c>
      <c r="D6015">
        <v>2.8</v>
      </c>
      <c r="E6015">
        <v>12641.6</v>
      </c>
      <c r="F6015">
        <v>19.549299999999999</v>
      </c>
    </row>
    <row r="6016" spans="1:6" x14ac:dyDescent="0.25">
      <c r="A6016">
        <v>145.88999999999999</v>
      </c>
      <c r="B6016">
        <v>207.67</v>
      </c>
      <c r="C6016">
        <v>11072.7</v>
      </c>
      <c r="D6016">
        <v>3.1</v>
      </c>
      <c r="E6016">
        <v>12458.1</v>
      </c>
      <c r="F6016">
        <v>19.552800000000001</v>
      </c>
    </row>
    <row r="6017" spans="1:6" x14ac:dyDescent="0.25">
      <c r="A6017">
        <v>145.88999999999999</v>
      </c>
      <c r="B6017">
        <v>207.67</v>
      </c>
      <c r="C6017">
        <v>11072.7</v>
      </c>
      <c r="D6017">
        <v>3.4</v>
      </c>
      <c r="E6017">
        <v>12398.4</v>
      </c>
      <c r="F6017">
        <v>19.564800000000002</v>
      </c>
    </row>
    <row r="6018" spans="1:6" x14ac:dyDescent="0.25">
      <c r="A6018">
        <v>145.88999999999999</v>
      </c>
      <c r="B6018">
        <v>207.67</v>
      </c>
      <c r="C6018">
        <v>11072.7</v>
      </c>
      <c r="D6018">
        <v>3.7</v>
      </c>
      <c r="E6018">
        <v>12294</v>
      </c>
      <c r="F6018">
        <v>19.581600000000002</v>
      </c>
    </row>
    <row r="6019" spans="1:6" x14ac:dyDescent="0.25">
      <c r="A6019">
        <v>145.88999999999999</v>
      </c>
      <c r="B6019">
        <v>207.67</v>
      </c>
      <c r="C6019">
        <v>11072.7</v>
      </c>
      <c r="D6019">
        <v>4</v>
      </c>
      <c r="E6019">
        <v>12207.4</v>
      </c>
      <c r="F6019">
        <v>19.6051</v>
      </c>
    </row>
    <row r="6020" spans="1:6" x14ac:dyDescent="0.25">
      <c r="A6020">
        <v>145.88999999999999</v>
      </c>
      <c r="B6020">
        <v>207.67</v>
      </c>
      <c r="C6020">
        <v>12618.2</v>
      </c>
      <c r="D6020">
        <v>1</v>
      </c>
      <c r="E6020">
        <v>16426.3</v>
      </c>
      <c r="F6020">
        <v>19.2102</v>
      </c>
    </row>
    <row r="6021" spans="1:6" x14ac:dyDescent="0.25">
      <c r="A6021">
        <v>145.88999999999999</v>
      </c>
      <c r="B6021">
        <v>207.67</v>
      </c>
      <c r="C6021">
        <v>12618.2</v>
      </c>
      <c r="D6021">
        <v>1.3</v>
      </c>
      <c r="E6021">
        <v>15800.1</v>
      </c>
      <c r="F6021">
        <v>18.633299999999998</v>
      </c>
    </row>
    <row r="6022" spans="1:6" x14ac:dyDescent="0.25">
      <c r="A6022">
        <v>145.88999999999999</v>
      </c>
      <c r="B6022">
        <v>207.67</v>
      </c>
      <c r="C6022">
        <v>12618.2</v>
      </c>
      <c r="D6022">
        <v>1.6</v>
      </c>
      <c r="E6022">
        <v>15117.3</v>
      </c>
      <c r="F6022">
        <v>18.923300000000001</v>
      </c>
    </row>
    <row r="6023" spans="1:6" x14ac:dyDescent="0.25">
      <c r="A6023">
        <v>145.88999999999999</v>
      </c>
      <c r="B6023">
        <v>207.67</v>
      </c>
      <c r="C6023">
        <v>12618.2</v>
      </c>
      <c r="D6023">
        <v>1.9</v>
      </c>
      <c r="E6023">
        <v>14764.1</v>
      </c>
      <c r="F6023">
        <v>19.078600000000002</v>
      </c>
    </row>
    <row r="6024" spans="1:6" x14ac:dyDescent="0.25">
      <c r="A6024">
        <v>145.88999999999999</v>
      </c>
      <c r="B6024">
        <v>207.67</v>
      </c>
      <c r="C6024">
        <v>12618.2</v>
      </c>
      <c r="D6024">
        <v>2.2000000000000002</v>
      </c>
      <c r="E6024">
        <v>14614</v>
      </c>
      <c r="F6024">
        <v>19.270199999999999</v>
      </c>
    </row>
    <row r="6025" spans="1:6" x14ac:dyDescent="0.25">
      <c r="A6025">
        <v>145.88999999999999</v>
      </c>
      <c r="B6025">
        <v>207.67</v>
      </c>
      <c r="C6025">
        <v>12618.2</v>
      </c>
      <c r="D6025">
        <v>2.5</v>
      </c>
      <c r="E6025">
        <v>14372.5</v>
      </c>
      <c r="F6025">
        <v>19.400099999999998</v>
      </c>
    </row>
    <row r="6026" spans="1:6" x14ac:dyDescent="0.25">
      <c r="A6026">
        <v>145.88999999999999</v>
      </c>
      <c r="B6026">
        <v>207.67</v>
      </c>
      <c r="C6026">
        <v>12618.2</v>
      </c>
      <c r="D6026">
        <v>2.8</v>
      </c>
      <c r="E6026">
        <v>14140.8</v>
      </c>
      <c r="F6026">
        <v>19.549299999999999</v>
      </c>
    </row>
    <row r="6027" spans="1:6" x14ac:dyDescent="0.25">
      <c r="A6027">
        <v>145.88999999999999</v>
      </c>
      <c r="B6027">
        <v>207.67</v>
      </c>
      <c r="C6027">
        <v>12618.2</v>
      </c>
      <c r="D6027">
        <v>3.1</v>
      </c>
      <c r="E6027">
        <v>13992.5</v>
      </c>
      <c r="F6027">
        <v>19.552800000000001</v>
      </c>
    </row>
    <row r="6028" spans="1:6" x14ac:dyDescent="0.25">
      <c r="A6028">
        <v>145.88999999999999</v>
      </c>
      <c r="B6028">
        <v>207.67</v>
      </c>
      <c r="C6028">
        <v>12618.2</v>
      </c>
      <c r="D6028">
        <v>3.4</v>
      </c>
      <c r="E6028">
        <v>13848.5</v>
      </c>
      <c r="F6028">
        <v>19.564800000000002</v>
      </c>
    </row>
    <row r="6029" spans="1:6" x14ac:dyDescent="0.25">
      <c r="A6029">
        <v>145.88999999999999</v>
      </c>
      <c r="B6029">
        <v>207.67</v>
      </c>
      <c r="C6029">
        <v>12618.2</v>
      </c>
      <c r="D6029">
        <v>3.7</v>
      </c>
      <c r="E6029">
        <v>13833.4</v>
      </c>
      <c r="F6029">
        <v>19.581600000000002</v>
      </c>
    </row>
    <row r="6030" spans="1:6" x14ac:dyDescent="0.25">
      <c r="A6030">
        <v>145.88999999999999</v>
      </c>
      <c r="B6030">
        <v>207.67</v>
      </c>
      <c r="C6030">
        <v>12618.2</v>
      </c>
      <c r="D6030">
        <v>4</v>
      </c>
      <c r="E6030">
        <v>13758.6</v>
      </c>
      <c r="F6030">
        <v>19.6051</v>
      </c>
    </row>
    <row r="6031" spans="1:6" x14ac:dyDescent="0.25">
      <c r="A6031">
        <v>145.88999999999999</v>
      </c>
      <c r="B6031">
        <v>207.67</v>
      </c>
      <c r="C6031">
        <v>14163.6</v>
      </c>
      <c r="D6031">
        <v>1</v>
      </c>
      <c r="E6031">
        <v>17887.599999999999</v>
      </c>
      <c r="F6031">
        <v>19.2102</v>
      </c>
    </row>
    <row r="6032" spans="1:6" x14ac:dyDescent="0.25">
      <c r="A6032">
        <v>145.88999999999999</v>
      </c>
      <c r="B6032">
        <v>207.67</v>
      </c>
      <c r="C6032">
        <v>14163.6</v>
      </c>
      <c r="D6032">
        <v>1.3</v>
      </c>
      <c r="E6032">
        <v>17310.5</v>
      </c>
      <c r="F6032">
        <v>18.633299999999998</v>
      </c>
    </row>
    <row r="6033" spans="1:6" x14ac:dyDescent="0.25">
      <c r="A6033">
        <v>145.88999999999999</v>
      </c>
      <c r="B6033">
        <v>207.67</v>
      </c>
      <c r="C6033">
        <v>14163.6</v>
      </c>
      <c r="D6033">
        <v>1.6</v>
      </c>
      <c r="E6033">
        <v>16607.5</v>
      </c>
      <c r="F6033">
        <v>18.923300000000001</v>
      </c>
    </row>
    <row r="6034" spans="1:6" x14ac:dyDescent="0.25">
      <c r="A6034">
        <v>145.88999999999999</v>
      </c>
      <c r="B6034">
        <v>207.67</v>
      </c>
      <c r="C6034">
        <v>14163.6</v>
      </c>
      <c r="D6034">
        <v>1.9</v>
      </c>
      <c r="E6034">
        <v>16283.6</v>
      </c>
      <c r="F6034">
        <v>19.078600000000002</v>
      </c>
    </row>
    <row r="6035" spans="1:6" x14ac:dyDescent="0.25">
      <c r="A6035">
        <v>145.88999999999999</v>
      </c>
      <c r="B6035">
        <v>207.67</v>
      </c>
      <c r="C6035">
        <v>14163.6</v>
      </c>
      <c r="D6035">
        <v>2.2000000000000002</v>
      </c>
      <c r="E6035">
        <v>16184.3</v>
      </c>
      <c r="F6035">
        <v>19.270199999999999</v>
      </c>
    </row>
    <row r="6036" spans="1:6" x14ac:dyDescent="0.25">
      <c r="A6036">
        <v>145.88999999999999</v>
      </c>
      <c r="B6036">
        <v>207.67</v>
      </c>
      <c r="C6036">
        <v>14163.6</v>
      </c>
      <c r="D6036">
        <v>2.5</v>
      </c>
      <c r="E6036">
        <v>15974.1</v>
      </c>
      <c r="F6036">
        <v>19.400099999999998</v>
      </c>
    </row>
    <row r="6037" spans="1:6" x14ac:dyDescent="0.25">
      <c r="A6037">
        <v>145.88999999999999</v>
      </c>
      <c r="B6037">
        <v>207.67</v>
      </c>
      <c r="C6037">
        <v>14163.6</v>
      </c>
      <c r="D6037">
        <v>2.8</v>
      </c>
      <c r="E6037">
        <v>15628.6</v>
      </c>
      <c r="F6037">
        <v>19.549299999999999</v>
      </c>
    </row>
    <row r="6038" spans="1:6" x14ac:dyDescent="0.25">
      <c r="A6038">
        <v>145.88999999999999</v>
      </c>
      <c r="B6038">
        <v>207.67</v>
      </c>
      <c r="C6038">
        <v>14163.6</v>
      </c>
      <c r="D6038">
        <v>3.1</v>
      </c>
      <c r="E6038">
        <v>15542.7</v>
      </c>
      <c r="F6038">
        <v>19.552800000000001</v>
      </c>
    </row>
    <row r="6039" spans="1:6" x14ac:dyDescent="0.25">
      <c r="A6039">
        <v>145.88999999999999</v>
      </c>
      <c r="B6039">
        <v>207.67</v>
      </c>
      <c r="C6039">
        <v>14163.6</v>
      </c>
      <c r="D6039">
        <v>3.4</v>
      </c>
      <c r="E6039">
        <v>15402.4</v>
      </c>
      <c r="F6039">
        <v>19.564800000000002</v>
      </c>
    </row>
    <row r="6040" spans="1:6" x14ac:dyDescent="0.25">
      <c r="A6040">
        <v>145.88999999999999</v>
      </c>
      <c r="B6040">
        <v>207.67</v>
      </c>
      <c r="C6040">
        <v>14163.6</v>
      </c>
      <c r="D6040">
        <v>3.7</v>
      </c>
      <c r="E6040">
        <v>15401.3</v>
      </c>
      <c r="F6040">
        <v>19.581600000000002</v>
      </c>
    </row>
    <row r="6041" spans="1:6" x14ac:dyDescent="0.25">
      <c r="A6041">
        <v>145.88999999999999</v>
      </c>
      <c r="B6041">
        <v>207.67</v>
      </c>
      <c r="C6041">
        <v>14163.6</v>
      </c>
      <c r="D6041">
        <v>4</v>
      </c>
      <c r="E6041">
        <v>15316.1</v>
      </c>
      <c r="F6041">
        <v>19.6051</v>
      </c>
    </row>
    <row r="6042" spans="1:6" x14ac:dyDescent="0.25">
      <c r="A6042">
        <v>145.88999999999999</v>
      </c>
      <c r="B6042">
        <v>207.67</v>
      </c>
      <c r="C6042">
        <v>15709.1</v>
      </c>
      <c r="D6042">
        <v>1</v>
      </c>
      <c r="E6042">
        <v>19249.3</v>
      </c>
      <c r="F6042">
        <v>19.2102</v>
      </c>
    </row>
    <row r="6043" spans="1:6" x14ac:dyDescent="0.25">
      <c r="A6043">
        <v>145.88999999999999</v>
      </c>
      <c r="B6043">
        <v>207.67</v>
      </c>
      <c r="C6043">
        <v>15709.1</v>
      </c>
      <c r="D6043">
        <v>1.3</v>
      </c>
      <c r="E6043">
        <v>18721</v>
      </c>
      <c r="F6043">
        <v>18.633299999999998</v>
      </c>
    </row>
    <row r="6044" spans="1:6" x14ac:dyDescent="0.25">
      <c r="A6044">
        <v>145.88999999999999</v>
      </c>
      <c r="B6044">
        <v>207.67</v>
      </c>
      <c r="C6044">
        <v>15709.1</v>
      </c>
      <c r="D6044">
        <v>1.6</v>
      </c>
      <c r="E6044">
        <v>18395.900000000001</v>
      </c>
      <c r="F6044">
        <v>18.923300000000001</v>
      </c>
    </row>
    <row r="6045" spans="1:6" x14ac:dyDescent="0.25">
      <c r="A6045">
        <v>145.88999999999999</v>
      </c>
      <c r="B6045">
        <v>207.67</v>
      </c>
      <c r="C6045">
        <v>15709.1</v>
      </c>
      <c r="D6045">
        <v>1.9</v>
      </c>
      <c r="E6045">
        <v>17831.400000000001</v>
      </c>
      <c r="F6045">
        <v>19.078600000000002</v>
      </c>
    </row>
    <row r="6046" spans="1:6" x14ac:dyDescent="0.25">
      <c r="A6046">
        <v>145.88999999999999</v>
      </c>
      <c r="B6046">
        <v>207.67</v>
      </c>
      <c r="C6046">
        <v>15709.1</v>
      </c>
      <c r="D6046">
        <v>2.2000000000000002</v>
      </c>
      <c r="E6046">
        <v>17600.8</v>
      </c>
      <c r="F6046">
        <v>19.270199999999999</v>
      </c>
    </row>
    <row r="6047" spans="1:6" x14ac:dyDescent="0.25">
      <c r="A6047">
        <v>145.88999999999999</v>
      </c>
      <c r="B6047">
        <v>207.67</v>
      </c>
      <c r="C6047">
        <v>15709.1</v>
      </c>
      <c r="D6047">
        <v>2.5</v>
      </c>
      <c r="E6047">
        <v>17495.900000000001</v>
      </c>
      <c r="F6047">
        <v>19.400099999999998</v>
      </c>
    </row>
    <row r="6048" spans="1:6" x14ac:dyDescent="0.25">
      <c r="A6048">
        <v>145.88999999999999</v>
      </c>
      <c r="B6048">
        <v>207.67</v>
      </c>
      <c r="C6048">
        <v>15709.1</v>
      </c>
      <c r="D6048">
        <v>2.8</v>
      </c>
      <c r="E6048">
        <v>17243.099999999999</v>
      </c>
      <c r="F6048">
        <v>19.549299999999999</v>
      </c>
    </row>
    <row r="6049" spans="1:6" x14ac:dyDescent="0.25">
      <c r="A6049">
        <v>145.88999999999999</v>
      </c>
      <c r="B6049">
        <v>207.67</v>
      </c>
      <c r="C6049">
        <v>15709.1</v>
      </c>
      <c r="D6049">
        <v>3.1</v>
      </c>
      <c r="E6049">
        <v>17089.599999999999</v>
      </c>
      <c r="F6049">
        <v>19.552800000000001</v>
      </c>
    </row>
    <row r="6050" spans="1:6" x14ac:dyDescent="0.25">
      <c r="A6050">
        <v>145.88999999999999</v>
      </c>
      <c r="B6050">
        <v>207.67</v>
      </c>
      <c r="C6050">
        <v>15709.1</v>
      </c>
      <c r="D6050">
        <v>3.4</v>
      </c>
      <c r="E6050">
        <v>17019.5</v>
      </c>
      <c r="F6050">
        <v>19.564800000000002</v>
      </c>
    </row>
    <row r="6051" spans="1:6" x14ac:dyDescent="0.25">
      <c r="A6051">
        <v>145.88999999999999</v>
      </c>
      <c r="B6051">
        <v>207.67</v>
      </c>
      <c r="C6051">
        <v>15709.1</v>
      </c>
      <c r="D6051">
        <v>3.7</v>
      </c>
      <c r="E6051">
        <v>16877</v>
      </c>
      <c r="F6051">
        <v>19.581600000000002</v>
      </c>
    </row>
    <row r="6052" spans="1:6" x14ac:dyDescent="0.25">
      <c r="A6052">
        <v>145.88999999999999</v>
      </c>
      <c r="B6052">
        <v>207.67</v>
      </c>
      <c r="C6052">
        <v>15709.1</v>
      </c>
      <c r="D6052">
        <v>4</v>
      </c>
      <c r="E6052">
        <v>16802.8</v>
      </c>
      <c r="F6052">
        <v>19.6051</v>
      </c>
    </row>
    <row r="6053" spans="1:6" x14ac:dyDescent="0.25">
      <c r="A6053">
        <v>145.88999999999999</v>
      </c>
      <c r="B6053">
        <v>207.67</v>
      </c>
      <c r="C6053">
        <v>17254.5</v>
      </c>
      <c r="D6053">
        <v>1</v>
      </c>
      <c r="E6053">
        <v>20794.400000000001</v>
      </c>
      <c r="F6053">
        <v>19.2102</v>
      </c>
    </row>
    <row r="6054" spans="1:6" x14ac:dyDescent="0.25">
      <c r="A6054">
        <v>145.88999999999999</v>
      </c>
      <c r="B6054">
        <v>207.67</v>
      </c>
      <c r="C6054">
        <v>17254.5</v>
      </c>
      <c r="D6054">
        <v>1.3</v>
      </c>
      <c r="E6054">
        <v>20207.8</v>
      </c>
      <c r="F6054">
        <v>18.633299999999998</v>
      </c>
    </row>
    <row r="6055" spans="1:6" x14ac:dyDescent="0.25">
      <c r="A6055">
        <v>145.88999999999999</v>
      </c>
      <c r="B6055">
        <v>207.67</v>
      </c>
      <c r="C6055">
        <v>17254.5</v>
      </c>
      <c r="D6055">
        <v>1.6</v>
      </c>
      <c r="E6055">
        <v>19859.599999999999</v>
      </c>
      <c r="F6055">
        <v>18.923300000000001</v>
      </c>
    </row>
    <row r="6056" spans="1:6" x14ac:dyDescent="0.25">
      <c r="A6056">
        <v>145.88999999999999</v>
      </c>
      <c r="B6056">
        <v>207.67</v>
      </c>
      <c r="C6056">
        <v>17254.5</v>
      </c>
      <c r="D6056">
        <v>1.9</v>
      </c>
      <c r="E6056">
        <v>19431.5</v>
      </c>
      <c r="F6056">
        <v>19.078600000000002</v>
      </c>
    </row>
    <row r="6057" spans="1:6" x14ac:dyDescent="0.25">
      <c r="A6057">
        <v>145.88999999999999</v>
      </c>
      <c r="B6057">
        <v>207.67</v>
      </c>
      <c r="C6057">
        <v>17254.5</v>
      </c>
      <c r="D6057">
        <v>2.2000000000000002</v>
      </c>
      <c r="E6057">
        <v>19118.8</v>
      </c>
      <c r="F6057">
        <v>19.270199999999999</v>
      </c>
    </row>
    <row r="6058" spans="1:6" x14ac:dyDescent="0.25">
      <c r="A6058">
        <v>145.88999999999999</v>
      </c>
      <c r="B6058">
        <v>207.67</v>
      </c>
      <c r="C6058">
        <v>17254.5</v>
      </c>
      <c r="D6058">
        <v>2.5</v>
      </c>
      <c r="E6058">
        <v>18986.7</v>
      </c>
      <c r="F6058">
        <v>19.400099999999998</v>
      </c>
    </row>
    <row r="6059" spans="1:6" x14ac:dyDescent="0.25">
      <c r="A6059">
        <v>145.88999999999999</v>
      </c>
      <c r="B6059">
        <v>207.67</v>
      </c>
      <c r="C6059">
        <v>17254.5</v>
      </c>
      <c r="D6059">
        <v>2.8</v>
      </c>
      <c r="E6059">
        <v>18829.099999999999</v>
      </c>
      <c r="F6059">
        <v>19.549299999999999</v>
      </c>
    </row>
    <row r="6060" spans="1:6" x14ac:dyDescent="0.25">
      <c r="A6060">
        <v>145.88999999999999</v>
      </c>
      <c r="B6060">
        <v>207.67</v>
      </c>
      <c r="C6060">
        <v>17254.5</v>
      </c>
      <c r="D6060">
        <v>3.1</v>
      </c>
      <c r="E6060">
        <v>18660</v>
      </c>
      <c r="F6060">
        <v>19.552800000000001</v>
      </c>
    </row>
    <row r="6061" spans="1:6" x14ac:dyDescent="0.25">
      <c r="A6061">
        <v>145.88999999999999</v>
      </c>
      <c r="B6061">
        <v>207.67</v>
      </c>
      <c r="C6061">
        <v>17254.5</v>
      </c>
      <c r="D6061">
        <v>3.4</v>
      </c>
      <c r="E6061">
        <v>18603.5</v>
      </c>
      <c r="F6061">
        <v>19.564800000000002</v>
      </c>
    </row>
    <row r="6062" spans="1:6" x14ac:dyDescent="0.25">
      <c r="A6062">
        <v>145.88999999999999</v>
      </c>
      <c r="B6062">
        <v>207.67</v>
      </c>
      <c r="C6062">
        <v>17254.5</v>
      </c>
      <c r="D6062">
        <v>3.7</v>
      </c>
      <c r="E6062">
        <v>18420.5</v>
      </c>
      <c r="F6062">
        <v>19.581600000000002</v>
      </c>
    </row>
    <row r="6063" spans="1:6" x14ac:dyDescent="0.25">
      <c r="A6063">
        <v>145.88999999999999</v>
      </c>
      <c r="B6063">
        <v>207.67</v>
      </c>
      <c r="C6063">
        <v>17254.5</v>
      </c>
      <c r="D6063">
        <v>4</v>
      </c>
      <c r="E6063">
        <v>18355.3</v>
      </c>
      <c r="F6063">
        <v>19.6051</v>
      </c>
    </row>
    <row r="6064" spans="1:6" x14ac:dyDescent="0.25">
      <c r="A6064">
        <v>145.88999999999999</v>
      </c>
      <c r="B6064">
        <v>207.67</v>
      </c>
      <c r="C6064">
        <v>18800</v>
      </c>
      <c r="D6064">
        <v>1</v>
      </c>
      <c r="E6064">
        <v>22425.3</v>
      </c>
      <c r="F6064">
        <v>19.2102</v>
      </c>
    </row>
    <row r="6065" spans="1:6" x14ac:dyDescent="0.25">
      <c r="A6065">
        <v>145.88999999999999</v>
      </c>
      <c r="B6065">
        <v>207.67</v>
      </c>
      <c r="C6065">
        <v>18800</v>
      </c>
      <c r="D6065">
        <v>1.3</v>
      </c>
      <c r="E6065">
        <v>21785.599999999999</v>
      </c>
      <c r="F6065">
        <v>18.633299999999998</v>
      </c>
    </row>
    <row r="6066" spans="1:6" x14ac:dyDescent="0.25">
      <c r="A6066">
        <v>145.88999999999999</v>
      </c>
      <c r="B6066">
        <v>207.67</v>
      </c>
      <c r="C6066">
        <v>18800</v>
      </c>
      <c r="D6066">
        <v>1.6</v>
      </c>
      <c r="E6066">
        <v>21449.4</v>
      </c>
      <c r="F6066">
        <v>18.923300000000001</v>
      </c>
    </row>
    <row r="6067" spans="1:6" x14ac:dyDescent="0.25">
      <c r="A6067">
        <v>145.88999999999999</v>
      </c>
      <c r="B6067">
        <v>207.67</v>
      </c>
      <c r="C6067">
        <v>18800</v>
      </c>
      <c r="D6067">
        <v>1.9</v>
      </c>
      <c r="E6067">
        <v>21064.2</v>
      </c>
      <c r="F6067">
        <v>19.078600000000002</v>
      </c>
    </row>
    <row r="6068" spans="1:6" x14ac:dyDescent="0.25">
      <c r="A6068">
        <v>145.88999999999999</v>
      </c>
      <c r="B6068">
        <v>207.67</v>
      </c>
      <c r="C6068">
        <v>18800</v>
      </c>
      <c r="D6068">
        <v>2.2000000000000002</v>
      </c>
      <c r="E6068">
        <v>20703.099999999999</v>
      </c>
      <c r="F6068">
        <v>19.270199999999999</v>
      </c>
    </row>
    <row r="6069" spans="1:6" x14ac:dyDescent="0.25">
      <c r="A6069">
        <v>145.88999999999999</v>
      </c>
      <c r="B6069">
        <v>207.67</v>
      </c>
      <c r="C6069">
        <v>18800</v>
      </c>
      <c r="D6069">
        <v>2.5</v>
      </c>
      <c r="E6069">
        <v>20614.3</v>
      </c>
      <c r="F6069">
        <v>19.400099999999998</v>
      </c>
    </row>
    <row r="6070" spans="1:6" x14ac:dyDescent="0.25">
      <c r="A6070">
        <v>145.88999999999999</v>
      </c>
      <c r="B6070">
        <v>207.67</v>
      </c>
      <c r="C6070">
        <v>18800</v>
      </c>
      <c r="D6070">
        <v>2.8</v>
      </c>
      <c r="E6070">
        <v>20281</v>
      </c>
      <c r="F6070">
        <v>19.549299999999999</v>
      </c>
    </row>
    <row r="6071" spans="1:6" x14ac:dyDescent="0.25">
      <c r="A6071">
        <v>145.88999999999999</v>
      </c>
      <c r="B6071">
        <v>207.67</v>
      </c>
      <c r="C6071">
        <v>18800</v>
      </c>
      <c r="D6071">
        <v>3.1</v>
      </c>
      <c r="E6071">
        <v>20138</v>
      </c>
      <c r="F6071">
        <v>19.552800000000001</v>
      </c>
    </row>
    <row r="6072" spans="1:6" x14ac:dyDescent="0.25">
      <c r="A6072">
        <v>145.88999999999999</v>
      </c>
      <c r="B6072">
        <v>207.67</v>
      </c>
      <c r="C6072">
        <v>18800</v>
      </c>
      <c r="D6072">
        <v>3.4</v>
      </c>
      <c r="E6072">
        <v>20123.900000000001</v>
      </c>
      <c r="F6072">
        <v>19.564800000000002</v>
      </c>
    </row>
    <row r="6073" spans="1:6" x14ac:dyDescent="0.25">
      <c r="A6073">
        <v>145.88999999999999</v>
      </c>
      <c r="B6073">
        <v>207.67</v>
      </c>
      <c r="C6073">
        <v>18800</v>
      </c>
      <c r="D6073">
        <v>3.7</v>
      </c>
      <c r="E6073">
        <v>19998.599999999999</v>
      </c>
      <c r="F6073">
        <v>19.581600000000002</v>
      </c>
    </row>
    <row r="6074" spans="1:6" x14ac:dyDescent="0.25">
      <c r="A6074">
        <v>145.88999999999999</v>
      </c>
      <c r="B6074">
        <v>207.67</v>
      </c>
      <c r="C6074">
        <v>18800</v>
      </c>
      <c r="D6074">
        <v>4</v>
      </c>
      <c r="E6074">
        <v>19919.8</v>
      </c>
      <c r="F6074">
        <v>19.6051</v>
      </c>
    </row>
    <row r="6075" spans="1:6" x14ac:dyDescent="0.25">
      <c r="A6075">
        <v>145.88999999999999</v>
      </c>
      <c r="B6075">
        <v>211.3</v>
      </c>
      <c r="C6075">
        <v>1800</v>
      </c>
      <c r="D6075">
        <v>1</v>
      </c>
      <c r="E6075">
        <v>5539.43</v>
      </c>
      <c r="F6075">
        <v>49.875599999999999</v>
      </c>
    </row>
    <row r="6076" spans="1:6" x14ac:dyDescent="0.25">
      <c r="A6076">
        <v>145.88999999999999</v>
      </c>
      <c r="B6076">
        <v>211.3</v>
      </c>
      <c r="C6076">
        <v>1800</v>
      </c>
      <c r="D6076">
        <v>1.3</v>
      </c>
      <c r="E6076">
        <v>4982.75</v>
      </c>
      <c r="F6076">
        <v>62.082500000000003</v>
      </c>
    </row>
    <row r="6077" spans="1:6" x14ac:dyDescent="0.25">
      <c r="A6077">
        <v>145.88999999999999</v>
      </c>
      <c r="B6077">
        <v>211.3</v>
      </c>
      <c r="C6077">
        <v>1800</v>
      </c>
      <c r="D6077">
        <v>1.6</v>
      </c>
      <c r="E6077">
        <v>4600.26</v>
      </c>
      <c r="F6077">
        <v>70.093800000000002</v>
      </c>
    </row>
    <row r="6078" spans="1:6" x14ac:dyDescent="0.25">
      <c r="A6078">
        <v>145.88999999999999</v>
      </c>
      <c r="B6078">
        <v>211.3</v>
      </c>
      <c r="C6078">
        <v>1800</v>
      </c>
      <c r="D6078">
        <v>1.9</v>
      </c>
      <c r="E6078">
        <v>4241.8599999999997</v>
      </c>
      <c r="F6078">
        <v>77.347200000000001</v>
      </c>
    </row>
    <row r="6079" spans="1:6" x14ac:dyDescent="0.25">
      <c r="A6079">
        <v>145.88999999999999</v>
      </c>
      <c r="B6079">
        <v>211.3</v>
      </c>
      <c r="C6079">
        <v>1800</v>
      </c>
      <c r="D6079">
        <v>2.2000000000000002</v>
      </c>
      <c r="E6079">
        <v>4048.23</v>
      </c>
      <c r="F6079">
        <v>80.308700000000002</v>
      </c>
    </row>
    <row r="6080" spans="1:6" x14ac:dyDescent="0.25">
      <c r="A6080">
        <v>145.88999999999999</v>
      </c>
      <c r="B6080">
        <v>211.3</v>
      </c>
      <c r="C6080">
        <v>1800</v>
      </c>
      <c r="D6080">
        <v>2.5</v>
      </c>
      <c r="E6080">
        <v>3837.79</v>
      </c>
      <c r="F6080">
        <v>86.256299999999996</v>
      </c>
    </row>
    <row r="6081" spans="1:6" x14ac:dyDescent="0.25">
      <c r="A6081">
        <v>145.88999999999999</v>
      </c>
      <c r="B6081">
        <v>211.3</v>
      </c>
      <c r="C6081">
        <v>1800</v>
      </c>
      <c r="D6081">
        <v>2.8</v>
      </c>
      <c r="E6081">
        <v>3670.31</v>
      </c>
      <c r="F6081">
        <v>90.005399999999995</v>
      </c>
    </row>
    <row r="6082" spans="1:6" x14ac:dyDescent="0.25">
      <c r="A6082">
        <v>145.88999999999999</v>
      </c>
      <c r="B6082">
        <v>211.3</v>
      </c>
      <c r="C6082">
        <v>1800</v>
      </c>
      <c r="D6082">
        <v>3.1</v>
      </c>
      <c r="E6082">
        <v>3549.94</v>
      </c>
      <c r="F6082">
        <v>92.760199999999998</v>
      </c>
    </row>
    <row r="6083" spans="1:6" x14ac:dyDescent="0.25">
      <c r="A6083">
        <v>145.88999999999999</v>
      </c>
      <c r="B6083">
        <v>211.3</v>
      </c>
      <c r="C6083">
        <v>1800</v>
      </c>
      <c r="D6083">
        <v>3.4</v>
      </c>
      <c r="E6083">
        <v>3437.2</v>
      </c>
      <c r="F6083">
        <v>95.46</v>
      </c>
    </row>
    <row r="6084" spans="1:6" x14ac:dyDescent="0.25">
      <c r="A6084">
        <v>145.88999999999999</v>
      </c>
      <c r="B6084">
        <v>211.3</v>
      </c>
      <c r="C6084">
        <v>1800</v>
      </c>
      <c r="D6084">
        <v>3.7</v>
      </c>
      <c r="E6084">
        <v>3345.19</v>
      </c>
      <c r="F6084">
        <v>97.666899999999998</v>
      </c>
    </row>
    <row r="6085" spans="1:6" x14ac:dyDescent="0.25">
      <c r="A6085">
        <v>145.88999999999999</v>
      </c>
      <c r="B6085">
        <v>211.3</v>
      </c>
      <c r="C6085">
        <v>1800</v>
      </c>
      <c r="D6085">
        <v>4</v>
      </c>
      <c r="E6085">
        <v>3263.79</v>
      </c>
      <c r="F6085">
        <v>95.976500000000001</v>
      </c>
    </row>
    <row r="6086" spans="1:6" x14ac:dyDescent="0.25">
      <c r="A6086">
        <v>145.88999999999999</v>
      </c>
      <c r="B6086">
        <v>211.3</v>
      </c>
      <c r="C6086">
        <v>3345.45</v>
      </c>
      <c r="D6086">
        <v>1</v>
      </c>
      <c r="E6086">
        <v>7087.77</v>
      </c>
      <c r="F6086">
        <v>21.169699999999999</v>
      </c>
    </row>
    <row r="6087" spans="1:6" x14ac:dyDescent="0.25">
      <c r="A6087">
        <v>145.88999999999999</v>
      </c>
      <c r="B6087">
        <v>211.3</v>
      </c>
      <c r="C6087">
        <v>3345.45</v>
      </c>
      <c r="D6087">
        <v>1.3</v>
      </c>
      <c r="E6087">
        <v>6385.28</v>
      </c>
      <c r="F6087">
        <v>24.3752</v>
      </c>
    </row>
    <row r="6088" spans="1:6" x14ac:dyDescent="0.25">
      <c r="A6088">
        <v>145.88999999999999</v>
      </c>
      <c r="B6088">
        <v>211.3</v>
      </c>
      <c r="C6088">
        <v>3345.45</v>
      </c>
      <c r="D6088">
        <v>1.6</v>
      </c>
      <c r="E6088">
        <v>5884.05</v>
      </c>
      <c r="F6088">
        <v>28.726500000000001</v>
      </c>
    </row>
    <row r="6089" spans="1:6" x14ac:dyDescent="0.25">
      <c r="A6089">
        <v>145.88999999999999</v>
      </c>
      <c r="B6089">
        <v>211.3</v>
      </c>
      <c r="C6089">
        <v>3345.45</v>
      </c>
      <c r="D6089">
        <v>1.9</v>
      </c>
      <c r="E6089">
        <v>5675.33</v>
      </c>
      <c r="F6089">
        <v>31.595099999999999</v>
      </c>
    </row>
    <row r="6090" spans="1:6" x14ac:dyDescent="0.25">
      <c r="A6090">
        <v>145.88999999999999</v>
      </c>
      <c r="B6090">
        <v>211.3</v>
      </c>
      <c r="C6090">
        <v>3345.45</v>
      </c>
      <c r="D6090">
        <v>2.2000000000000002</v>
      </c>
      <c r="E6090">
        <v>5512.63</v>
      </c>
      <c r="F6090">
        <v>33.855899999999998</v>
      </c>
    </row>
    <row r="6091" spans="1:6" x14ac:dyDescent="0.25">
      <c r="A6091">
        <v>145.88999999999999</v>
      </c>
      <c r="B6091">
        <v>211.3</v>
      </c>
      <c r="C6091">
        <v>3345.45</v>
      </c>
      <c r="D6091">
        <v>2.5</v>
      </c>
      <c r="E6091">
        <v>5285.01</v>
      </c>
      <c r="F6091">
        <v>36.470599999999997</v>
      </c>
    </row>
    <row r="6092" spans="1:6" x14ac:dyDescent="0.25">
      <c r="A6092">
        <v>145.88999999999999</v>
      </c>
      <c r="B6092">
        <v>211.3</v>
      </c>
      <c r="C6092">
        <v>3345.45</v>
      </c>
      <c r="D6092">
        <v>2.8</v>
      </c>
      <c r="E6092">
        <v>5142.46</v>
      </c>
      <c r="F6092">
        <v>39.658499999999997</v>
      </c>
    </row>
    <row r="6093" spans="1:6" x14ac:dyDescent="0.25">
      <c r="A6093">
        <v>145.88999999999999</v>
      </c>
      <c r="B6093">
        <v>211.3</v>
      </c>
      <c r="C6093">
        <v>3345.45</v>
      </c>
      <c r="D6093">
        <v>3.1</v>
      </c>
      <c r="E6093">
        <v>4999.7</v>
      </c>
      <c r="F6093">
        <v>42.356000000000002</v>
      </c>
    </row>
    <row r="6094" spans="1:6" x14ac:dyDescent="0.25">
      <c r="A6094">
        <v>145.88999999999999</v>
      </c>
      <c r="B6094">
        <v>211.3</v>
      </c>
      <c r="C6094">
        <v>3345.45</v>
      </c>
      <c r="D6094">
        <v>3.4</v>
      </c>
      <c r="E6094">
        <v>4934.09</v>
      </c>
      <c r="F6094">
        <v>42.846699999999998</v>
      </c>
    </row>
    <row r="6095" spans="1:6" x14ac:dyDescent="0.25">
      <c r="A6095">
        <v>145.88999999999999</v>
      </c>
      <c r="B6095">
        <v>211.3</v>
      </c>
      <c r="C6095">
        <v>3345.45</v>
      </c>
      <c r="D6095">
        <v>3.7</v>
      </c>
      <c r="E6095">
        <v>4792.03</v>
      </c>
      <c r="F6095">
        <v>43.519199999999998</v>
      </c>
    </row>
    <row r="6096" spans="1:6" x14ac:dyDescent="0.25">
      <c r="A6096">
        <v>145.88999999999999</v>
      </c>
      <c r="B6096">
        <v>211.3</v>
      </c>
      <c r="C6096">
        <v>3345.45</v>
      </c>
      <c r="D6096">
        <v>4</v>
      </c>
      <c r="E6096">
        <v>4745.34</v>
      </c>
      <c r="F6096">
        <v>42.441699999999997</v>
      </c>
    </row>
    <row r="6097" spans="1:6" x14ac:dyDescent="0.25">
      <c r="A6097">
        <v>145.88999999999999</v>
      </c>
      <c r="B6097">
        <v>211.3</v>
      </c>
      <c r="C6097">
        <v>4890.8999999999996</v>
      </c>
      <c r="D6097">
        <v>1</v>
      </c>
      <c r="E6097">
        <v>8713.67</v>
      </c>
      <c r="F6097">
        <v>15.7843</v>
      </c>
    </row>
    <row r="6098" spans="1:6" x14ac:dyDescent="0.25">
      <c r="A6098">
        <v>145.88999999999999</v>
      </c>
      <c r="B6098">
        <v>211.3</v>
      </c>
      <c r="C6098">
        <v>4890.8999999999996</v>
      </c>
      <c r="D6098">
        <v>1.3</v>
      </c>
      <c r="E6098">
        <v>7737.73</v>
      </c>
      <c r="F6098">
        <v>16.549600000000002</v>
      </c>
    </row>
    <row r="6099" spans="1:6" x14ac:dyDescent="0.25">
      <c r="A6099">
        <v>145.88999999999999</v>
      </c>
      <c r="B6099">
        <v>211.3</v>
      </c>
      <c r="C6099">
        <v>4890.8999999999996</v>
      </c>
      <c r="D6099">
        <v>1.6</v>
      </c>
      <c r="E6099">
        <v>7230.14</v>
      </c>
      <c r="F6099">
        <v>16.377500000000001</v>
      </c>
    </row>
    <row r="6100" spans="1:6" x14ac:dyDescent="0.25">
      <c r="A6100">
        <v>145.88999999999999</v>
      </c>
      <c r="B6100">
        <v>211.3</v>
      </c>
      <c r="C6100">
        <v>4890.8999999999996</v>
      </c>
      <c r="D6100">
        <v>1.9</v>
      </c>
      <c r="E6100">
        <v>7101.14</v>
      </c>
      <c r="F6100">
        <v>16.289899999999999</v>
      </c>
    </row>
    <row r="6101" spans="1:6" x14ac:dyDescent="0.25">
      <c r="A6101">
        <v>145.88999999999999</v>
      </c>
      <c r="B6101">
        <v>211.3</v>
      </c>
      <c r="C6101">
        <v>4890.8999999999996</v>
      </c>
      <c r="D6101">
        <v>2.2000000000000002</v>
      </c>
      <c r="E6101">
        <v>6756.31</v>
      </c>
      <c r="F6101">
        <v>16.1449</v>
      </c>
    </row>
    <row r="6102" spans="1:6" x14ac:dyDescent="0.25">
      <c r="A6102">
        <v>145.88999999999999</v>
      </c>
      <c r="B6102">
        <v>211.3</v>
      </c>
      <c r="C6102">
        <v>4890.8999999999996</v>
      </c>
      <c r="D6102">
        <v>2.5</v>
      </c>
      <c r="E6102">
        <v>6708.43</v>
      </c>
      <c r="F6102">
        <v>16.0657</v>
      </c>
    </row>
    <row r="6103" spans="1:6" x14ac:dyDescent="0.25">
      <c r="A6103">
        <v>145.88999999999999</v>
      </c>
      <c r="B6103">
        <v>211.3</v>
      </c>
      <c r="C6103">
        <v>4890.8999999999996</v>
      </c>
      <c r="D6103">
        <v>2.8</v>
      </c>
      <c r="E6103">
        <v>6447.9</v>
      </c>
      <c r="F6103">
        <v>17.335799999999999</v>
      </c>
    </row>
    <row r="6104" spans="1:6" x14ac:dyDescent="0.25">
      <c r="A6104">
        <v>145.88999999999999</v>
      </c>
      <c r="B6104">
        <v>211.3</v>
      </c>
      <c r="C6104">
        <v>4890.8999999999996</v>
      </c>
      <c r="D6104">
        <v>3.1</v>
      </c>
      <c r="E6104">
        <v>6370.74</v>
      </c>
      <c r="F6104">
        <v>17.098400000000002</v>
      </c>
    </row>
    <row r="6105" spans="1:6" x14ac:dyDescent="0.25">
      <c r="A6105">
        <v>145.88999999999999</v>
      </c>
      <c r="B6105">
        <v>211.3</v>
      </c>
      <c r="C6105">
        <v>4890.8999999999996</v>
      </c>
      <c r="D6105">
        <v>3.4</v>
      </c>
      <c r="E6105">
        <v>6289.88</v>
      </c>
      <c r="F6105">
        <v>17.5886</v>
      </c>
    </row>
    <row r="6106" spans="1:6" x14ac:dyDescent="0.25">
      <c r="A6106">
        <v>145.88999999999999</v>
      </c>
      <c r="B6106">
        <v>211.3</v>
      </c>
      <c r="C6106">
        <v>4890.8999999999996</v>
      </c>
      <c r="D6106">
        <v>3.7</v>
      </c>
      <c r="E6106">
        <v>6239.11</v>
      </c>
      <c r="F6106">
        <v>19.082799999999999</v>
      </c>
    </row>
    <row r="6107" spans="1:6" x14ac:dyDescent="0.25">
      <c r="A6107">
        <v>145.88999999999999</v>
      </c>
      <c r="B6107">
        <v>211.3</v>
      </c>
      <c r="C6107">
        <v>4890.8999999999996</v>
      </c>
      <c r="D6107">
        <v>4</v>
      </c>
      <c r="E6107">
        <v>6130.59</v>
      </c>
      <c r="F6107">
        <v>18.860199999999999</v>
      </c>
    </row>
    <row r="6108" spans="1:6" x14ac:dyDescent="0.25">
      <c r="A6108">
        <v>145.88999999999999</v>
      </c>
      <c r="B6108">
        <v>211.3</v>
      </c>
      <c r="C6108">
        <v>6436.35</v>
      </c>
      <c r="D6108">
        <v>1</v>
      </c>
      <c r="E6108">
        <v>10124.4</v>
      </c>
      <c r="F6108">
        <v>19.2102</v>
      </c>
    </row>
    <row r="6109" spans="1:6" x14ac:dyDescent="0.25">
      <c r="A6109">
        <v>145.88999999999999</v>
      </c>
      <c r="B6109">
        <v>211.3</v>
      </c>
      <c r="C6109">
        <v>6436.35</v>
      </c>
      <c r="D6109">
        <v>1.3</v>
      </c>
      <c r="E6109">
        <v>9458.7199999999993</v>
      </c>
      <c r="F6109">
        <v>18.633299999999998</v>
      </c>
    </row>
    <row r="6110" spans="1:6" x14ac:dyDescent="0.25">
      <c r="A6110">
        <v>145.88999999999999</v>
      </c>
      <c r="B6110">
        <v>211.3</v>
      </c>
      <c r="C6110">
        <v>6436.35</v>
      </c>
      <c r="D6110">
        <v>1.6</v>
      </c>
      <c r="E6110">
        <v>9013.58</v>
      </c>
      <c r="F6110">
        <v>18.923300000000001</v>
      </c>
    </row>
    <row r="6111" spans="1:6" x14ac:dyDescent="0.25">
      <c r="A6111">
        <v>145.88999999999999</v>
      </c>
      <c r="B6111">
        <v>211.3</v>
      </c>
      <c r="C6111">
        <v>6436.35</v>
      </c>
      <c r="D6111">
        <v>1.9</v>
      </c>
      <c r="E6111">
        <v>8548.1200000000008</v>
      </c>
      <c r="F6111">
        <v>19.078600000000002</v>
      </c>
    </row>
    <row r="6112" spans="1:6" x14ac:dyDescent="0.25">
      <c r="A6112">
        <v>145.88999999999999</v>
      </c>
      <c r="B6112">
        <v>211.3</v>
      </c>
      <c r="C6112">
        <v>6436.35</v>
      </c>
      <c r="D6112">
        <v>2.2000000000000002</v>
      </c>
      <c r="E6112">
        <v>8437.35</v>
      </c>
      <c r="F6112">
        <v>19.270199999999999</v>
      </c>
    </row>
    <row r="6113" spans="1:6" x14ac:dyDescent="0.25">
      <c r="A6113">
        <v>145.88999999999999</v>
      </c>
      <c r="B6113">
        <v>211.3</v>
      </c>
      <c r="C6113">
        <v>6436.35</v>
      </c>
      <c r="D6113">
        <v>2.5</v>
      </c>
      <c r="E6113">
        <v>8200.4</v>
      </c>
      <c r="F6113">
        <v>19.400099999999998</v>
      </c>
    </row>
    <row r="6114" spans="1:6" x14ac:dyDescent="0.25">
      <c r="A6114">
        <v>145.88999999999999</v>
      </c>
      <c r="B6114">
        <v>211.3</v>
      </c>
      <c r="C6114">
        <v>6436.35</v>
      </c>
      <c r="D6114">
        <v>2.8</v>
      </c>
      <c r="E6114">
        <v>7982.34</v>
      </c>
      <c r="F6114">
        <v>19.549299999999999</v>
      </c>
    </row>
    <row r="6115" spans="1:6" x14ac:dyDescent="0.25">
      <c r="A6115">
        <v>145.88999999999999</v>
      </c>
      <c r="B6115">
        <v>211.3</v>
      </c>
      <c r="C6115">
        <v>6436.35</v>
      </c>
      <c r="D6115">
        <v>3.1</v>
      </c>
      <c r="E6115">
        <v>7841.57</v>
      </c>
      <c r="F6115">
        <v>19.552800000000001</v>
      </c>
    </row>
    <row r="6116" spans="1:6" x14ac:dyDescent="0.25">
      <c r="A6116">
        <v>145.88999999999999</v>
      </c>
      <c r="B6116">
        <v>211.3</v>
      </c>
      <c r="C6116">
        <v>6436.35</v>
      </c>
      <c r="D6116">
        <v>3.4</v>
      </c>
      <c r="E6116">
        <v>7762.09</v>
      </c>
      <c r="F6116">
        <v>19.564800000000002</v>
      </c>
    </row>
    <row r="6117" spans="1:6" x14ac:dyDescent="0.25">
      <c r="A6117">
        <v>145.88999999999999</v>
      </c>
      <c r="B6117">
        <v>211.3</v>
      </c>
      <c r="C6117">
        <v>6436.35</v>
      </c>
      <c r="D6117">
        <v>3.7</v>
      </c>
      <c r="E6117">
        <v>7659.28</v>
      </c>
      <c r="F6117">
        <v>19.581600000000002</v>
      </c>
    </row>
    <row r="6118" spans="1:6" x14ac:dyDescent="0.25">
      <c r="A6118">
        <v>145.88999999999999</v>
      </c>
      <c r="B6118">
        <v>211.3</v>
      </c>
      <c r="C6118">
        <v>6436.35</v>
      </c>
      <c r="D6118">
        <v>4</v>
      </c>
      <c r="E6118">
        <v>7592.35</v>
      </c>
      <c r="F6118">
        <v>19.6051</v>
      </c>
    </row>
    <row r="6119" spans="1:6" x14ac:dyDescent="0.25">
      <c r="A6119">
        <v>145.88999999999999</v>
      </c>
      <c r="B6119">
        <v>211.3</v>
      </c>
      <c r="C6119">
        <v>7981.8</v>
      </c>
      <c r="D6119">
        <v>1</v>
      </c>
      <c r="E6119">
        <v>11704.1</v>
      </c>
      <c r="F6119">
        <v>19.2102</v>
      </c>
    </row>
    <row r="6120" spans="1:6" x14ac:dyDescent="0.25">
      <c r="A6120">
        <v>145.88999999999999</v>
      </c>
      <c r="B6120">
        <v>211.3</v>
      </c>
      <c r="C6120">
        <v>7981.8</v>
      </c>
      <c r="D6120">
        <v>1.3</v>
      </c>
      <c r="E6120">
        <v>11070.8</v>
      </c>
      <c r="F6120">
        <v>18.633299999999998</v>
      </c>
    </row>
    <row r="6121" spans="1:6" x14ac:dyDescent="0.25">
      <c r="A6121">
        <v>145.88999999999999</v>
      </c>
      <c r="B6121">
        <v>211.3</v>
      </c>
      <c r="C6121">
        <v>7981.8</v>
      </c>
      <c r="D6121">
        <v>1.6</v>
      </c>
      <c r="E6121">
        <v>10683.9</v>
      </c>
      <c r="F6121">
        <v>18.923300000000001</v>
      </c>
    </row>
    <row r="6122" spans="1:6" x14ac:dyDescent="0.25">
      <c r="A6122">
        <v>145.88999999999999</v>
      </c>
      <c r="B6122">
        <v>211.3</v>
      </c>
      <c r="C6122">
        <v>7981.8</v>
      </c>
      <c r="D6122">
        <v>1.9</v>
      </c>
      <c r="E6122">
        <v>10185</v>
      </c>
      <c r="F6122">
        <v>19.078600000000002</v>
      </c>
    </row>
    <row r="6123" spans="1:6" x14ac:dyDescent="0.25">
      <c r="A6123">
        <v>145.88999999999999</v>
      </c>
      <c r="B6123">
        <v>211.3</v>
      </c>
      <c r="C6123">
        <v>7981.8</v>
      </c>
      <c r="D6123">
        <v>2.2000000000000002</v>
      </c>
      <c r="E6123">
        <v>10007.299999999999</v>
      </c>
      <c r="F6123">
        <v>19.270199999999999</v>
      </c>
    </row>
    <row r="6124" spans="1:6" x14ac:dyDescent="0.25">
      <c r="A6124">
        <v>145.88999999999999</v>
      </c>
      <c r="B6124">
        <v>211.3</v>
      </c>
      <c r="C6124">
        <v>7981.8</v>
      </c>
      <c r="D6124">
        <v>2.5</v>
      </c>
      <c r="E6124">
        <v>9708.83</v>
      </c>
      <c r="F6124">
        <v>19.400099999999998</v>
      </c>
    </row>
    <row r="6125" spans="1:6" x14ac:dyDescent="0.25">
      <c r="A6125">
        <v>145.88999999999999</v>
      </c>
      <c r="B6125">
        <v>211.3</v>
      </c>
      <c r="C6125">
        <v>7981.8</v>
      </c>
      <c r="D6125">
        <v>2.8</v>
      </c>
      <c r="E6125">
        <v>9513.09</v>
      </c>
      <c r="F6125">
        <v>19.549299999999999</v>
      </c>
    </row>
    <row r="6126" spans="1:6" x14ac:dyDescent="0.25">
      <c r="A6126">
        <v>145.88999999999999</v>
      </c>
      <c r="B6126">
        <v>211.3</v>
      </c>
      <c r="C6126">
        <v>7981.8</v>
      </c>
      <c r="D6126">
        <v>3.1</v>
      </c>
      <c r="E6126">
        <v>9364.24</v>
      </c>
      <c r="F6126">
        <v>19.552800000000001</v>
      </c>
    </row>
    <row r="6127" spans="1:6" x14ac:dyDescent="0.25">
      <c r="A6127">
        <v>145.88999999999999</v>
      </c>
      <c r="B6127">
        <v>211.3</v>
      </c>
      <c r="C6127">
        <v>7981.8</v>
      </c>
      <c r="D6127">
        <v>3.4</v>
      </c>
      <c r="E6127">
        <v>9269.65</v>
      </c>
      <c r="F6127">
        <v>19.564800000000002</v>
      </c>
    </row>
    <row r="6128" spans="1:6" x14ac:dyDescent="0.25">
      <c r="A6128">
        <v>145.88999999999999</v>
      </c>
      <c r="B6128">
        <v>211.3</v>
      </c>
      <c r="C6128">
        <v>7981.8</v>
      </c>
      <c r="D6128">
        <v>3.7</v>
      </c>
      <c r="E6128">
        <v>9160.2800000000007</v>
      </c>
      <c r="F6128">
        <v>19.581600000000002</v>
      </c>
    </row>
    <row r="6129" spans="1:6" x14ac:dyDescent="0.25">
      <c r="A6129">
        <v>145.88999999999999</v>
      </c>
      <c r="B6129">
        <v>211.3</v>
      </c>
      <c r="C6129">
        <v>7981.8</v>
      </c>
      <c r="D6129">
        <v>4</v>
      </c>
      <c r="E6129">
        <v>9069</v>
      </c>
      <c r="F6129">
        <v>19.6051</v>
      </c>
    </row>
    <row r="6130" spans="1:6" x14ac:dyDescent="0.25">
      <c r="A6130">
        <v>145.88999999999999</v>
      </c>
      <c r="B6130">
        <v>211.3</v>
      </c>
      <c r="C6130">
        <v>9527.25</v>
      </c>
      <c r="D6130">
        <v>1</v>
      </c>
      <c r="E6130">
        <v>13361.2</v>
      </c>
      <c r="F6130">
        <v>19.2102</v>
      </c>
    </row>
    <row r="6131" spans="1:6" x14ac:dyDescent="0.25">
      <c r="A6131">
        <v>145.88999999999999</v>
      </c>
      <c r="B6131">
        <v>211.3</v>
      </c>
      <c r="C6131">
        <v>9527.25</v>
      </c>
      <c r="D6131">
        <v>1.3</v>
      </c>
      <c r="E6131">
        <v>12560.2</v>
      </c>
      <c r="F6131">
        <v>18.633299999999998</v>
      </c>
    </row>
    <row r="6132" spans="1:6" x14ac:dyDescent="0.25">
      <c r="A6132">
        <v>145.88999999999999</v>
      </c>
      <c r="B6132">
        <v>211.3</v>
      </c>
      <c r="C6132">
        <v>9527.25</v>
      </c>
      <c r="D6132">
        <v>1.6</v>
      </c>
      <c r="E6132">
        <v>11981</v>
      </c>
      <c r="F6132">
        <v>18.923300000000001</v>
      </c>
    </row>
    <row r="6133" spans="1:6" x14ac:dyDescent="0.25">
      <c r="A6133">
        <v>145.88999999999999</v>
      </c>
      <c r="B6133">
        <v>211.3</v>
      </c>
      <c r="C6133">
        <v>9527.25</v>
      </c>
      <c r="D6133">
        <v>1.9</v>
      </c>
      <c r="E6133">
        <v>11820.2</v>
      </c>
      <c r="F6133">
        <v>19.078600000000002</v>
      </c>
    </row>
    <row r="6134" spans="1:6" x14ac:dyDescent="0.25">
      <c r="A6134">
        <v>145.88999999999999</v>
      </c>
      <c r="B6134">
        <v>211.3</v>
      </c>
      <c r="C6134">
        <v>9527.25</v>
      </c>
      <c r="D6134">
        <v>2.2000000000000002</v>
      </c>
      <c r="E6134">
        <v>11400.7</v>
      </c>
      <c r="F6134">
        <v>19.270199999999999</v>
      </c>
    </row>
    <row r="6135" spans="1:6" x14ac:dyDescent="0.25">
      <c r="A6135">
        <v>145.88999999999999</v>
      </c>
      <c r="B6135">
        <v>211.3</v>
      </c>
      <c r="C6135">
        <v>9527.25</v>
      </c>
      <c r="D6135">
        <v>2.5</v>
      </c>
      <c r="E6135">
        <v>11226.4</v>
      </c>
      <c r="F6135">
        <v>19.400099999999998</v>
      </c>
    </row>
    <row r="6136" spans="1:6" x14ac:dyDescent="0.25">
      <c r="A6136">
        <v>145.88999999999999</v>
      </c>
      <c r="B6136">
        <v>211.3</v>
      </c>
      <c r="C6136">
        <v>9527.25</v>
      </c>
      <c r="D6136">
        <v>2.8</v>
      </c>
      <c r="E6136">
        <v>11102.9</v>
      </c>
      <c r="F6136">
        <v>19.549299999999999</v>
      </c>
    </row>
    <row r="6137" spans="1:6" x14ac:dyDescent="0.25">
      <c r="A6137">
        <v>145.88999999999999</v>
      </c>
      <c r="B6137">
        <v>211.3</v>
      </c>
      <c r="C6137">
        <v>9527.25</v>
      </c>
      <c r="D6137">
        <v>3.1</v>
      </c>
      <c r="E6137">
        <v>10958.1</v>
      </c>
      <c r="F6137">
        <v>19.552800000000001</v>
      </c>
    </row>
    <row r="6138" spans="1:6" x14ac:dyDescent="0.25">
      <c r="A6138">
        <v>145.88999999999999</v>
      </c>
      <c r="B6138">
        <v>211.3</v>
      </c>
      <c r="C6138">
        <v>9527.25</v>
      </c>
      <c r="D6138">
        <v>3.4</v>
      </c>
      <c r="E6138">
        <v>10845</v>
      </c>
      <c r="F6138">
        <v>19.564800000000002</v>
      </c>
    </row>
    <row r="6139" spans="1:6" x14ac:dyDescent="0.25">
      <c r="A6139">
        <v>145.88999999999999</v>
      </c>
      <c r="B6139">
        <v>211.3</v>
      </c>
      <c r="C6139">
        <v>9527.25</v>
      </c>
      <c r="D6139">
        <v>3.7</v>
      </c>
      <c r="E6139">
        <v>10752.4</v>
      </c>
      <c r="F6139">
        <v>19.581600000000002</v>
      </c>
    </row>
    <row r="6140" spans="1:6" x14ac:dyDescent="0.25">
      <c r="A6140">
        <v>145.88999999999999</v>
      </c>
      <c r="B6140">
        <v>211.3</v>
      </c>
      <c r="C6140">
        <v>9527.25</v>
      </c>
      <c r="D6140">
        <v>4</v>
      </c>
      <c r="E6140">
        <v>10679.8</v>
      </c>
      <c r="F6140">
        <v>19.6051</v>
      </c>
    </row>
    <row r="6141" spans="1:6" x14ac:dyDescent="0.25">
      <c r="A6141">
        <v>145.88999999999999</v>
      </c>
      <c r="B6141">
        <v>211.3</v>
      </c>
      <c r="C6141">
        <v>11072.7</v>
      </c>
      <c r="D6141">
        <v>1</v>
      </c>
      <c r="E6141">
        <v>14591.1</v>
      </c>
      <c r="F6141">
        <v>19.2102</v>
      </c>
    </row>
    <row r="6142" spans="1:6" x14ac:dyDescent="0.25">
      <c r="A6142">
        <v>145.88999999999999</v>
      </c>
      <c r="B6142">
        <v>211.3</v>
      </c>
      <c r="C6142">
        <v>11072.7</v>
      </c>
      <c r="D6142">
        <v>1.3</v>
      </c>
      <c r="E6142">
        <v>14097.9</v>
      </c>
      <c r="F6142">
        <v>18.633299999999998</v>
      </c>
    </row>
    <row r="6143" spans="1:6" x14ac:dyDescent="0.25">
      <c r="A6143">
        <v>145.88999999999999</v>
      </c>
      <c r="B6143">
        <v>211.3</v>
      </c>
      <c r="C6143">
        <v>11072.7</v>
      </c>
      <c r="D6143">
        <v>1.6</v>
      </c>
      <c r="E6143">
        <v>13521.2</v>
      </c>
      <c r="F6143">
        <v>18.923300000000001</v>
      </c>
    </row>
    <row r="6144" spans="1:6" x14ac:dyDescent="0.25">
      <c r="A6144">
        <v>145.88999999999999</v>
      </c>
      <c r="B6144">
        <v>211.3</v>
      </c>
      <c r="C6144">
        <v>11072.7</v>
      </c>
      <c r="D6144">
        <v>1.9</v>
      </c>
      <c r="E6144">
        <v>13331.7</v>
      </c>
      <c r="F6144">
        <v>19.078600000000002</v>
      </c>
    </row>
    <row r="6145" spans="1:6" x14ac:dyDescent="0.25">
      <c r="A6145">
        <v>145.88999999999999</v>
      </c>
      <c r="B6145">
        <v>211.3</v>
      </c>
      <c r="C6145">
        <v>11072.7</v>
      </c>
      <c r="D6145">
        <v>2.2000000000000002</v>
      </c>
      <c r="E6145">
        <v>12945.4</v>
      </c>
      <c r="F6145">
        <v>19.270199999999999</v>
      </c>
    </row>
    <row r="6146" spans="1:6" x14ac:dyDescent="0.25">
      <c r="A6146">
        <v>145.88999999999999</v>
      </c>
      <c r="B6146">
        <v>211.3</v>
      </c>
      <c r="C6146">
        <v>11072.7</v>
      </c>
      <c r="D6146">
        <v>2.5</v>
      </c>
      <c r="E6146">
        <v>12824.1</v>
      </c>
      <c r="F6146">
        <v>19.400099999999998</v>
      </c>
    </row>
    <row r="6147" spans="1:6" x14ac:dyDescent="0.25">
      <c r="A6147">
        <v>145.88999999999999</v>
      </c>
      <c r="B6147">
        <v>211.3</v>
      </c>
      <c r="C6147">
        <v>11072.7</v>
      </c>
      <c r="D6147">
        <v>2.8</v>
      </c>
      <c r="E6147">
        <v>12641.6</v>
      </c>
      <c r="F6147">
        <v>19.549299999999999</v>
      </c>
    </row>
    <row r="6148" spans="1:6" x14ac:dyDescent="0.25">
      <c r="A6148">
        <v>145.88999999999999</v>
      </c>
      <c r="B6148">
        <v>211.3</v>
      </c>
      <c r="C6148">
        <v>11072.7</v>
      </c>
      <c r="D6148">
        <v>3.1</v>
      </c>
      <c r="E6148">
        <v>12458.1</v>
      </c>
      <c r="F6148">
        <v>19.552800000000001</v>
      </c>
    </row>
    <row r="6149" spans="1:6" x14ac:dyDescent="0.25">
      <c r="A6149">
        <v>145.88999999999999</v>
      </c>
      <c r="B6149">
        <v>211.3</v>
      </c>
      <c r="C6149">
        <v>11072.7</v>
      </c>
      <c r="D6149">
        <v>3.4</v>
      </c>
      <c r="E6149">
        <v>12398.4</v>
      </c>
      <c r="F6149">
        <v>19.564800000000002</v>
      </c>
    </row>
    <row r="6150" spans="1:6" x14ac:dyDescent="0.25">
      <c r="A6150">
        <v>145.88999999999999</v>
      </c>
      <c r="B6150">
        <v>211.3</v>
      </c>
      <c r="C6150">
        <v>11072.7</v>
      </c>
      <c r="D6150">
        <v>3.7</v>
      </c>
      <c r="E6150">
        <v>12294</v>
      </c>
      <c r="F6150">
        <v>19.581600000000002</v>
      </c>
    </row>
    <row r="6151" spans="1:6" x14ac:dyDescent="0.25">
      <c r="A6151">
        <v>145.88999999999999</v>
      </c>
      <c r="B6151">
        <v>211.3</v>
      </c>
      <c r="C6151">
        <v>11072.7</v>
      </c>
      <c r="D6151">
        <v>4</v>
      </c>
      <c r="E6151">
        <v>12207.4</v>
      </c>
      <c r="F6151">
        <v>19.6051</v>
      </c>
    </row>
    <row r="6152" spans="1:6" x14ac:dyDescent="0.25">
      <c r="A6152">
        <v>145.88999999999999</v>
      </c>
      <c r="B6152">
        <v>211.3</v>
      </c>
      <c r="C6152">
        <v>12618.2</v>
      </c>
      <c r="D6152">
        <v>1</v>
      </c>
      <c r="E6152">
        <v>16426.3</v>
      </c>
      <c r="F6152">
        <v>19.2102</v>
      </c>
    </row>
    <row r="6153" spans="1:6" x14ac:dyDescent="0.25">
      <c r="A6153">
        <v>145.88999999999999</v>
      </c>
      <c r="B6153">
        <v>211.3</v>
      </c>
      <c r="C6153">
        <v>12618.2</v>
      </c>
      <c r="D6153">
        <v>1.3</v>
      </c>
      <c r="E6153">
        <v>15800.1</v>
      </c>
      <c r="F6153">
        <v>18.633299999999998</v>
      </c>
    </row>
    <row r="6154" spans="1:6" x14ac:dyDescent="0.25">
      <c r="A6154">
        <v>145.88999999999999</v>
      </c>
      <c r="B6154">
        <v>211.3</v>
      </c>
      <c r="C6154">
        <v>12618.2</v>
      </c>
      <c r="D6154">
        <v>1.6</v>
      </c>
      <c r="E6154">
        <v>15117.3</v>
      </c>
      <c r="F6154">
        <v>18.923300000000001</v>
      </c>
    </row>
    <row r="6155" spans="1:6" x14ac:dyDescent="0.25">
      <c r="A6155">
        <v>145.88999999999999</v>
      </c>
      <c r="B6155">
        <v>211.3</v>
      </c>
      <c r="C6155">
        <v>12618.2</v>
      </c>
      <c r="D6155">
        <v>1.9</v>
      </c>
      <c r="E6155">
        <v>14764.1</v>
      </c>
      <c r="F6155">
        <v>19.078600000000002</v>
      </c>
    </row>
    <row r="6156" spans="1:6" x14ac:dyDescent="0.25">
      <c r="A6156">
        <v>145.88999999999999</v>
      </c>
      <c r="B6156">
        <v>211.3</v>
      </c>
      <c r="C6156">
        <v>12618.2</v>
      </c>
      <c r="D6156">
        <v>2.2000000000000002</v>
      </c>
      <c r="E6156">
        <v>14614</v>
      </c>
      <c r="F6156">
        <v>19.270199999999999</v>
      </c>
    </row>
    <row r="6157" spans="1:6" x14ac:dyDescent="0.25">
      <c r="A6157">
        <v>145.88999999999999</v>
      </c>
      <c r="B6157">
        <v>211.3</v>
      </c>
      <c r="C6157">
        <v>12618.2</v>
      </c>
      <c r="D6157">
        <v>2.5</v>
      </c>
      <c r="E6157">
        <v>14372.5</v>
      </c>
      <c r="F6157">
        <v>19.400099999999998</v>
      </c>
    </row>
    <row r="6158" spans="1:6" x14ac:dyDescent="0.25">
      <c r="A6158">
        <v>145.88999999999999</v>
      </c>
      <c r="B6158">
        <v>211.3</v>
      </c>
      <c r="C6158">
        <v>12618.2</v>
      </c>
      <c r="D6158">
        <v>2.8</v>
      </c>
      <c r="E6158">
        <v>14120</v>
      </c>
      <c r="F6158">
        <v>19.549299999999999</v>
      </c>
    </row>
    <row r="6159" spans="1:6" x14ac:dyDescent="0.25">
      <c r="A6159">
        <v>145.88999999999999</v>
      </c>
      <c r="B6159">
        <v>211.3</v>
      </c>
      <c r="C6159">
        <v>12618.2</v>
      </c>
      <c r="D6159">
        <v>3.1</v>
      </c>
      <c r="E6159">
        <v>13972.8</v>
      </c>
      <c r="F6159">
        <v>19.552800000000001</v>
      </c>
    </row>
    <row r="6160" spans="1:6" x14ac:dyDescent="0.25">
      <c r="A6160">
        <v>145.88999999999999</v>
      </c>
      <c r="B6160">
        <v>211.3</v>
      </c>
      <c r="C6160">
        <v>12618.2</v>
      </c>
      <c r="D6160">
        <v>3.4</v>
      </c>
      <c r="E6160">
        <v>13871.1</v>
      </c>
      <c r="F6160">
        <v>19.564800000000002</v>
      </c>
    </row>
    <row r="6161" spans="1:6" x14ac:dyDescent="0.25">
      <c r="A6161">
        <v>145.88999999999999</v>
      </c>
      <c r="B6161">
        <v>211.3</v>
      </c>
      <c r="C6161">
        <v>12618.2</v>
      </c>
      <c r="D6161">
        <v>3.7</v>
      </c>
      <c r="E6161">
        <v>13754.5</v>
      </c>
      <c r="F6161">
        <v>19.581600000000002</v>
      </c>
    </row>
    <row r="6162" spans="1:6" x14ac:dyDescent="0.25">
      <c r="A6162">
        <v>145.88999999999999</v>
      </c>
      <c r="B6162">
        <v>211.3</v>
      </c>
      <c r="C6162">
        <v>12618.2</v>
      </c>
      <c r="D6162">
        <v>4</v>
      </c>
      <c r="E6162">
        <v>13760</v>
      </c>
      <c r="F6162">
        <v>19.6051</v>
      </c>
    </row>
    <row r="6163" spans="1:6" x14ac:dyDescent="0.25">
      <c r="A6163">
        <v>145.88999999999999</v>
      </c>
      <c r="B6163">
        <v>211.3</v>
      </c>
      <c r="C6163">
        <v>14163.6</v>
      </c>
      <c r="D6163">
        <v>1</v>
      </c>
      <c r="E6163">
        <v>17887.599999999999</v>
      </c>
      <c r="F6163">
        <v>19.2102</v>
      </c>
    </row>
    <row r="6164" spans="1:6" x14ac:dyDescent="0.25">
      <c r="A6164">
        <v>145.88999999999999</v>
      </c>
      <c r="B6164">
        <v>211.3</v>
      </c>
      <c r="C6164">
        <v>14163.6</v>
      </c>
      <c r="D6164">
        <v>1.3</v>
      </c>
      <c r="E6164">
        <v>17310.5</v>
      </c>
      <c r="F6164">
        <v>18.633299999999998</v>
      </c>
    </row>
    <row r="6165" spans="1:6" x14ac:dyDescent="0.25">
      <c r="A6165">
        <v>145.88999999999999</v>
      </c>
      <c r="B6165">
        <v>211.3</v>
      </c>
      <c r="C6165">
        <v>14163.6</v>
      </c>
      <c r="D6165">
        <v>1.6</v>
      </c>
      <c r="E6165">
        <v>16607.5</v>
      </c>
      <c r="F6165">
        <v>18.923300000000001</v>
      </c>
    </row>
    <row r="6166" spans="1:6" x14ac:dyDescent="0.25">
      <c r="A6166">
        <v>145.88999999999999</v>
      </c>
      <c r="B6166">
        <v>211.3</v>
      </c>
      <c r="C6166">
        <v>14163.6</v>
      </c>
      <c r="D6166">
        <v>1.9</v>
      </c>
      <c r="E6166">
        <v>16283.6</v>
      </c>
      <c r="F6166">
        <v>19.078600000000002</v>
      </c>
    </row>
    <row r="6167" spans="1:6" x14ac:dyDescent="0.25">
      <c r="A6167">
        <v>145.88999999999999</v>
      </c>
      <c r="B6167">
        <v>211.3</v>
      </c>
      <c r="C6167">
        <v>14163.6</v>
      </c>
      <c r="D6167">
        <v>2.2000000000000002</v>
      </c>
      <c r="E6167">
        <v>16184.3</v>
      </c>
      <c r="F6167">
        <v>19.270199999999999</v>
      </c>
    </row>
    <row r="6168" spans="1:6" x14ac:dyDescent="0.25">
      <c r="A6168">
        <v>145.88999999999999</v>
      </c>
      <c r="B6168">
        <v>211.3</v>
      </c>
      <c r="C6168">
        <v>14163.6</v>
      </c>
      <c r="D6168">
        <v>2.5</v>
      </c>
      <c r="E6168">
        <v>15974.1</v>
      </c>
      <c r="F6168">
        <v>19.400099999999998</v>
      </c>
    </row>
    <row r="6169" spans="1:6" x14ac:dyDescent="0.25">
      <c r="A6169">
        <v>145.88999999999999</v>
      </c>
      <c r="B6169">
        <v>211.3</v>
      </c>
      <c r="C6169">
        <v>14163.6</v>
      </c>
      <c r="D6169">
        <v>2.8</v>
      </c>
      <c r="E6169">
        <v>15655.7</v>
      </c>
      <c r="F6169">
        <v>19.549299999999999</v>
      </c>
    </row>
    <row r="6170" spans="1:6" x14ac:dyDescent="0.25">
      <c r="A6170">
        <v>145.88999999999999</v>
      </c>
      <c r="B6170">
        <v>211.3</v>
      </c>
      <c r="C6170">
        <v>14163.6</v>
      </c>
      <c r="D6170">
        <v>3.1</v>
      </c>
      <c r="E6170">
        <v>15568.9</v>
      </c>
      <c r="F6170">
        <v>19.552800000000001</v>
      </c>
    </row>
    <row r="6171" spans="1:6" x14ac:dyDescent="0.25">
      <c r="A6171">
        <v>145.88999999999999</v>
      </c>
      <c r="B6171">
        <v>211.3</v>
      </c>
      <c r="C6171">
        <v>14163.6</v>
      </c>
      <c r="D6171">
        <v>3.4</v>
      </c>
      <c r="E6171">
        <v>15435.3</v>
      </c>
      <c r="F6171">
        <v>19.564800000000002</v>
      </c>
    </row>
    <row r="6172" spans="1:6" x14ac:dyDescent="0.25">
      <c r="A6172">
        <v>145.88999999999999</v>
      </c>
      <c r="B6172">
        <v>211.3</v>
      </c>
      <c r="C6172">
        <v>14163.6</v>
      </c>
      <c r="D6172">
        <v>3.7</v>
      </c>
      <c r="E6172">
        <v>15297.4</v>
      </c>
      <c r="F6172">
        <v>19.581600000000002</v>
      </c>
    </row>
    <row r="6173" spans="1:6" x14ac:dyDescent="0.25">
      <c r="A6173">
        <v>145.88999999999999</v>
      </c>
      <c r="B6173">
        <v>211.3</v>
      </c>
      <c r="C6173">
        <v>14163.6</v>
      </c>
      <c r="D6173">
        <v>4</v>
      </c>
      <c r="E6173">
        <v>15317.4</v>
      </c>
      <c r="F6173">
        <v>19.6051</v>
      </c>
    </row>
    <row r="6174" spans="1:6" x14ac:dyDescent="0.25">
      <c r="A6174">
        <v>145.88999999999999</v>
      </c>
      <c r="B6174">
        <v>211.3</v>
      </c>
      <c r="C6174">
        <v>15709.1</v>
      </c>
      <c r="D6174">
        <v>1</v>
      </c>
      <c r="E6174">
        <v>19249.3</v>
      </c>
      <c r="F6174">
        <v>19.2102</v>
      </c>
    </row>
    <row r="6175" spans="1:6" x14ac:dyDescent="0.25">
      <c r="A6175">
        <v>145.88999999999999</v>
      </c>
      <c r="B6175">
        <v>211.3</v>
      </c>
      <c r="C6175">
        <v>15709.1</v>
      </c>
      <c r="D6175">
        <v>1.3</v>
      </c>
      <c r="E6175">
        <v>18721</v>
      </c>
      <c r="F6175">
        <v>18.633299999999998</v>
      </c>
    </row>
    <row r="6176" spans="1:6" x14ac:dyDescent="0.25">
      <c r="A6176">
        <v>145.88999999999999</v>
      </c>
      <c r="B6176">
        <v>211.3</v>
      </c>
      <c r="C6176">
        <v>15709.1</v>
      </c>
      <c r="D6176">
        <v>1.6</v>
      </c>
      <c r="E6176">
        <v>18395.900000000001</v>
      </c>
      <c r="F6176">
        <v>18.923300000000001</v>
      </c>
    </row>
    <row r="6177" spans="1:6" x14ac:dyDescent="0.25">
      <c r="A6177">
        <v>145.88999999999999</v>
      </c>
      <c r="B6177">
        <v>211.3</v>
      </c>
      <c r="C6177">
        <v>15709.1</v>
      </c>
      <c r="D6177">
        <v>1.9</v>
      </c>
      <c r="E6177">
        <v>17831.400000000001</v>
      </c>
      <c r="F6177">
        <v>19.078600000000002</v>
      </c>
    </row>
    <row r="6178" spans="1:6" x14ac:dyDescent="0.25">
      <c r="A6178">
        <v>145.88999999999999</v>
      </c>
      <c r="B6178">
        <v>211.3</v>
      </c>
      <c r="C6178">
        <v>15709.1</v>
      </c>
      <c r="D6178">
        <v>2.2000000000000002</v>
      </c>
      <c r="E6178">
        <v>17600.8</v>
      </c>
      <c r="F6178">
        <v>19.270199999999999</v>
      </c>
    </row>
    <row r="6179" spans="1:6" x14ac:dyDescent="0.25">
      <c r="A6179">
        <v>145.88999999999999</v>
      </c>
      <c r="B6179">
        <v>211.3</v>
      </c>
      <c r="C6179">
        <v>15709.1</v>
      </c>
      <c r="D6179">
        <v>2.5</v>
      </c>
      <c r="E6179">
        <v>17495.900000000001</v>
      </c>
      <c r="F6179">
        <v>19.400099999999998</v>
      </c>
    </row>
    <row r="6180" spans="1:6" x14ac:dyDescent="0.25">
      <c r="A6180">
        <v>145.88999999999999</v>
      </c>
      <c r="B6180">
        <v>211.3</v>
      </c>
      <c r="C6180">
        <v>15709.1</v>
      </c>
      <c r="D6180">
        <v>2.8</v>
      </c>
      <c r="E6180">
        <v>17243.099999999999</v>
      </c>
      <c r="F6180">
        <v>19.549299999999999</v>
      </c>
    </row>
    <row r="6181" spans="1:6" x14ac:dyDescent="0.25">
      <c r="A6181">
        <v>145.88999999999999</v>
      </c>
      <c r="B6181">
        <v>211.3</v>
      </c>
      <c r="C6181">
        <v>15709.1</v>
      </c>
      <c r="D6181">
        <v>3.1</v>
      </c>
      <c r="E6181">
        <v>17089.599999999999</v>
      </c>
      <c r="F6181">
        <v>19.552800000000001</v>
      </c>
    </row>
    <row r="6182" spans="1:6" x14ac:dyDescent="0.25">
      <c r="A6182">
        <v>145.88999999999999</v>
      </c>
      <c r="B6182">
        <v>211.3</v>
      </c>
      <c r="C6182">
        <v>15709.1</v>
      </c>
      <c r="D6182">
        <v>3.4</v>
      </c>
      <c r="E6182">
        <v>17019.5</v>
      </c>
      <c r="F6182">
        <v>19.564800000000002</v>
      </c>
    </row>
    <row r="6183" spans="1:6" x14ac:dyDescent="0.25">
      <c r="A6183">
        <v>145.88999999999999</v>
      </c>
      <c r="B6183">
        <v>211.3</v>
      </c>
      <c r="C6183">
        <v>15709.1</v>
      </c>
      <c r="D6183">
        <v>3.7</v>
      </c>
      <c r="E6183">
        <v>16877</v>
      </c>
      <c r="F6183">
        <v>19.581600000000002</v>
      </c>
    </row>
    <row r="6184" spans="1:6" x14ac:dyDescent="0.25">
      <c r="A6184">
        <v>145.88999999999999</v>
      </c>
      <c r="B6184">
        <v>211.3</v>
      </c>
      <c r="C6184">
        <v>15709.1</v>
      </c>
      <c r="D6184">
        <v>4</v>
      </c>
      <c r="E6184">
        <v>16788.099999999999</v>
      </c>
      <c r="F6184">
        <v>19.6051</v>
      </c>
    </row>
    <row r="6185" spans="1:6" x14ac:dyDescent="0.25">
      <c r="A6185">
        <v>145.88999999999999</v>
      </c>
      <c r="B6185">
        <v>211.3</v>
      </c>
      <c r="C6185">
        <v>17254.5</v>
      </c>
      <c r="D6185">
        <v>1</v>
      </c>
      <c r="E6185">
        <v>20794.400000000001</v>
      </c>
      <c r="F6185">
        <v>19.2102</v>
      </c>
    </row>
    <row r="6186" spans="1:6" x14ac:dyDescent="0.25">
      <c r="A6186">
        <v>145.88999999999999</v>
      </c>
      <c r="B6186">
        <v>211.3</v>
      </c>
      <c r="C6186">
        <v>17254.5</v>
      </c>
      <c r="D6186">
        <v>1.3</v>
      </c>
      <c r="E6186">
        <v>20207.8</v>
      </c>
      <c r="F6186">
        <v>18.633299999999998</v>
      </c>
    </row>
    <row r="6187" spans="1:6" x14ac:dyDescent="0.25">
      <c r="A6187">
        <v>145.88999999999999</v>
      </c>
      <c r="B6187">
        <v>211.3</v>
      </c>
      <c r="C6187">
        <v>17254.5</v>
      </c>
      <c r="D6187">
        <v>1.6</v>
      </c>
      <c r="E6187">
        <v>19859.599999999999</v>
      </c>
      <c r="F6187">
        <v>18.923300000000001</v>
      </c>
    </row>
    <row r="6188" spans="1:6" x14ac:dyDescent="0.25">
      <c r="A6188">
        <v>145.88999999999999</v>
      </c>
      <c r="B6188">
        <v>211.3</v>
      </c>
      <c r="C6188">
        <v>17254.5</v>
      </c>
      <c r="D6188">
        <v>1.9</v>
      </c>
      <c r="E6188">
        <v>19431.5</v>
      </c>
      <c r="F6188">
        <v>19.078600000000002</v>
      </c>
    </row>
    <row r="6189" spans="1:6" x14ac:dyDescent="0.25">
      <c r="A6189">
        <v>145.88999999999999</v>
      </c>
      <c r="B6189">
        <v>211.3</v>
      </c>
      <c r="C6189">
        <v>17254.5</v>
      </c>
      <c r="D6189">
        <v>2.2000000000000002</v>
      </c>
      <c r="E6189">
        <v>19118.8</v>
      </c>
      <c r="F6189">
        <v>19.270199999999999</v>
      </c>
    </row>
    <row r="6190" spans="1:6" x14ac:dyDescent="0.25">
      <c r="A6190">
        <v>145.88999999999999</v>
      </c>
      <c r="B6190">
        <v>211.3</v>
      </c>
      <c r="C6190">
        <v>17254.5</v>
      </c>
      <c r="D6190">
        <v>2.5</v>
      </c>
      <c r="E6190">
        <v>19074.599999999999</v>
      </c>
      <c r="F6190">
        <v>19.400099999999998</v>
      </c>
    </row>
    <row r="6191" spans="1:6" x14ac:dyDescent="0.25">
      <c r="A6191">
        <v>145.88999999999999</v>
      </c>
      <c r="B6191">
        <v>211.3</v>
      </c>
      <c r="C6191">
        <v>17254.5</v>
      </c>
      <c r="D6191">
        <v>2.8</v>
      </c>
      <c r="E6191">
        <v>18829.099999999999</v>
      </c>
      <c r="F6191">
        <v>19.549299999999999</v>
      </c>
    </row>
    <row r="6192" spans="1:6" x14ac:dyDescent="0.25">
      <c r="A6192">
        <v>145.88999999999999</v>
      </c>
      <c r="B6192">
        <v>211.3</v>
      </c>
      <c r="C6192">
        <v>17254.5</v>
      </c>
      <c r="D6192">
        <v>3.1</v>
      </c>
      <c r="E6192">
        <v>18660</v>
      </c>
      <c r="F6192">
        <v>19.552800000000001</v>
      </c>
    </row>
    <row r="6193" spans="1:6" x14ac:dyDescent="0.25">
      <c r="A6193">
        <v>145.88999999999999</v>
      </c>
      <c r="B6193">
        <v>211.3</v>
      </c>
      <c r="C6193">
        <v>17254.5</v>
      </c>
      <c r="D6193">
        <v>3.4</v>
      </c>
      <c r="E6193">
        <v>18603.5</v>
      </c>
      <c r="F6193">
        <v>19.564800000000002</v>
      </c>
    </row>
    <row r="6194" spans="1:6" x14ac:dyDescent="0.25">
      <c r="A6194">
        <v>145.88999999999999</v>
      </c>
      <c r="B6194">
        <v>211.3</v>
      </c>
      <c r="C6194">
        <v>17254.5</v>
      </c>
      <c r="D6194">
        <v>3.7</v>
      </c>
      <c r="E6194">
        <v>18420.5</v>
      </c>
      <c r="F6194">
        <v>19.581600000000002</v>
      </c>
    </row>
    <row r="6195" spans="1:6" x14ac:dyDescent="0.25">
      <c r="A6195">
        <v>145.88999999999999</v>
      </c>
      <c r="B6195">
        <v>211.3</v>
      </c>
      <c r="C6195">
        <v>17254.5</v>
      </c>
      <c r="D6195">
        <v>4</v>
      </c>
      <c r="E6195">
        <v>18355.3</v>
      </c>
      <c r="F6195">
        <v>19.6051</v>
      </c>
    </row>
    <row r="6196" spans="1:6" x14ac:dyDescent="0.25">
      <c r="A6196">
        <v>145.88999999999999</v>
      </c>
      <c r="B6196">
        <v>211.3</v>
      </c>
      <c r="C6196">
        <v>18800</v>
      </c>
      <c r="D6196">
        <v>1</v>
      </c>
      <c r="E6196">
        <v>22425.3</v>
      </c>
      <c r="F6196">
        <v>19.2102</v>
      </c>
    </row>
    <row r="6197" spans="1:6" x14ac:dyDescent="0.25">
      <c r="A6197">
        <v>145.88999999999999</v>
      </c>
      <c r="B6197">
        <v>211.3</v>
      </c>
      <c r="C6197">
        <v>18800</v>
      </c>
      <c r="D6197">
        <v>1.3</v>
      </c>
      <c r="E6197">
        <v>21785.599999999999</v>
      </c>
      <c r="F6197">
        <v>18.633299999999998</v>
      </c>
    </row>
    <row r="6198" spans="1:6" x14ac:dyDescent="0.25">
      <c r="A6198">
        <v>145.88999999999999</v>
      </c>
      <c r="B6198">
        <v>211.3</v>
      </c>
      <c r="C6198">
        <v>18800</v>
      </c>
      <c r="D6198">
        <v>1.6</v>
      </c>
      <c r="E6198">
        <v>21241.7</v>
      </c>
      <c r="F6198">
        <v>18.923300000000001</v>
      </c>
    </row>
    <row r="6199" spans="1:6" x14ac:dyDescent="0.25">
      <c r="A6199">
        <v>145.88999999999999</v>
      </c>
      <c r="B6199">
        <v>211.3</v>
      </c>
      <c r="C6199">
        <v>18800</v>
      </c>
      <c r="D6199">
        <v>1.9</v>
      </c>
      <c r="E6199">
        <v>21037.200000000001</v>
      </c>
      <c r="F6199">
        <v>19.078600000000002</v>
      </c>
    </row>
    <row r="6200" spans="1:6" x14ac:dyDescent="0.25">
      <c r="A6200">
        <v>145.88999999999999</v>
      </c>
      <c r="B6200">
        <v>211.3</v>
      </c>
      <c r="C6200">
        <v>18800</v>
      </c>
      <c r="D6200">
        <v>2.2000000000000002</v>
      </c>
      <c r="E6200">
        <v>20754.5</v>
      </c>
      <c r="F6200">
        <v>19.270199999999999</v>
      </c>
    </row>
    <row r="6201" spans="1:6" x14ac:dyDescent="0.25">
      <c r="A6201">
        <v>145.88999999999999</v>
      </c>
      <c r="B6201">
        <v>211.3</v>
      </c>
      <c r="C6201">
        <v>18800</v>
      </c>
      <c r="D6201">
        <v>2.5</v>
      </c>
      <c r="E6201">
        <v>20614.3</v>
      </c>
      <c r="F6201">
        <v>19.400099999999998</v>
      </c>
    </row>
    <row r="6202" spans="1:6" x14ac:dyDescent="0.25">
      <c r="A6202">
        <v>145.88999999999999</v>
      </c>
      <c r="B6202">
        <v>211.3</v>
      </c>
      <c r="C6202">
        <v>18800</v>
      </c>
      <c r="D6202">
        <v>2.8</v>
      </c>
      <c r="E6202">
        <v>20256.400000000001</v>
      </c>
      <c r="F6202">
        <v>19.549299999999999</v>
      </c>
    </row>
    <row r="6203" spans="1:6" x14ac:dyDescent="0.25">
      <c r="A6203">
        <v>145.88999999999999</v>
      </c>
      <c r="B6203">
        <v>211.3</v>
      </c>
      <c r="C6203">
        <v>18800</v>
      </c>
      <c r="D6203">
        <v>3.1</v>
      </c>
      <c r="E6203">
        <v>20249.599999999999</v>
      </c>
      <c r="F6203">
        <v>19.552800000000001</v>
      </c>
    </row>
    <row r="6204" spans="1:6" x14ac:dyDescent="0.25">
      <c r="A6204">
        <v>145.88999999999999</v>
      </c>
      <c r="B6204">
        <v>211.3</v>
      </c>
      <c r="C6204">
        <v>18800</v>
      </c>
      <c r="D6204">
        <v>3.4</v>
      </c>
      <c r="E6204">
        <v>20083.400000000001</v>
      </c>
      <c r="F6204">
        <v>19.564800000000002</v>
      </c>
    </row>
    <row r="6205" spans="1:6" x14ac:dyDescent="0.25">
      <c r="A6205">
        <v>145.88999999999999</v>
      </c>
      <c r="B6205">
        <v>211.3</v>
      </c>
      <c r="C6205">
        <v>18800</v>
      </c>
      <c r="D6205">
        <v>3.7</v>
      </c>
      <c r="E6205">
        <v>19958</v>
      </c>
      <c r="F6205">
        <v>19.581600000000002</v>
      </c>
    </row>
    <row r="6206" spans="1:6" x14ac:dyDescent="0.25">
      <c r="A6206">
        <v>145.88999999999999</v>
      </c>
      <c r="B6206">
        <v>211.3</v>
      </c>
      <c r="C6206">
        <v>18800</v>
      </c>
      <c r="D6206">
        <v>4</v>
      </c>
      <c r="E6206">
        <v>19878.900000000001</v>
      </c>
      <c r="F6206">
        <v>19.6051</v>
      </c>
    </row>
    <row r="6207" spans="1:6" x14ac:dyDescent="0.25">
      <c r="A6207">
        <v>145.88999999999999</v>
      </c>
      <c r="B6207">
        <v>214.93</v>
      </c>
      <c r="C6207">
        <v>1800</v>
      </c>
      <c r="D6207">
        <v>1</v>
      </c>
      <c r="E6207">
        <v>5539.43</v>
      </c>
      <c r="F6207">
        <v>49.875599999999999</v>
      </c>
    </row>
    <row r="6208" spans="1:6" x14ac:dyDescent="0.25">
      <c r="A6208">
        <v>145.88999999999999</v>
      </c>
      <c r="B6208">
        <v>214.93</v>
      </c>
      <c r="C6208">
        <v>1800</v>
      </c>
      <c r="D6208">
        <v>1.3</v>
      </c>
      <c r="E6208">
        <v>4982.75</v>
      </c>
      <c r="F6208">
        <v>62.082500000000003</v>
      </c>
    </row>
    <row r="6209" spans="1:6" x14ac:dyDescent="0.25">
      <c r="A6209">
        <v>145.88999999999999</v>
      </c>
      <c r="B6209">
        <v>214.93</v>
      </c>
      <c r="C6209">
        <v>1800</v>
      </c>
      <c r="D6209">
        <v>1.6</v>
      </c>
      <c r="E6209">
        <v>4600.26</v>
      </c>
      <c r="F6209">
        <v>70.093800000000002</v>
      </c>
    </row>
    <row r="6210" spans="1:6" x14ac:dyDescent="0.25">
      <c r="A6210">
        <v>145.88999999999999</v>
      </c>
      <c r="B6210">
        <v>214.93</v>
      </c>
      <c r="C6210">
        <v>1800</v>
      </c>
      <c r="D6210">
        <v>1.9</v>
      </c>
      <c r="E6210">
        <v>4241.8599999999997</v>
      </c>
      <c r="F6210">
        <v>77.347200000000001</v>
      </c>
    </row>
    <row r="6211" spans="1:6" x14ac:dyDescent="0.25">
      <c r="A6211">
        <v>145.88999999999999</v>
      </c>
      <c r="B6211">
        <v>214.93</v>
      </c>
      <c r="C6211">
        <v>1800</v>
      </c>
      <c r="D6211">
        <v>2.2000000000000002</v>
      </c>
      <c r="E6211">
        <v>4048.23</v>
      </c>
      <c r="F6211">
        <v>80.308700000000002</v>
      </c>
    </row>
    <row r="6212" spans="1:6" x14ac:dyDescent="0.25">
      <c r="A6212">
        <v>145.88999999999999</v>
      </c>
      <c r="B6212">
        <v>214.93</v>
      </c>
      <c r="C6212">
        <v>1800</v>
      </c>
      <c r="D6212">
        <v>2.5</v>
      </c>
      <c r="E6212">
        <v>3837.79</v>
      </c>
      <c r="F6212">
        <v>86.256299999999996</v>
      </c>
    </row>
    <row r="6213" spans="1:6" x14ac:dyDescent="0.25">
      <c r="A6213">
        <v>145.88999999999999</v>
      </c>
      <c r="B6213">
        <v>214.93</v>
      </c>
      <c r="C6213">
        <v>1800</v>
      </c>
      <c r="D6213">
        <v>2.8</v>
      </c>
      <c r="E6213">
        <v>3670.31</v>
      </c>
      <c r="F6213">
        <v>90.005399999999995</v>
      </c>
    </row>
    <row r="6214" spans="1:6" x14ac:dyDescent="0.25">
      <c r="A6214">
        <v>145.88999999999999</v>
      </c>
      <c r="B6214">
        <v>214.93</v>
      </c>
      <c r="C6214">
        <v>1800</v>
      </c>
      <c r="D6214">
        <v>3.1</v>
      </c>
      <c r="E6214">
        <v>3549.94</v>
      </c>
      <c r="F6214">
        <v>92.760199999999998</v>
      </c>
    </row>
    <row r="6215" spans="1:6" x14ac:dyDescent="0.25">
      <c r="A6215">
        <v>145.88999999999999</v>
      </c>
      <c r="B6215">
        <v>214.93</v>
      </c>
      <c r="C6215">
        <v>1800</v>
      </c>
      <c r="D6215">
        <v>3.4</v>
      </c>
      <c r="E6215">
        <v>3437.2</v>
      </c>
      <c r="F6215">
        <v>95.46</v>
      </c>
    </row>
    <row r="6216" spans="1:6" x14ac:dyDescent="0.25">
      <c r="A6216">
        <v>145.88999999999999</v>
      </c>
      <c r="B6216">
        <v>214.93</v>
      </c>
      <c r="C6216">
        <v>1800</v>
      </c>
      <c r="D6216">
        <v>3.7</v>
      </c>
      <c r="E6216">
        <v>3345.19</v>
      </c>
      <c r="F6216">
        <v>97.666899999999998</v>
      </c>
    </row>
    <row r="6217" spans="1:6" x14ac:dyDescent="0.25">
      <c r="A6217">
        <v>145.88999999999999</v>
      </c>
      <c r="B6217">
        <v>214.93</v>
      </c>
      <c r="C6217">
        <v>1800</v>
      </c>
      <c r="D6217">
        <v>4</v>
      </c>
      <c r="E6217">
        <v>3263.79</v>
      </c>
      <c r="F6217">
        <v>95.444699999999997</v>
      </c>
    </row>
    <row r="6218" spans="1:6" x14ac:dyDescent="0.25">
      <c r="A6218">
        <v>145.88999999999999</v>
      </c>
      <c r="B6218">
        <v>214.93</v>
      </c>
      <c r="C6218">
        <v>3345.45</v>
      </c>
      <c r="D6218">
        <v>1</v>
      </c>
      <c r="E6218">
        <v>7087.77</v>
      </c>
      <c r="F6218">
        <v>21.169699999999999</v>
      </c>
    </row>
    <row r="6219" spans="1:6" x14ac:dyDescent="0.25">
      <c r="A6219">
        <v>145.88999999999999</v>
      </c>
      <c r="B6219">
        <v>214.93</v>
      </c>
      <c r="C6219">
        <v>3345.45</v>
      </c>
      <c r="D6219">
        <v>1.3</v>
      </c>
      <c r="E6219">
        <v>6385.28</v>
      </c>
      <c r="F6219">
        <v>24.3752</v>
      </c>
    </row>
    <row r="6220" spans="1:6" x14ac:dyDescent="0.25">
      <c r="A6220">
        <v>145.88999999999999</v>
      </c>
      <c r="B6220">
        <v>214.93</v>
      </c>
      <c r="C6220">
        <v>3345.45</v>
      </c>
      <c r="D6220">
        <v>1.6</v>
      </c>
      <c r="E6220">
        <v>5884.05</v>
      </c>
      <c r="F6220">
        <v>28.726500000000001</v>
      </c>
    </row>
    <row r="6221" spans="1:6" x14ac:dyDescent="0.25">
      <c r="A6221">
        <v>145.88999999999999</v>
      </c>
      <c r="B6221">
        <v>214.93</v>
      </c>
      <c r="C6221">
        <v>3345.45</v>
      </c>
      <c r="D6221">
        <v>1.9</v>
      </c>
      <c r="E6221">
        <v>5675.33</v>
      </c>
      <c r="F6221">
        <v>31.595099999999999</v>
      </c>
    </row>
    <row r="6222" spans="1:6" x14ac:dyDescent="0.25">
      <c r="A6222">
        <v>145.88999999999999</v>
      </c>
      <c r="B6222">
        <v>214.93</v>
      </c>
      <c r="C6222">
        <v>3345.45</v>
      </c>
      <c r="D6222">
        <v>2.2000000000000002</v>
      </c>
      <c r="E6222">
        <v>5512.63</v>
      </c>
      <c r="F6222">
        <v>33.855899999999998</v>
      </c>
    </row>
    <row r="6223" spans="1:6" x14ac:dyDescent="0.25">
      <c r="A6223">
        <v>145.88999999999999</v>
      </c>
      <c r="B6223">
        <v>214.93</v>
      </c>
      <c r="C6223">
        <v>3345.45</v>
      </c>
      <c r="D6223">
        <v>2.5</v>
      </c>
      <c r="E6223">
        <v>5285.01</v>
      </c>
      <c r="F6223">
        <v>36.470599999999997</v>
      </c>
    </row>
    <row r="6224" spans="1:6" x14ac:dyDescent="0.25">
      <c r="A6224">
        <v>145.88999999999999</v>
      </c>
      <c r="B6224">
        <v>214.93</v>
      </c>
      <c r="C6224">
        <v>3345.45</v>
      </c>
      <c r="D6224">
        <v>2.8</v>
      </c>
      <c r="E6224">
        <v>5142.46</v>
      </c>
      <c r="F6224">
        <v>39.658499999999997</v>
      </c>
    </row>
    <row r="6225" spans="1:6" x14ac:dyDescent="0.25">
      <c r="A6225">
        <v>145.88999999999999</v>
      </c>
      <c r="B6225">
        <v>214.93</v>
      </c>
      <c r="C6225">
        <v>3345.45</v>
      </c>
      <c r="D6225">
        <v>3.1</v>
      </c>
      <c r="E6225">
        <v>4999.7</v>
      </c>
      <c r="F6225">
        <v>42.356000000000002</v>
      </c>
    </row>
    <row r="6226" spans="1:6" x14ac:dyDescent="0.25">
      <c r="A6226">
        <v>145.88999999999999</v>
      </c>
      <c r="B6226">
        <v>214.93</v>
      </c>
      <c r="C6226">
        <v>3345.45</v>
      </c>
      <c r="D6226">
        <v>3.4</v>
      </c>
      <c r="E6226">
        <v>4934.09</v>
      </c>
      <c r="F6226">
        <v>42.846699999999998</v>
      </c>
    </row>
    <row r="6227" spans="1:6" x14ac:dyDescent="0.25">
      <c r="A6227">
        <v>145.88999999999999</v>
      </c>
      <c r="B6227">
        <v>214.93</v>
      </c>
      <c r="C6227">
        <v>3345.45</v>
      </c>
      <c r="D6227">
        <v>3.7</v>
      </c>
      <c r="E6227">
        <v>4792.03</v>
      </c>
      <c r="F6227">
        <v>43.519199999999998</v>
      </c>
    </row>
    <row r="6228" spans="1:6" x14ac:dyDescent="0.25">
      <c r="A6228">
        <v>145.88999999999999</v>
      </c>
      <c r="B6228">
        <v>214.93</v>
      </c>
      <c r="C6228">
        <v>3345.45</v>
      </c>
      <c r="D6228">
        <v>4</v>
      </c>
      <c r="E6228">
        <v>4745.34</v>
      </c>
      <c r="F6228">
        <v>42.441699999999997</v>
      </c>
    </row>
    <row r="6229" spans="1:6" x14ac:dyDescent="0.25">
      <c r="A6229">
        <v>145.88999999999999</v>
      </c>
      <c r="B6229">
        <v>214.93</v>
      </c>
      <c r="C6229">
        <v>4890.8999999999996</v>
      </c>
      <c r="D6229">
        <v>1</v>
      </c>
      <c r="E6229">
        <v>8713.67</v>
      </c>
      <c r="F6229">
        <v>15.7843</v>
      </c>
    </row>
    <row r="6230" spans="1:6" x14ac:dyDescent="0.25">
      <c r="A6230">
        <v>145.88999999999999</v>
      </c>
      <c r="B6230">
        <v>214.93</v>
      </c>
      <c r="C6230">
        <v>4890.8999999999996</v>
      </c>
      <c r="D6230">
        <v>1.3</v>
      </c>
      <c r="E6230">
        <v>7737.73</v>
      </c>
      <c r="F6230">
        <v>16.549600000000002</v>
      </c>
    </row>
    <row r="6231" spans="1:6" x14ac:dyDescent="0.25">
      <c r="A6231">
        <v>145.88999999999999</v>
      </c>
      <c r="B6231">
        <v>214.93</v>
      </c>
      <c r="C6231">
        <v>4890.8999999999996</v>
      </c>
      <c r="D6231">
        <v>1.6</v>
      </c>
      <c r="E6231">
        <v>7230.14</v>
      </c>
      <c r="F6231">
        <v>16.377500000000001</v>
      </c>
    </row>
    <row r="6232" spans="1:6" x14ac:dyDescent="0.25">
      <c r="A6232">
        <v>145.88999999999999</v>
      </c>
      <c r="B6232">
        <v>214.93</v>
      </c>
      <c r="C6232">
        <v>4890.8999999999996</v>
      </c>
      <c r="D6232">
        <v>1.9</v>
      </c>
      <c r="E6232">
        <v>7101.14</v>
      </c>
      <c r="F6232">
        <v>16.289899999999999</v>
      </c>
    </row>
    <row r="6233" spans="1:6" x14ac:dyDescent="0.25">
      <c r="A6233">
        <v>145.88999999999999</v>
      </c>
      <c r="B6233">
        <v>214.93</v>
      </c>
      <c r="C6233">
        <v>4890.8999999999996</v>
      </c>
      <c r="D6233">
        <v>2.2000000000000002</v>
      </c>
      <c r="E6233">
        <v>6756.31</v>
      </c>
      <c r="F6233">
        <v>16.1449</v>
      </c>
    </row>
    <row r="6234" spans="1:6" x14ac:dyDescent="0.25">
      <c r="A6234">
        <v>145.88999999999999</v>
      </c>
      <c r="B6234">
        <v>214.93</v>
      </c>
      <c r="C6234">
        <v>4890.8999999999996</v>
      </c>
      <c r="D6234">
        <v>2.5</v>
      </c>
      <c r="E6234">
        <v>6708.43</v>
      </c>
      <c r="F6234">
        <v>16.0657</v>
      </c>
    </row>
    <row r="6235" spans="1:6" x14ac:dyDescent="0.25">
      <c r="A6235">
        <v>145.88999999999999</v>
      </c>
      <c r="B6235">
        <v>214.93</v>
      </c>
      <c r="C6235">
        <v>4890.8999999999996</v>
      </c>
      <c r="D6235">
        <v>2.8</v>
      </c>
      <c r="E6235">
        <v>6447.9</v>
      </c>
      <c r="F6235">
        <v>17.335799999999999</v>
      </c>
    </row>
    <row r="6236" spans="1:6" x14ac:dyDescent="0.25">
      <c r="A6236">
        <v>145.88999999999999</v>
      </c>
      <c r="B6236">
        <v>214.93</v>
      </c>
      <c r="C6236">
        <v>4890.8999999999996</v>
      </c>
      <c r="D6236">
        <v>3.1</v>
      </c>
      <c r="E6236">
        <v>6370.74</v>
      </c>
      <c r="F6236">
        <v>17.098400000000002</v>
      </c>
    </row>
    <row r="6237" spans="1:6" x14ac:dyDescent="0.25">
      <c r="A6237">
        <v>145.88999999999999</v>
      </c>
      <c r="B6237">
        <v>214.93</v>
      </c>
      <c r="C6237">
        <v>4890.8999999999996</v>
      </c>
      <c r="D6237">
        <v>3.4</v>
      </c>
      <c r="E6237">
        <v>6289.88</v>
      </c>
      <c r="F6237">
        <v>17.5886</v>
      </c>
    </row>
    <row r="6238" spans="1:6" x14ac:dyDescent="0.25">
      <c r="A6238">
        <v>145.88999999999999</v>
      </c>
      <c r="B6238">
        <v>214.93</v>
      </c>
      <c r="C6238">
        <v>4890.8999999999996</v>
      </c>
      <c r="D6238">
        <v>3.7</v>
      </c>
      <c r="E6238">
        <v>6239.11</v>
      </c>
      <c r="F6238">
        <v>19.082799999999999</v>
      </c>
    </row>
    <row r="6239" spans="1:6" x14ac:dyDescent="0.25">
      <c r="A6239">
        <v>145.88999999999999</v>
      </c>
      <c r="B6239">
        <v>214.93</v>
      </c>
      <c r="C6239">
        <v>4890.8999999999996</v>
      </c>
      <c r="D6239">
        <v>4</v>
      </c>
      <c r="E6239">
        <v>6130.59</v>
      </c>
      <c r="F6239">
        <v>18.860199999999999</v>
      </c>
    </row>
    <row r="6240" spans="1:6" x14ac:dyDescent="0.25">
      <c r="A6240">
        <v>145.88999999999999</v>
      </c>
      <c r="B6240">
        <v>214.93</v>
      </c>
      <c r="C6240">
        <v>6436.35</v>
      </c>
      <c r="D6240">
        <v>1</v>
      </c>
      <c r="E6240">
        <v>10124.4</v>
      </c>
      <c r="F6240">
        <v>19.2102</v>
      </c>
    </row>
    <row r="6241" spans="1:6" x14ac:dyDescent="0.25">
      <c r="A6241">
        <v>145.88999999999999</v>
      </c>
      <c r="B6241">
        <v>214.93</v>
      </c>
      <c r="C6241">
        <v>6436.35</v>
      </c>
      <c r="D6241">
        <v>1.3</v>
      </c>
      <c r="E6241">
        <v>9458.7199999999993</v>
      </c>
      <c r="F6241">
        <v>18.633299999999998</v>
      </c>
    </row>
    <row r="6242" spans="1:6" x14ac:dyDescent="0.25">
      <c r="A6242">
        <v>145.88999999999999</v>
      </c>
      <c r="B6242">
        <v>214.93</v>
      </c>
      <c r="C6242">
        <v>6436.35</v>
      </c>
      <c r="D6242">
        <v>1.6</v>
      </c>
      <c r="E6242">
        <v>9013.58</v>
      </c>
      <c r="F6242">
        <v>18.923300000000001</v>
      </c>
    </row>
    <row r="6243" spans="1:6" x14ac:dyDescent="0.25">
      <c r="A6243">
        <v>145.88999999999999</v>
      </c>
      <c r="B6243">
        <v>214.93</v>
      </c>
      <c r="C6243">
        <v>6436.35</v>
      </c>
      <c r="D6243">
        <v>1.9</v>
      </c>
      <c r="E6243">
        <v>8548.1200000000008</v>
      </c>
      <c r="F6243">
        <v>19.078600000000002</v>
      </c>
    </row>
    <row r="6244" spans="1:6" x14ac:dyDescent="0.25">
      <c r="A6244">
        <v>145.88999999999999</v>
      </c>
      <c r="B6244">
        <v>214.93</v>
      </c>
      <c r="C6244">
        <v>6436.35</v>
      </c>
      <c r="D6244">
        <v>2.2000000000000002</v>
      </c>
      <c r="E6244">
        <v>8437.35</v>
      </c>
      <c r="F6244">
        <v>19.270199999999999</v>
      </c>
    </row>
    <row r="6245" spans="1:6" x14ac:dyDescent="0.25">
      <c r="A6245">
        <v>145.88999999999999</v>
      </c>
      <c r="B6245">
        <v>214.93</v>
      </c>
      <c r="C6245">
        <v>6436.35</v>
      </c>
      <c r="D6245">
        <v>2.5</v>
      </c>
      <c r="E6245">
        <v>8200.4</v>
      </c>
      <c r="F6245">
        <v>19.400099999999998</v>
      </c>
    </row>
    <row r="6246" spans="1:6" x14ac:dyDescent="0.25">
      <c r="A6246">
        <v>145.88999999999999</v>
      </c>
      <c r="B6246">
        <v>214.93</v>
      </c>
      <c r="C6246">
        <v>6436.35</v>
      </c>
      <c r="D6246">
        <v>2.8</v>
      </c>
      <c r="E6246">
        <v>7982.34</v>
      </c>
      <c r="F6246">
        <v>19.549299999999999</v>
      </c>
    </row>
    <row r="6247" spans="1:6" x14ac:dyDescent="0.25">
      <c r="A6247">
        <v>145.88999999999999</v>
      </c>
      <c r="B6247">
        <v>214.93</v>
      </c>
      <c r="C6247">
        <v>6436.35</v>
      </c>
      <c r="D6247">
        <v>3.1</v>
      </c>
      <c r="E6247">
        <v>7841.57</v>
      </c>
      <c r="F6247">
        <v>19.552800000000001</v>
      </c>
    </row>
    <row r="6248" spans="1:6" x14ac:dyDescent="0.25">
      <c r="A6248">
        <v>145.88999999999999</v>
      </c>
      <c r="B6248">
        <v>214.93</v>
      </c>
      <c r="C6248">
        <v>6436.35</v>
      </c>
      <c r="D6248">
        <v>3.4</v>
      </c>
      <c r="E6248">
        <v>7743.34</v>
      </c>
      <c r="F6248">
        <v>19.564800000000002</v>
      </c>
    </row>
    <row r="6249" spans="1:6" x14ac:dyDescent="0.25">
      <c r="A6249">
        <v>145.88999999999999</v>
      </c>
      <c r="B6249">
        <v>214.93</v>
      </c>
      <c r="C6249">
        <v>6436.35</v>
      </c>
      <c r="D6249">
        <v>3.7</v>
      </c>
      <c r="E6249">
        <v>7649.18</v>
      </c>
      <c r="F6249">
        <v>19.581600000000002</v>
      </c>
    </row>
    <row r="6250" spans="1:6" x14ac:dyDescent="0.25">
      <c r="A6250">
        <v>145.88999999999999</v>
      </c>
      <c r="B6250">
        <v>214.93</v>
      </c>
      <c r="C6250">
        <v>6436.35</v>
      </c>
      <c r="D6250">
        <v>4</v>
      </c>
      <c r="E6250">
        <v>7581.89</v>
      </c>
      <c r="F6250">
        <v>19.6051</v>
      </c>
    </row>
    <row r="6251" spans="1:6" x14ac:dyDescent="0.25">
      <c r="A6251">
        <v>145.88999999999999</v>
      </c>
      <c r="B6251">
        <v>214.93</v>
      </c>
      <c r="C6251">
        <v>7981.8</v>
      </c>
      <c r="D6251">
        <v>1</v>
      </c>
      <c r="E6251">
        <v>11704.1</v>
      </c>
      <c r="F6251">
        <v>19.2102</v>
      </c>
    </row>
    <row r="6252" spans="1:6" x14ac:dyDescent="0.25">
      <c r="A6252">
        <v>145.88999999999999</v>
      </c>
      <c r="B6252">
        <v>214.93</v>
      </c>
      <c r="C6252">
        <v>7981.8</v>
      </c>
      <c r="D6252">
        <v>1.3</v>
      </c>
      <c r="E6252">
        <v>11070.8</v>
      </c>
      <c r="F6252">
        <v>18.633299999999998</v>
      </c>
    </row>
    <row r="6253" spans="1:6" x14ac:dyDescent="0.25">
      <c r="A6253">
        <v>145.88999999999999</v>
      </c>
      <c r="B6253">
        <v>214.93</v>
      </c>
      <c r="C6253">
        <v>7981.8</v>
      </c>
      <c r="D6253">
        <v>1.6</v>
      </c>
      <c r="E6253">
        <v>10683.9</v>
      </c>
      <c r="F6253">
        <v>18.923300000000001</v>
      </c>
    </row>
    <row r="6254" spans="1:6" x14ac:dyDescent="0.25">
      <c r="A6254">
        <v>145.88999999999999</v>
      </c>
      <c r="B6254">
        <v>214.93</v>
      </c>
      <c r="C6254">
        <v>7981.8</v>
      </c>
      <c r="D6254">
        <v>1.9</v>
      </c>
      <c r="E6254">
        <v>10169</v>
      </c>
      <c r="F6254">
        <v>19.078600000000002</v>
      </c>
    </row>
    <row r="6255" spans="1:6" x14ac:dyDescent="0.25">
      <c r="A6255">
        <v>145.88999999999999</v>
      </c>
      <c r="B6255">
        <v>214.93</v>
      </c>
      <c r="C6255">
        <v>7981.8</v>
      </c>
      <c r="D6255">
        <v>2.2000000000000002</v>
      </c>
      <c r="E6255">
        <v>10007.299999999999</v>
      </c>
      <c r="F6255">
        <v>19.270199999999999</v>
      </c>
    </row>
    <row r="6256" spans="1:6" x14ac:dyDescent="0.25">
      <c r="A6256">
        <v>145.88999999999999</v>
      </c>
      <c r="B6256">
        <v>214.93</v>
      </c>
      <c r="C6256">
        <v>7981.8</v>
      </c>
      <c r="D6256">
        <v>2.5</v>
      </c>
      <c r="E6256">
        <v>9708.83</v>
      </c>
      <c r="F6256">
        <v>19.400099999999998</v>
      </c>
    </row>
    <row r="6257" spans="1:6" x14ac:dyDescent="0.25">
      <c r="A6257">
        <v>145.88999999999999</v>
      </c>
      <c r="B6257">
        <v>214.93</v>
      </c>
      <c r="C6257">
        <v>7981.8</v>
      </c>
      <c r="D6257">
        <v>2.8</v>
      </c>
      <c r="E6257">
        <v>9513.09</v>
      </c>
      <c r="F6257">
        <v>19.549299999999999</v>
      </c>
    </row>
    <row r="6258" spans="1:6" x14ac:dyDescent="0.25">
      <c r="A6258">
        <v>145.88999999999999</v>
      </c>
      <c r="B6258">
        <v>214.93</v>
      </c>
      <c r="C6258">
        <v>7981.8</v>
      </c>
      <c r="D6258">
        <v>3.1</v>
      </c>
      <c r="E6258">
        <v>9364.24</v>
      </c>
      <c r="F6258">
        <v>19.552800000000001</v>
      </c>
    </row>
    <row r="6259" spans="1:6" x14ac:dyDescent="0.25">
      <c r="A6259">
        <v>145.88999999999999</v>
      </c>
      <c r="B6259">
        <v>214.93</v>
      </c>
      <c r="C6259">
        <v>7981.8</v>
      </c>
      <c r="D6259">
        <v>3.4</v>
      </c>
      <c r="E6259">
        <v>9269.65</v>
      </c>
      <c r="F6259">
        <v>19.564800000000002</v>
      </c>
    </row>
    <row r="6260" spans="1:6" x14ac:dyDescent="0.25">
      <c r="A6260">
        <v>145.88999999999999</v>
      </c>
      <c r="B6260">
        <v>214.93</v>
      </c>
      <c r="C6260">
        <v>7981.8</v>
      </c>
      <c r="D6260">
        <v>3.7</v>
      </c>
      <c r="E6260">
        <v>9160.2800000000007</v>
      </c>
      <c r="F6260">
        <v>19.581600000000002</v>
      </c>
    </row>
    <row r="6261" spans="1:6" x14ac:dyDescent="0.25">
      <c r="A6261">
        <v>145.88999999999999</v>
      </c>
      <c r="B6261">
        <v>214.93</v>
      </c>
      <c r="C6261">
        <v>7981.8</v>
      </c>
      <c r="D6261">
        <v>4</v>
      </c>
      <c r="E6261">
        <v>9069</v>
      </c>
      <c r="F6261">
        <v>19.6051</v>
      </c>
    </row>
    <row r="6262" spans="1:6" x14ac:dyDescent="0.25">
      <c r="A6262">
        <v>145.88999999999999</v>
      </c>
      <c r="B6262">
        <v>214.93</v>
      </c>
      <c r="C6262">
        <v>9527.25</v>
      </c>
      <c r="D6262">
        <v>1</v>
      </c>
      <c r="E6262">
        <v>13361.2</v>
      </c>
      <c r="F6262">
        <v>19.2102</v>
      </c>
    </row>
    <row r="6263" spans="1:6" x14ac:dyDescent="0.25">
      <c r="A6263">
        <v>145.88999999999999</v>
      </c>
      <c r="B6263">
        <v>214.93</v>
      </c>
      <c r="C6263">
        <v>9527.25</v>
      </c>
      <c r="D6263">
        <v>1.3</v>
      </c>
      <c r="E6263">
        <v>12560.2</v>
      </c>
      <c r="F6263">
        <v>18.633299999999998</v>
      </c>
    </row>
    <row r="6264" spans="1:6" x14ac:dyDescent="0.25">
      <c r="A6264">
        <v>145.88999999999999</v>
      </c>
      <c r="B6264">
        <v>214.93</v>
      </c>
      <c r="C6264">
        <v>9527.25</v>
      </c>
      <c r="D6264">
        <v>1.6</v>
      </c>
      <c r="E6264">
        <v>11981</v>
      </c>
      <c r="F6264">
        <v>18.923300000000001</v>
      </c>
    </row>
    <row r="6265" spans="1:6" x14ac:dyDescent="0.25">
      <c r="A6265">
        <v>145.88999999999999</v>
      </c>
      <c r="B6265">
        <v>214.93</v>
      </c>
      <c r="C6265">
        <v>9527.25</v>
      </c>
      <c r="D6265">
        <v>1.9</v>
      </c>
      <c r="E6265">
        <v>11820.2</v>
      </c>
      <c r="F6265">
        <v>19.078600000000002</v>
      </c>
    </row>
    <row r="6266" spans="1:6" x14ac:dyDescent="0.25">
      <c r="A6266">
        <v>145.88999999999999</v>
      </c>
      <c r="B6266">
        <v>214.93</v>
      </c>
      <c r="C6266">
        <v>9527.25</v>
      </c>
      <c r="D6266">
        <v>2.2000000000000002</v>
      </c>
      <c r="E6266">
        <v>11400.7</v>
      </c>
      <c r="F6266">
        <v>19.270199999999999</v>
      </c>
    </row>
    <row r="6267" spans="1:6" x14ac:dyDescent="0.25">
      <c r="A6267">
        <v>145.88999999999999</v>
      </c>
      <c r="B6267">
        <v>214.93</v>
      </c>
      <c r="C6267">
        <v>9527.25</v>
      </c>
      <c r="D6267">
        <v>2.5</v>
      </c>
      <c r="E6267">
        <v>11226.4</v>
      </c>
      <c r="F6267">
        <v>19.400099999999998</v>
      </c>
    </row>
    <row r="6268" spans="1:6" x14ac:dyDescent="0.25">
      <c r="A6268">
        <v>145.88999999999999</v>
      </c>
      <c r="B6268">
        <v>214.93</v>
      </c>
      <c r="C6268">
        <v>9527.25</v>
      </c>
      <c r="D6268">
        <v>2.8</v>
      </c>
      <c r="E6268">
        <v>11102.9</v>
      </c>
      <c r="F6268">
        <v>19.549299999999999</v>
      </c>
    </row>
    <row r="6269" spans="1:6" x14ac:dyDescent="0.25">
      <c r="A6269">
        <v>145.88999999999999</v>
      </c>
      <c r="B6269">
        <v>214.93</v>
      </c>
      <c r="C6269">
        <v>9527.25</v>
      </c>
      <c r="D6269">
        <v>3.1</v>
      </c>
      <c r="E6269">
        <v>10958.1</v>
      </c>
      <c r="F6269">
        <v>19.552800000000001</v>
      </c>
    </row>
    <row r="6270" spans="1:6" x14ac:dyDescent="0.25">
      <c r="A6270">
        <v>145.88999999999999</v>
      </c>
      <c r="B6270">
        <v>214.93</v>
      </c>
      <c r="C6270">
        <v>9527.25</v>
      </c>
      <c r="D6270">
        <v>3.4</v>
      </c>
      <c r="E6270">
        <v>10845</v>
      </c>
      <c r="F6270">
        <v>19.564800000000002</v>
      </c>
    </row>
    <row r="6271" spans="1:6" x14ac:dyDescent="0.25">
      <c r="A6271">
        <v>145.88999999999999</v>
      </c>
      <c r="B6271">
        <v>214.93</v>
      </c>
      <c r="C6271">
        <v>9527.25</v>
      </c>
      <c r="D6271">
        <v>3.7</v>
      </c>
      <c r="E6271">
        <v>10752.4</v>
      </c>
      <c r="F6271">
        <v>19.581600000000002</v>
      </c>
    </row>
    <row r="6272" spans="1:6" x14ac:dyDescent="0.25">
      <c r="A6272">
        <v>145.88999999999999</v>
      </c>
      <c r="B6272">
        <v>214.93</v>
      </c>
      <c r="C6272">
        <v>9527.25</v>
      </c>
      <c r="D6272">
        <v>4</v>
      </c>
      <c r="E6272">
        <v>10679.8</v>
      </c>
      <c r="F6272">
        <v>19.6051</v>
      </c>
    </row>
    <row r="6273" spans="1:6" x14ac:dyDescent="0.25">
      <c r="A6273">
        <v>145.88999999999999</v>
      </c>
      <c r="B6273">
        <v>214.93</v>
      </c>
      <c r="C6273">
        <v>11072.7</v>
      </c>
      <c r="D6273">
        <v>1</v>
      </c>
      <c r="E6273">
        <v>14591.1</v>
      </c>
      <c r="F6273">
        <v>19.2102</v>
      </c>
    </row>
    <row r="6274" spans="1:6" x14ac:dyDescent="0.25">
      <c r="A6274">
        <v>145.88999999999999</v>
      </c>
      <c r="B6274">
        <v>214.93</v>
      </c>
      <c r="C6274">
        <v>11072.7</v>
      </c>
      <c r="D6274">
        <v>1.3</v>
      </c>
      <c r="E6274">
        <v>14097.9</v>
      </c>
      <c r="F6274">
        <v>18.633299999999998</v>
      </c>
    </row>
    <row r="6275" spans="1:6" x14ac:dyDescent="0.25">
      <c r="A6275">
        <v>145.88999999999999</v>
      </c>
      <c r="B6275">
        <v>214.93</v>
      </c>
      <c r="C6275">
        <v>11072.7</v>
      </c>
      <c r="D6275">
        <v>1.6</v>
      </c>
      <c r="E6275">
        <v>13521.2</v>
      </c>
      <c r="F6275">
        <v>18.923300000000001</v>
      </c>
    </row>
    <row r="6276" spans="1:6" x14ac:dyDescent="0.25">
      <c r="A6276">
        <v>145.88999999999999</v>
      </c>
      <c r="B6276">
        <v>214.93</v>
      </c>
      <c r="C6276">
        <v>11072.7</v>
      </c>
      <c r="D6276">
        <v>1.9</v>
      </c>
      <c r="E6276">
        <v>13331.7</v>
      </c>
      <c r="F6276">
        <v>19.078600000000002</v>
      </c>
    </row>
    <row r="6277" spans="1:6" x14ac:dyDescent="0.25">
      <c r="A6277">
        <v>145.88999999999999</v>
      </c>
      <c r="B6277">
        <v>214.93</v>
      </c>
      <c r="C6277">
        <v>11072.7</v>
      </c>
      <c r="D6277">
        <v>2.2000000000000002</v>
      </c>
      <c r="E6277">
        <v>12945.4</v>
      </c>
      <c r="F6277">
        <v>19.270199999999999</v>
      </c>
    </row>
    <row r="6278" spans="1:6" x14ac:dyDescent="0.25">
      <c r="A6278">
        <v>145.88999999999999</v>
      </c>
      <c r="B6278">
        <v>214.93</v>
      </c>
      <c r="C6278">
        <v>11072.7</v>
      </c>
      <c r="D6278">
        <v>2.5</v>
      </c>
      <c r="E6278">
        <v>12824.1</v>
      </c>
      <c r="F6278">
        <v>19.400099999999998</v>
      </c>
    </row>
    <row r="6279" spans="1:6" x14ac:dyDescent="0.25">
      <c r="A6279">
        <v>145.88999999999999</v>
      </c>
      <c r="B6279">
        <v>214.93</v>
      </c>
      <c r="C6279">
        <v>11072.7</v>
      </c>
      <c r="D6279">
        <v>2.8</v>
      </c>
      <c r="E6279">
        <v>12641.6</v>
      </c>
      <c r="F6279">
        <v>19.549299999999999</v>
      </c>
    </row>
    <row r="6280" spans="1:6" x14ac:dyDescent="0.25">
      <c r="A6280">
        <v>145.88999999999999</v>
      </c>
      <c r="B6280">
        <v>214.93</v>
      </c>
      <c r="C6280">
        <v>11072.7</v>
      </c>
      <c r="D6280">
        <v>3.1</v>
      </c>
      <c r="E6280">
        <v>12458.1</v>
      </c>
      <c r="F6280">
        <v>19.552800000000001</v>
      </c>
    </row>
    <row r="6281" spans="1:6" x14ac:dyDescent="0.25">
      <c r="A6281">
        <v>145.88999999999999</v>
      </c>
      <c r="B6281">
        <v>214.93</v>
      </c>
      <c r="C6281">
        <v>11072.7</v>
      </c>
      <c r="D6281">
        <v>3.4</v>
      </c>
      <c r="E6281">
        <v>12398.4</v>
      </c>
      <c r="F6281">
        <v>19.564800000000002</v>
      </c>
    </row>
    <row r="6282" spans="1:6" x14ac:dyDescent="0.25">
      <c r="A6282">
        <v>145.88999999999999</v>
      </c>
      <c r="B6282">
        <v>214.93</v>
      </c>
      <c r="C6282">
        <v>11072.7</v>
      </c>
      <c r="D6282">
        <v>3.7</v>
      </c>
      <c r="E6282">
        <v>12294</v>
      </c>
      <c r="F6282">
        <v>19.581600000000002</v>
      </c>
    </row>
    <row r="6283" spans="1:6" x14ac:dyDescent="0.25">
      <c r="A6283">
        <v>145.88999999999999</v>
      </c>
      <c r="B6283">
        <v>214.93</v>
      </c>
      <c r="C6283">
        <v>11072.7</v>
      </c>
      <c r="D6283">
        <v>4</v>
      </c>
      <c r="E6283">
        <v>12207.4</v>
      </c>
      <c r="F6283">
        <v>19.6051</v>
      </c>
    </row>
    <row r="6284" spans="1:6" x14ac:dyDescent="0.25">
      <c r="A6284">
        <v>145.88999999999999</v>
      </c>
      <c r="B6284">
        <v>214.93</v>
      </c>
      <c r="C6284">
        <v>12618.2</v>
      </c>
      <c r="D6284">
        <v>1</v>
      </c>
      <c r="E6284">
        <v>16426.3</v>
      </c>
      <c r="F6284">
        <v>19.2102</v>
      </c>
    </row>
    <row r="6285" spans="1:6" x14ac:dyDescent="0.25">
      <c r="A6285">
        <v>145.88999999999999</v>
      </c>
      <c r="B6285">
        <v>214.93</v>
      </c>
      <c r="C6285">
        <v>12618.2</v>
      </c>
      <c r="D6285">
        <v>1.3</v>
      </c>
      <c r="E6285">
        <v>15800.1</v>
      </c>
      <c r="F6285">
        <v>18.633299999999998</v>
      </c>
    </row>
    <row r="6286" spans="1:6" x14ac:dyDescent="0.25">
      <c r="A6286">
        <v>145.88999999999999</v>
      </c>
      <c r="B6286">
        <v>214.93</v>
      </c>
      <c r="C6286">
        <v>12618.2</v>
      </c>
      <c r="D6286">
        <v>1.6</v>
      </c>
      <c r="E6286">
        <v>15117.3</v>
      </c>
      <c r="F6286">
        <v>18.923300000000001</v>
      </c>
    </row>
    <row r="6287" spans="1:6" x14ac:dyDescent="0.25">
      <c r="A6287">
        <v>145.88999999999999</v>
      </c>
      <c r="B6287">
        <v>214.93</v>
      </c>
      <c r="C6287">
        <v>12618.2</v>
      </c>
      <c r="D6287">
        <v>1.9</v>
      </c>
      <c r="E6287">
        <v>14764.1</v>
      </c>
      <c r="F6287">
        <v>19.078600000000002</v>
      </c>
    </row>
    <row r="6288" spans="1:6" x14ac:dyDescent="0.25">
      <c r="A6288">
        <v>145.88999999999999</v>
      </c>
      <c r="B6288">
        <v>214.93</v>
      </c>
      <c r="C6288">
        <v>12618.2</v>
      </c>
      <c r="D6288">
        <v>2.2000000000000002</v>
      </c>
      <c r="E6288">
        <v>14614</v>
      </c>
      <c r="F6288">
        <v>19.270199999999999</v>
      </c>
    </row>
    <row r="6289" spans="1:6" x14ac:dyDescent="0.25">
      <c r="A6289">
        <v>145.88999999999999</v>
      </c>
      <c r="B6289">
        <v>214.93</v>
      </c>
      <c r="C6289">
        <v>12618.2</v>
      </c>
      <c r="D6289">
        <v>2.5</v>
      </c>
      <c r="E6289">
        <v>14372.5</v>
      </c>
      <c r="F6289">
        <v>19.400099999999998</v>
      </c>
    </row>
    <row r="6290" spans="1:6" x14ac:dyDescent="0.25">
      <c r="A6290">
        <v>145.88999999999999</v>
      </c>
      <c r="B6290">
        <v>214.93</v>
      </c>
      <c r="C6290">
        <v>12618.2</v>
      </c>
      <c r="D6290">
        <v>2.8</v>
      </c>
      <c r="E6290">
        <v>14101.8</v>
      </c>
      <c r="F6290">
        <v>19.549299999999999</v>
      </c>
    </row>
    <row r="6291" spans="1:6" x14ac:dyDescent="0.25">
      <c r="A6291">
        <v>145.88999999999999</v>
      </c>
      <c r="B6291">
        <v>214.93</v>
      </c>
      <c r="C6291">
        <v>12618.2</v>
      </c>
      <c r="D6291">
        <v>3.1</v>
      </c>
      <c r="E6291">
        <v>13955.5</v>
      </c>
      <c r="F6291">
        <v>19.552800000000001</v>
      </c>
    </row>
    <row r="6292" spans="1:6" x14ac:dyDescent="0.25">
      <c r="A6292">
        <v>145.88999999999999</v>
      </c>
      <c r="B6292">
        <v>214.93</v>
      </c>
      <c r="C6292">
        <v>12618.2</v>
      </c>
      <c r="D6292">
        <v>3.4</v>
      </c>
      <c r="E6292">
        <v>13854</v>
      </c>
      <c r="F6292">
        <v>19.564800000000002</v>
      </c>
    </row>
    <row r="6293" spans="1:6" x14ac:dyDescent="0.25">
      <c r="A6293">
        <v>145.88999999999999</v>
      </c>
      <c r="B6293">
        <v>214.93</v>
      </c>
      <c r="C6293">
        <v>12618.2</v>
      </c>
      <c r="D6293">
        <v>3.7</v>
      </c>
      <c r="E6293">
        <v>13853.1</v>
      </c>
      <c r="F6293">
        <v>19.581600000000002</v>
      </c>
    </row>
    <row r="6294" spans="1:6" x14ac:dyDescent="0.25">
      <c r="A6294">
        <v>145.88999999999999</v>
      </c>
      <c r="B6294">
        <v>214.93</v>
      </c>
      <c r="C6294">
        <v>12618.2</v>
      </c>
      <c r="D6294">
        <v>4</v>
      </c>
      <c r="E6294">
        <v>13761.4</v>
      </c>
      <c r="F6294">
        <v>19.6051</v>
      </c>
    </row>
    <row r="6295" spans="1:6" x14ac:dyDescent="0.25">
      <c r="A6295">
        <v>145.88999999999999</v>
      </c>
      <c r="B6295">
        <v>214.93</v>
      </c>
      <c r="C6295">
        <v>14163.6</v>
      </c>
      <c r="D6295">
        <v>1</v>
      </c>
      <c r="E6295">
        <v>17887.599999999999</v>
      </c>
      <c r="F6295">
        <v>19.2102</v>
      </c>
    </row>
    <row r="6296" spans="1:6" x14ac:dyDescent="0.25">
      <c r="A6296">
        <v>145.88999999999999</v>
      </c>
      <c r="B6296">
        <v>214.93</v>
      </c>
      <c r="C6296">
        <v>14163.6</v>
      </c>
      <c r="D6296">
        <v>1.3</v>
      </c>
      <c r="E6296">
        <v>17310.5</v>
      </c>
      <c r="F6296">
        <v>18.633299999999998</v>
      </c>
    </row>
    <row r="6297" spans="1:6" x14ac:dyDescent="0.25">
      <c r="A6297">
        <v>145.88999999999999</v>
      </c>
      <c r="B6297">
        <v>214.93</v>
      </c>
      <c r="C6297">
        <v>14163.6</v>
      </c>
      <c r="D6297">
        <v>1.6</v>
      </c>
      <c r="E6297">
        <v>16607.5</v>
      </c>
      <c r="F6297">
        <v>18.923300000000001</v>
      </c>
    </row>
    <row r="6298" spans="1:6" x14ac:dyDescent="0.25">
      <c r="A6298">
        <v>145.88999999999999</v>
      </c>
      <c r="B6298">
        <v>214.93</v>
      </c>
      <c r="C6298">
        <v>14163.6</v>
      </c>
      <c r="D6298">
        <v>1.9</v>
      </c>
      <c r="E6298">
        <v>16283.6</v>
      </c>
      <c r="F6298">
        <v>19.078600000000002</v>
      </c>
    </row>
    <row r="6299" spans="1:6" x14ac:dyDescent="0.25">
      <c r="A6299">
        <v>145.88999999999999</v>
      </c>
      <c r="B6299">
        <v>214.93</v>
      </c>
      <c r="C6299">
        <v>14163.6</v>
      </c>
      <c r="D6299">
        <v>2.2000000000000002</v>
      </c>
      <c r="E6299">
        <v>16184.3</v>
      </c>
      <c r="F6299">
        <v>19.270199999999999</v>
      </c>
    </row>
    <row r="6300" spans="1:6" x14ac:dyDescent="0.25">
      <c r="A6300">
        <v>145.88999999999999</v>
      </c>
      <c r="B6300">
        <v>214.93</v>
      </c>
      <c r="C6300">
        <v>14163.6</v>
      </c>
      <c r="D6300">
        <v>2.5</v>
      </c>
      <c r="E6300">
        <v>15974.1</v>
      </c>
      <c r="F6300">
        <v>19.400099999999998</v>
      </c>
    </row>
    <row r="6301" spans="1:6" x14ac:dyDescent="0.25">
      <c r="A6301">
        <v>145.88999999999999</v>
      </c>
      <c r="B6301">
        <v>214.93</v>
      </c>
      <c r="C6301">
        <v>14163.6</v>
      </c>
      <c r="D6301">
        <v>2.8</v>
      </c>
      <c r="E6301">
        <v>15635.4</v>
      </c>
      <c r="F6301">
        <v>19.549299999999999</v>
      </c>
    </row>
    <row r="6302" spans="1:6" x14ac:dyDescent="0.25">
      <c r="A6302">
        <v>145.88999999999999</v>
      </c>
      <c r="B6302">
        <v>214.93</v>
      </c>
      <c r="C6302">
        <v>14163.6</v>
      </c>
      <c r="D6302">
        <v>3.1</v>
      </c>
      <c r="E6302">
        <v>15595.2</v>
      </c>
      <c r="F6302">
        <v>19.552800000000001</v>
      </c>
    </row>
    <row r="6303" spans="1:6" x14ac:dyDescent="0.25">
      <c r="A6303">
        <v>145.88999999999999</v>
      </c>
      <c r="B6303">
        <v>214.93</v>
      </c>
      <c r="C6303">
        <v>14163.6</v>
      </c>
      <c r="D6303">
        <v>3.4</v>
      </c>
      <c r="E6303">
        <v>15432.1</v>
      </c>
      <c r="F6303">
        <v>19.564800000000002</v>
      </c>
    </row>
    <row r="6304" spans="1:6" x14ac:dyDescent="0.25">
      <c r="A6304">
        <v>145.88999999999999</v>
      </c>
      <c r="B6304">
        <v>214.93</v>
      </c>
      <c r="C6304">
        <v>14163.6</v>
      </c>
      <c r="D6304">
        <v>3.7</v>
      </c>
      <c r="E6304">
        <v>15297.8</v>
      </c>
      <c r="F6304">
        <v>19.581600000000002</v>
      </c>
    </row>
    <row r="6305" spans="1:6" x14ac:dyDescent="0.25">
      <c r="A6305">
        <v>145.88999999999999</v>
      </c>
      <c r="B6305">
        <v>214.93</v>
      </c>
      <c r="C6305">
        <v>14163.6</v>
      </c>
      <c r="D6305">
        <v>4</v>
      </c>
      <c r="E6305">
        <v>15317.8</v>
      </c>
      <c r="F6305">
        <v>19.6051</v>
      </c>
    </row>
    <row r="6306" spans="1:6" x14ac:dyDescent="0.25">
      <c r="A6306">
        <v>145.88999999999999</v>
      </c>
      <c r="B6306">
        <v>214.93</v>
      </c>
      <c r="C6306">
        <v>15709.1</v>
      </c>
      <c r="D6306">
        <v>1</v>
      </c>
      <c r="E6306">
        <v>19249.3</v>
      </c>
      <c r="F6306">
        <v>19.2102</v>
      </c>
    </row>
    <row r="6307" spans="1:6" x14ac:dyDescent="0.25">
      <c r="A6307">
        <v>145.88999999999999</v>
      </c>
      <c r="B6307">
        <v>214.93</v>
      </c>
      <c r="C6307">
        <v>15709.1</v>
      </c>
      <c r="D6307">
        <v>1.3</v>
      </c>
      <c r="E6307">
        <v>18721</v>
      </c>
      <c r="F6307">
        <v>18.633299999999998</v>
      </c>
    </row>
    <row r="6308" spans="1:6" x14ac:dyDescent="0.25">
      <c r="A6308">
        <v>145.88999999999999</v>
      </c>
      <c r="B6308">
        <v>214.93</v>
      </c>
      <c r="C6308">
        <v>15709.1</v>
      </c>
      <c r="D6308">
        <v>1.6</v>
      </c>
      <c r="E6308">
        <v>18395.900000000001</v>
      </c>
      <c r="F6308">
        <v>18.923300000000001</v>
      </c>
    </row>
    <row r="6309" spans="1:6" x14ac:dyDescent="0.25">
      <c r="A6309">
        <v>145.88999999999999</v>
      </c>
      <c r="B6309">
        <v>214.93</v>
      </c>
      <c r="C6309">
        <v>15709.1</v>
      </c>
      <c r="D6309">
        <v>1.9</v>
      </c>
      <c r="E6309">
        <v>17831.400000000001</v>
      </c>
      <c r="F6309">
        <v>19.078600000000002</v>
      </c>
    </row>
    <row r="6310" spans="1:6" x14ac:dyDescent="0.25">
      <c r="A6310">
        <v>145.88999999999999</v>
      </c>
      <c r="B6310">
        <v>214.93</v>
      </c>
      <c r="C6310">
        <v>15709.1</v>
      </c>
      <c r="D6310">
        <v>2.2000000000000002</v>
      </c>
      <c r="E6310">
        <v>17600.8</v>
      </c>
      <c r="F6310">
        <v>19.270199999999999</v>
      </c>
    </row>
    <row r="6311" spans="1:6" x14ac:dyDescent="0.25">
      <c r="A6311">
        <v>145.88999999999999</v>
      </c>
      <c r="B6311">
        <v>214.93</v>
      </c>
      <c r="C6311">
        <v>15709.1</v>
      </c>
      <c r="D6311">
        <v>2.5</v>
      </c>
      <c r="E6311">
        <v>17495.900000000001</v>
      </c>
      <c r="F6311">
        <v>19.400099999999998</v>
      </c>
    </row>
    <row r="6312" spans="1:6" x14ac:dyDescent="0.25">
      <c r="A6312">
        <v>145.88999999999999</v>
      </c>
      <c r="B6312">
        <v>214.93</v>
      </c>
      <c r="C6312">
        <v>15709.1</v>
      </c>
      <c r="D6312">
        <v>2.8</v>
      </c>
      <c r="E6312">
        <v>17243.099999999999</v>
      </c>
      <c r="F6312">
        <v>19.549299999999999</v>
      </c>
    </row>
    <row r="6313" spans="1:6" x14ac:dyDescent="0.25">
      <c r="A6313">
        <v>145.88999999999999</v>
      </c>
      <c r="B6313">
        <v>214.93</v>
      </c>
      <c r="C6313">
        <v>15709.1</v>
      </c>
      <c r="D6313">
        <v>3.1</v>
      </c>
      <c r="E6313">
        <v>17089.599999999999</v>
      </c>
      <c r="F6313">
        <v>19.552800000000001</v>
      </c>
    </row>
    <row r="6314" spans="1:6" x14ac:dyDescent="0.25">
      <c r="A6314">
        <v>145.88999999999999</v>
      </c>
      <c r="B6314">
        <v>214.93</v>
      </c>
      <c r="C6314">
        <v>15709.1</v>
      </c>
      <c r="D6314">
        <v>3.4</v>
      </c>
      <c r="E6314">
        <v>17019.5</v>
      </c>
      <c r="F6314">
        <v>19.564800000000002</v>
      </c>
    </row>
    <row r="6315" spans="1:6" x14ac:dyDescent="0.25">
      <c r="A6315">
        <v>145.88999999999999</v>
      </c>
      <c r="B6315">
        <v>214.93</v>
      </c>
      <c r="C6315">
        <v>15709.1</v>
      </c>
      <c r="D6315">
        <v>3.7</v>
      </c>
      <c r="E6315">
        <v>16877</v>
      </c>
      <c r="F6315">
        <v>19.581600000000002</v>
      </c>
    </row>
    <row r="6316" spans="1:6" x14ac:dyDescent="0.25">
      <c r="A6316">
        <v>145.88999999999999</v>
      </c>
      <c r="B6316">
        <v>214.93</v>
      </c>
      <c r="C6316">
        <v>15709.1</v>
      </c>
      <c r="D6316">
        <v>4</v>
      </c>
      <c r="E6316">
        <v>16779.8</v>
      </c>
      <c r="F6316">
        <v>19.6051</v>
      </c>
    </row>
    <row r="6317" spans="1:6" x14ac:dyDescent="0.25">
      <c r="A6317">
        <v>145.88999999999999</v>
      </c>
      <c r="B6317">
        <v>214.93</v>
      </c>
      <c r="C6317">
        <v>17254.5</v>
      </c>
      <c r="D6317">
        <v>1</v>
      </c>
      <c r="E6317">
        <v>20794.400000000001</v>
      </c>
      <c r="F6317">
        <v>19.2102</v>
      </c>
    </row>
    <row r="6318" spans="1:6" x14ac:dyDescent="0.25">
      <c r="A6318">
        <v>145.88999999999999</v>
      </c>
      <c r="B6318">
        <v>214.93</v>
      </c>
      <c r="C6318">
        <v>17254.5</v>
      </c>
      <c r="D6318">
        <v>1.3</v>
      </c>
      <c r="E6318">
        <v>20207.8</v>
      </c>
      <c r="F6318">
        <v>18.633299999999998</v>
      </c>
    </row>
    <row r="6319" spans="1:6" x14ac:dyDescent="0.25">
      <c r="A6319">
        <v>145.88999999999999</v>
      </c>
      <c r="B6319">
        <v>214.93</v>
      </c>
      <c r="C6319">
        <v>17254.5</v>
      </c>
      <c r="D6319">
        <v>1.6</v>
      </c>
      <c r="E6319">
        <v>19859.599999999999</v>
      </c>
      <c r="F6319">
        <v>18.923300000000001</v>
      </c>
    </row>
    <row r="6320" spans="1:6" x14ac:dyDescent="0.25">
      <c r="A6320">
        <v>145.88999999999999</v>
      </c>
      <c r="B6320">
        <v>214.93</v>
      </c>
      <c r="C6320">
        <v>17254.5</v>
      </c>
      <c r="D6320">
        <v>1.9</v>
      </c>
      <c r="E6320">
        <v>19431.5</v>
      </c>
      <c r="F6320">
        <v>19.078600000000002</v>
      </c>
    </row>
    <row r="6321" spans="1:6" x14ac:dyDescent="0.25">
      <c r="A6321">
        <v>145.88999999999999</v>
      </c>
      <c r="B6321">
        <v>214.93</v>
      </c>
      <c r="C6321">
        <v>17254.5</v>
      </c>
      <c r="D6321">
        <v>2.2000000000000002</v>
      </c>
      <c r="E6321">
        <v>19118.8</v>
      </c>
      <c r="F6321">
        <v>19.270199999999999</v>
      </c>
    </row>
    <row r="6322" spans="1:6" x14ac:dyDescent="0.25">
      <c r="A6322">
        <v>145.88999999999999</v>
      </c>
      <c r="B6322">
        <v>214.93</v>
      </c>
      <c r="C6322">
        <v>17254.5</v>
      </c>
      <c r="D6322">
        <v>2.5</v>
      </c>
      <c r="E6322">
        <v>19072.400000000001</v>
      </c>
      <c r="F6322">
        <v>19.400099999999998</v>
      </c>
    </row>
    <row r="6323" spans="1:6" x14ac:dyDescent="0.25">
      <c r="A6323">
        <v>145.88999999999999</v>
      </c>
      <c r="B6323">
        <v>214.93</v>
      </c>
      <c r="C6323">
        <v>17254.5</v>
      </c>
      <c r="D6323">
        <v>2.8</v>
      </c>
      <c r="E6323">
        <v>18829.099999999999</v>
      </c>
      <c r="F6323">
        <v>19.549299999999999</v>
      </c>
    </row>
    <row r="6324" spans="1:6" x14ac:dyDescent="0.25">
      <c r="A6324">
        <v>145.88999999999999</v>
      </c>
      <c r="B6324">
        <v>214.93</v>
      </c>
      <c r="C6324">
        <v>17254.5</v>
      </c>
      <c r="D6324">
        <v>3.1</v>
      </c>
      <c r="E6324">
        <v>18660</v>
      </c>
      <c r="F6324">
        <v>19.552800000000001</v>
      </c>
    </row>
    <row r="6325" spans="1:6" x14ac:dyDescent="0.25">
      <c r="A6325">
        <v>145.88999999999999</v>
      </c>
      <c r="B6325">
        <v>214.93</v>
      </c>
      <c r="C6325">
        <v>17254.5</v>
      </c>
      <c r="D6325">
        <v>3.4</v>
      </c>
      <c r="E6325">
        <v>18603.5</v>
      </c>
      <c r="F6325">
        <v>19.564800000000002</v>
      </c>
    </row>
    <row r="6326" spans="1:6" x14ac:dyDescent="0.25">
      <c r="A6326">
        <v>145.88999999999999</v>
      </c>
      <c r="B6326">
        <v>214.93</v>
      </c>
      <c r="C6326">
        <v>17254.5</v>
      </c>
      <c r="D6326">
        <v>3.7</v>
      </c>
      <c r="E6326">
        <v>18420.5</v>
      </c>
      <c r="F6326">
        <v>19.581600000000002</v>
      </c>
    </row>
    <row r="6327" spans="1:6" x14ac:dyDescent="0.25">
      <c r="A6327">
        <v>145.88999999999999</v>
      </c>
      <c r="B6327">
        <v>214.93</v>
      </c>
      <c r="C6327">
        <v>17254.5</v>
      </c>
      <c r="D6327">
        <v>4</v>
      </c>
      <c r="E6327">
        <v>18355.3</v>
      </c>
      <c r="F6327">
        <v>19.6051</v>
      </c>
    </row>
    <row r="6328" spans="1:6" x14ac:dyDescent="0.25">
      <c r="A6328">
        <v>145.88999999999999</v>
      </c>
      <c r="B6328">
        <v>214.93</v>
      </c>
      <c r="C6328">
        <v>18800</v>
      </c>
      <c r="D6328">
        <v>1</v>
      </c>
      <c r="E6328">
        <v>22425.3</v>
      </c>
      <c r="F6328">
        <v>19.2102</v>
      </c>
    </row>
    <row r="6329" spans="1:6" x14ac:dyDescent="0.25">
      <c r="A6329">
        <v>145.88999999999999</v>
      </c>
      <c r="B6329">
        <v>214.93</v>
      </c>
      <c r="C6329">
        <v>18800</v>
      </c>
      <c r="D6329">
        <v>1.3</v>
      </c>
      <c r="E6329">
        <v>21785.599999999999</v>
      </c>
      <c r="F6329">
        <v>18.633299999999998</v>
      </c>
    </row>
    <row r="6330" spans="1:6" x14ac:dyDescent="0.25">
      <c r="A6330">
        <v>145.88999999999999</v>
      </c>
      <c r="B6330">
        <v>214.93</v>
      </c>
      <c r="C6330">
        <v>18800</v>
      </c>
      <c r="D6330">
        <v>1.6</v>
      </c>
      <c r="E6330">
        <v>21241.7</v>
      </c>
      <c r="F6330">
        <v>18.923300000000001</v>
      </c>
    </row>
    <row r="6331" spans="1:6" x14ac:dyDescent="0.25">
      <c r="A6331">
        <v>145.88999999999999</v>
      </c>
      <c r="B6331">
        <v>214.93</v>
      </c>
      <c r="C6331">
        <v>18800</v>
      </c>
      <c r="D6331">
        <v>1.9</v>
      </c>
      <c r="E6331">
        <v>21035.9</v>
      </c>
      <c r="F6331">
        <v>19.078600000000002</v>
      </c>
    </row>
    <row r="6332" spans="1:6" x14ac:dyDescent="0.25">
      <c r="A6332">
        <v>145.88999999999999</v>
      </c>
      <c r="B6332">
        <v>214.93</v>
      </c>
      <c r="C6332">
        <v>18800</v>
      </c>
      <c r="D6332">
        <v>2.2000000000000002</v>
      </c>
      <c r="E6332">
        <v>20748.8</v>
      </c>
      <c r="F6332">
        <v>19.270199999999999</v>
      </c>
    </row>
    <row r="6333" spans="1:6" x14ac:dyDescent="0.25">
      <c r="A6333">
        <v>145.88999999999999</v>
      </c>
      <c r="B6333">
        <v>214.93</v>
      </c>
      <c r="C6333">
        <v>18800</v>
      </c>
      <c r="D6333">
        <v>2.5</v>
      </c>
      <c r="E6333">
        <v>20614.3</v>
      </c>
      <c r="F6333">
        <v>19.400099999999998</v>
      </c>
    </row>
    <row r="6334" spans="1:6" x14ac:dyDescent="0.25">
      <c r="A6334">
        <v>145.88999999999999</v>
      </c>
      <c r="B6334">
        <v>214.93</v>
      </c>
      <c r="C6334">
        <v>18800</v>
      </c>
      <c r="D6334">
        <v>2.8</v>
      </c>
      <c r="E6334">
        <v>20256.7</v>
      </c>
      <c r="F6334">
        <v>19.549299999999999</v>
      </c>
    </row>
    <row r="6335" spans="1:6" x14ac:dyDescent="0.25">
      <c r="A6335">
        <v>145.88999999999999</v>
      </c>
      <c r="B6335">
        <v>214.93</v>
      </c>
      <c r="C6335">
        <v>18800</v>
      </c>
      <c r="D6335">
        <v>3.1</v>
      </c>
      <c r="E6335">
        <v>20247.599999999999</v>
      </c>
      <c r="F6335">
        <v>19.552800000000001</v>
      </c>
    </row>
    <row r="6336" spans="1:6" x14ac:dyDescent="0.25">
      <c r="A6336">
        <v>145.88999999999999</v>
      </c>
      <c r="B6336">
        <v>214.93</v>
      </c>
      <c r="C6336">
        <v>18800</v>
      </c>
      <c r="D6336">
        <v>3.4</v>
      </c>
      <c r="E6336">
        <v>20081.2</v>
      </c>
      <c r="F6336">
        <v>19.564800000000002</v>
      </c>
    </row>
    <row r="6337" spans="1:6" x14ac:dyDescent="0.25">
      <c r="A6337">
        <v>145.88999999999999</v>
      </c>
      <c r="B6337">
        <v>214.93</v>
      </c>
      <c r="C6337">
        <v>18800</v>
      </c>
      <c r="D6337">
        <v>3.7</v>
      </c>
      <c r="E6337">
        <v>19955.8</v>
      </c>
      <c r="F6337">
        <v>19.581600000000002</v>
      </c>
    </row>
    <row r="6338" spans="1:6" x14ac:dyDescent="0.25">
      <c r="A6338">
        <v>145.88999999999999</v>
      </c>
      <c r="B6338">
        <v>214.93</v>
      </c>
      <c r="C6338">
        <v>18800</v>
      </c>
      <c r="D6338">
        <v>4</v>
      </c>
      <c r="E6338">
        <v>19876.7</v>
      </c>
      <c r="F6338">
        <v>19.6051</v>
      </c>
    </row>
    <row r="6339" spans="1:6" x14ac:dyDescent="0.25">
      <c r="A6339">
        <v>149.52000000000001</v>
      </c>
      <c r="B6339">
        <v>175</v>
      </c>
      <c r="C6339">
        <v>1800</v>
      </c>
      <c r="D6339">
        <v>1</v>
      </c>
      <c r="E6339">
        <v>5572.96</v>
      </c>
      <c r="F6339">
        <v>44.874200000000002</v>
      </c>
    </row>
    <row r="6340" spans="1:6" x14ac:dyDescent="0.25">
      <c r="A6340">
        <v>149.52000000000001</v>
      </c>
      <c r="B6340">
        <v>175</v>
      </c>
      <c r="C6340">
        <v>1800</v>
      </c>
      <c r="D6340">
        <v>1.3</v>
      </c>
      <c r="E6340">
        <v>5122.34</v>
      </c>
      <c r="F6340">
        <v>59.125900000000001</v>
      </c>
    </row>
    <row r="6341" spans="1:6" x14ac:dyDescent="0.25">
      <c r="A6341">
        <v>149.52000000000001</v>
      </c>
      <c r="B6341">
        <v>175</v>
      </c>
      <c r="C6341">
        <v>1800</v>
      </c>
      <c r="D6341">
        <v>1.6</v>
      </c>
      <c r="E6341">
        <v>4833.08</v>
      </c>
      <c r="F6341">
        <v>70.591200000000001</v>
      </c>
    </row>
    <row r="6342" spans="1:6" x14ac:dyDescent="0.25">
      <c r="A6342">
        <v>149.52000000000001</v>
      </c>
      <c r="B6342">
        <v>175</v>
      </c>
      <c r="C6342">
        <v>1800</v>
      </c>
      <c r="D6342">
        <v>1.9</v>
      </c>
      <c r="E6342">
        <v>4542.43</v>
      </c>
      <c r="F6342">
        <v>74.520099999999999</v>
      </c>
    </row>
    <row r="6343" spans="1:6" x14ac:dyDescent="0.25">
      <c r="A6343">
        <v>149.52000000000001</v>
      </c>
      <c r="B6343">
        <v>175</v>
      </c>
      <c r="C6343">
        <v>1800</v>
      </c>
      <c r="D6343">
        <v>2.2000000000000002</v>
      </c>
      <c r="E6343">
        <v>4430.71</v>
      </c>
      <c r="F6343">
        <v>80.224699999999999</v>
      </c>
    </row>
    <row r="6344" spans="1:6" x14ac:dyDescent="0.25">
      <c r="A6344">
        <v>149.52000000000001</v>
      </c>
      <c r="B6344">
        <v>175</v>
      </c>
      <c r="C6344">
        <v>1800</v>
      </c>
      <c r="D6344">
        <v>2.5</v>
      </c>
      <c r="E6344">
        <v>4349.92</v>
      </c>
      <c r="F6344">
        <v>82.210499999999996</v>
      </c>
    </row>
    <row r="6345" spans="1:6" x14ac:dyDescent="0.25">
      <c r="A6345">
        <v>149.52000000000001</v>
      </c>
      <c r="B6345">
        <v>175</v>
      </c>
      <c r="C6345">
        <v>1800</v>
      </c>
      <c r="D6345">
        <v>2.8</v>
      </c>
      <c r="E6345">
        <v>4235.6400000000003</v>
      </c>
      <c r="F6345">
        <v>82.537599999999998</v>
      </c>
    </row>
    <row r="6346" spans="1:6" x14ac:dyDescent="0.25">
      <c r="A6346">
        <v>149.52000000000001</v>
      </c>
      <c r="B6346">
        <v>175</v>
      </c>
      <c r="C6346">
        <v>1800</v>
      </c>
      <c r="D6346">
        <v>3.1</v>
      </c>
      <c r="E6346">
        <v>4165.57</v>
      </c>
      <c r="F6346">
        <v>84.043199999999999</v>
      </c>
    </row>
    <row r="6347" spans="1:6" x14ac:dyDescent="0.25">
      <c r="A6347">
        <v>149.52000000000001</v>
      </c>
      <c r="B6347">
        <v>175</v>
      </c>
      <c r="C6347">
        <v>1800</v>
      </c>
      <c r="D6347">
        <v>3.4</v>
      </c>
      <c r="E6347">
        <v>4116.43</v>
      </c>
      <c r="F6347">
        <v>87.744799999999998</v>
      </c>
    </row>
    <row r="6348" spans="1:6" x14ac:dyDescent="0.25">
      <c r="A6348">
        <v>149.52000000000001</v>
      </c>
      <c r="B6348">
        <v>175</v>
      </c>
      <c r="C6348">
        <v>1800</v>
      </c>
      <c r="D6348">
        <v>3.7</v>
      </c>
      <c r="E6348">
        <v>4050.69</v>
      </c>
      <c r="F6348">
        <v>88.831199999999995</v>
      </c>
    </row>
    <row r="6349" spans="1:6" x14ac:dyDescent="0.25">
      <c r="A6349">
        <v>149.52000000000001</v>
      </c>
      <c r="B6349">
        <v>175</v>
      </c>
      <c r="C6349">
        <v>1800</v>
      </c>
      <c r="D6349">
        <v>4</v>
      </c>
      <c r="E6349">
        <v>3985.88</v>
      </c>
      <c r="F6349">
        <v>87.546199999999999</v>
      </c>
    </row>
    <row r="6350" spans="1:6" x14ac:dyDescent="0.25">
      <c r="A6350">
        <v>149.52000000000001</v>
      </c>
      <c r="B6350">
        <v>175</v>
      </c>
      <c r="C6350">
        <v>3345.45</v>
      </c>
      <c r="D6350">
        <v>1</v>
      </c>
      <c r="E6350">
        <v>6783.38</v>
      </c>
      <c r="F6350">
        <v>17.0105</v>
      </c>
    </row>
    <row r="6351" spans="1:6" x14ac:dyDescent="0.25">
      <c r="A6351">
        <v>149.52000000000001</v>
      </c>
      <c r="B6351">
        <v>175</v>
      </c>
      <c r="C6351">
        <v>3345.45</v>
      </c>
      <c r="D6351">
        <v>1.3</v>
      </c>
      <c r="E6351">
        <v>6366.27</v>
      </c>
      <c r="F6351">
        <v>17.636600000000001</v>
      </c>
    </row>
    <row r="6352" spans="1:6" x14ac:dyDescent="0.25">
      <c r="A6352">
        <v>149.52000000000001</v>
      </c>
      <c r="B6352">
        <v>175</v>
      </c>
      <c r="C6352">
        <v>3345.45</v>
      </c>
      <c r="D6352">
        <v>1.6</v>
      </c>
      <c r="E6352">
        <v>5802.51</v>
      </c>
      <c r="F6352">
        <v>22.1142</v>
      </c>
    </row>
    <row r="6353" spans="1:6" x14ac:dyDescent="0.25">
      <c r="A6353">
        <v>149.52000000000001</v>
      </c>
      <c r="B6353">
        <v>175</v>
      </c>
      <c r="C6353">
        <v>3345.45</v>
      </c>
      <c r="D6353">
        <v>1.9</v>
      </c>
      <c r="E6353">
        <v>5707.56</v>
      </c>
      <c r="F6353">
        <v>27.238700000000001</v>
      </c>
    </row>
    <row r="6354" spans="1:6" x14ac:dyDescent="0.25">
      <c r="A6354">
        <v>149.52000000000001</v>
      </c>
      <c r="B6354">
        <v>175</v>
      </c>
      <c r="C6354">
        <v>3345.45</v>
      </c>
      <c r="D6354">
        <v>2.2000000000000002</v>
      </c>
      <c r="E6354">
        <v>5437.08</v>
      </c>
      <c r="F6354">
        <v>30.657599999999999</v>
      </c>
    </row>
    <row r="6355" spans="1:6" x14ac:dyDescent="0.25">
      <c r="A6355">
        <v>149.52000000000001</v>
      </c>
      <c r="B6355">
        <v>175</v>
      </c>
      <c r="C6355">
        <v>3345.45</v>
      </c>
      <c r="D6355">
        <v>2.5</v>
      </c>
      <c r="E6355">
        <v>5354.46</v>
      </c>
      <c r="F6355">
        <v>33.120199999999997</v>
      </c>
    </row>
    <row r="6356" spans="1:6" x14ac:dyDescent="0.25">
      <c r="A6356">
        <v>149.52000000000001</v>
      </c>
      <c r="B6356">
        <v>175</v>
      </c>
      <c r="C6356">
        <v>3345.45</v>
      </c>
      <c r="D6356">
        <v>2.8</v>
      </c>
      <c r="E6356">
        <v>5350.44</v>
      </c>
      <c r="F6356">
        <v>36.424599999999998</v>
      </c>
    </row>
    <row r="6357" spans="1:6" x14ac:dyDescent="0.25">
      <c r="A6357">
        <v>149.52000000000001</v>
      </c>
      <c r="B6357">
        <v>175</v>
      </c>
      <c r="C6357">
        <v>3345.45</v>
      </c>
      <c r="D6357">
        <v>3.1</v>
      </c>
      <c r="E6357">
        <v>5230.41</v>
      </c>
      <c r="F6357">
        <v>38.5959</v>
      </c>
    </row>
    <row r="6358" spans="1:6" x14ac:dyDescent="0.25">
      <c r="A6358">
        <v>149.52000000000001</v>
      </c>
      <c r="B6358">
        <v>175</v>
      </c>
      <c r="C6358">
        <v>3345.45</v>
      </c>
      <c r="D6358">
        <v>3.4</v>
      </c>
      <c r="E6358">
        <v>5106.8999999999996</v>
      </c>
      <c r="F6358">
        <v>40.445099999999996</v>
      </c>
    </row>
    <row r="6359" spans="1:6" x14ac:dyDescent="0.25">
      <c r="A6359">
        <v>149.52000000000001</v>
      </c>
      <c r="B6359">
        <v>175</v>
      </c>
      <c r="C6359">
        <v>3345.45</v>
      </c>
      <c r="D6359">
        <v>3.7</v>
      </c>
      <c r="E6359">
        <v>5099.17</v>
      </c>
      <c r="F6359">
        <v>42.405900000000003</v>
      </c>
    </row>
    <row r="6360" spans="1:6" x14ac:dyDescent="0.25">
      <c r="A6360">
        <v>149.52000000000001</v>
      </c>
      <c r="B6360">
        <v>175</v>
      </c>
      <c r="C6360">
        <v>3345.45</v>
      </c>
      <c r="D6360">
        <v>4</v>
      </c>
      <c r="E6360">
        <v>4995.0200000000004</v>
      </c>
      <c r="F6360">
        <v>43.114800000000002</v>
      </c>
    </row>
    <row r="6361" spans="1:6" x14ac:dyDescent="0.25">
      <c r="A6361">
        <v>149.52000000000001</v>
      </c>
      <c r="B6361">
        <v>175</v>
      </c>
      <c r="C6361">
        <v>4890.8999999999996</v>
      </c>
      <c r="D6361">
        <v>1</v>
      </c>
      <c r="E6361">
        <v>8588.7999999999993</v>
      </c>
      <c r="F6361">
        <v>20.322199999999999</v>
      </c>
    </row>
    <row r="6362" spans="1:6" x14ac:dyDescent="0.25">
      <c r="A6362">
        <v>149.52000000000001</v>
      </c>
      <c r="B6362">
        <v>175</v>
      </c>
      <c r="C6362">
        <v>4890.8999999999996</v>
      </c>
      <c r="D6362">
        <v>1.3</v>
      </c>
      <c r="E6362">
        <v>7620.65</v>
      </c>
      <c r="F6362">
        <v>21.410900000000002</v>
      </c>
    </row>
    <row r="6363" spans="1:6" x14ac:dyDescent="0.25">
      <c r="A6363">
        <v>149.52000000000001</v>
      </c>
      <c r="B6363">
        <v>175</v>
      </c>
      <c r="C6363">
        <v>4890.8999999999996</v>
      </c>
      <c r="D6363">
        <v>1.6</v>
      </c>
      <c r="E6363">
        <v>7343.97</v>
      </c>
      <c r="F6363">
        <v>19.643599999999999</v>
      </c>
    </row>
    <row r="6364" spans="1:6" x14ac:dyDescent="0.25">
      <c r="A6364">
        <v>149.52000000000001</v>
      </c>
      <c r="B6364">
        <v>175</v>
      </c>
      <c r="C6364">
        <v>4890.8999999999996</v>
      </c>
      <c r="D6364">
        <v>1.9</v>
      </c>
      <c r="E6364">
        <v>7102.24</v>
      </c>
      <c r="F6364">
        <v>20.131399999999999</v>
      </c>
    </row>
    <row r="6365" spans="1:6" x14ac:dyDescent="0.25">
      <c r="A6365">
        <v>149.52000000000001</v>
      </c>
      <c r="B6365">
        <v>175</v>
      </c>
      <c r="C6365">
        <v>4890.8999999999996</v>
      </c>
      <c r="D6365">
        <v>2.2000000000000002</v>
      </c>
      <c r="E6365">
        <v>6834.96</v>
      </c>
      <c r="F6365">
        <v>20.537600000000001</v>
      </c>
    </row>
    <row r="6366" spans="1:6" x14ac:dyDescent="0.25">
      <c r="A6366">
        <v>149.52000000000001</v>
      </c>
      <c r="B6366">
        <v>175</v>
      </c>
      <c r="C6366">
        <v>4890.8999999999996</v>
      </c>
      <c r="D6366">
        <v>2.5</v>
      </c>
      <c r="E6366">
        <v>6903.29</v>
      </c>
      <c r="F6366">
        <v>20.933599999999998</v>
      </c>
    </row>
    <row r="6367" spans="1:6" x14ac:dyDescent="0.25">
      <c r="A6367">
        <v>149.52000000000001</v>
      </c>
      <c r="B6367">
        <v>175</v>
      </c>
      <c r="C6367">
        <v>4890.8999999999996</v>
      </c>
      <c r="D6367">
        <v>2.8</v>
      </c>
      <c r="E6367">
        <v>6755.82</v>
      </c>
      <c r="F6367">
        <v>18.745899999999999</v>
      </c>
    </row>
    <row r="6368" spans="1:6" x14ac:dyDescent="0.25">
      <c r="A6368">
        <v>149.52000000000001</v>
      </c>
      <c r="B6368">
        <v>175</v>
      </c>
      <c r="C6368">
        <v>4890.8999999999996</v>
      </c>
      <c r="D6368">
        <v>3.1</v>
      </c>
      <c r="E6368">
        <v>6743.92</v>
      </c>
      <c r="F6368">
        <v>18.652000000000001</v>
      </c>
    </row>
    <row r="6369" spans="1:6" x14ac:dyDescent="0.25">
      <c r="A6369">
        <v>149.52000000000001</v>
      </c>
      <c r="B6369">
        <v>175</v>
      </c>
      <c r="C6369">
        <v>4890.8999999999996</v>
      </c>
      <c r="D6369">
        <v>3.4</v>
      </c>
      <c r="E6369">
        <v>6470.33</v>
      </c>
      <c r="F6369">
        <v>18.764600000000002</v>
      </c>
    </row>
    <row r="6370" spans="1:6" x14ac:dyDescent="0.25">
      <c r="A6370">
        <v>149.52000000000001</v>
      </c>
      <c r="B6370">
        <v>175</v>
      </c>
      <c r="C6370">
        <v>4890.8999999999996</v>
      </c>
      <c r="D6370">
        <v>3.7</v>
      </c>
      <c r="E6370">
        <v>6408.28</v>
      </c>
      <c r="F6370">
        <v>18.8599</v>
      </c>
    </row>
    <row r="6371" spans="1:6" x14ac:dyDescent="0.25">
      <c r="A6371">
        <v>149.52000000000001</v>
      </c>
      <c r="B6371">
        <v>175</v>
      </c>
      <c r="C6371">
        <v>4890.8999999999996</v>
      </c>
      <c r="D6371">
        <v>4</v>
      </c>
      <c r="E6371">
        <v>6296.99</v>
      </c>
      <c r="F6371">
        <v>19.108499999999999</v>
      </c>
    </row>
    <row r="6372" spans="1:6" x14ac:dyDescent="0.25">
      <c r="A6372">
        <v>149.52000000000001</v>
      </c>
      <c r="B6372">
        <v>175</v>
      </c>
      <c r="C6372">
        <v>6436.35</v>
      </c>
      <c r="D6372">
        <v>1</v>
      </c>
      <c r="E6372">
        <v>10042.9</v>
      </c>
      <c r="F6372">
        <v>21.540199999999999</v>
      </c>
    </row>
    <row r="6373" spans="1:6" x14ac:dyDescent="0.25">
      <c r="A6373">
        <v>149.52000000000001</v>
      </c>
      <c r="B6373">
        <v>175</v>
      </c>
      <c r="C6373">
        <v>6436.35</v>
      </c>
      <c r="D6373">
        <v>1.3</v>
      </c>
      <c r="E6373">
        <v>9287.11</v>
      </c>
      <c r="F6373">
        <v>22.786100000000001</v>
      </c>
    </row>
    <row r="6374" spans="1:6" x14ac:dyDescent="0.25">
      <c r="A6374">
        <v>149.52000000000001</v>
      </c>
      <c r="B6374">
        <v>175</v>
      </c>
      <c r="C6374">
        <v>6436.35</v>
      </c>
      <c r="D6374">
        <v>1.6</v>
      </c>
      <c r="E6374">
        <v>9076.7999999999993</v>
      </c>
      <c r="F6374">
        <v>22.901700000000002</v>
      </c>
    </row>
    <row r="6375" spans="1:6" x14ac:dyDescent="0.25">
      <c r="A6375">
        <v>149.52000000000001</v>
      </c>
      <c r="B6375">
        <v>175</v>
      </c>
      <c r="C6375">
        <v>6436.35</v>
      </c>
      <c r="D6375">
        <v>1.9</v>
      </c>
      <c r="E6375">
        <v>8689.23</v>
      </c>
      <c r="F6375">
        <v>22.9786</v>
      </c>
    </row>
    <row r="6376" spans="1:6" x14ac:dyDescent="0.25">
      <c r="A6376">
        <v>149.52000000000001</v>
      </c>
      <c r="B6376">
        <v>175</v>
      </c>
      <c r="C6376">
        <v>6436.35</v>
      </c>
      <c r="D6376">
        <v>2.2000000000000002</v>
      </c>
      <c r="E6376">
        <v>8209.33</v>
      </c>
      <c r="F6376">
        <v>23.001799999999999</v>
      </c>
    </row>
    <row r="6377" spans="1:6" x14ac:dyDescent="0.25">
      <c r="A6377">
        <v>149.52000000000001</v>
      </c>
      <c r="B6377">
        <v>175</v>
      </c>
      <c r="C6377">
        <v>6436.35</v>
      </c>
      <c r="D6377">
        <v>2.5</v>
      </c>
      <c r="E6377">
        <v>8098.76</v>
      </c>
      <c r="F6377">
        <v>22.958500000000001</v>
      </c>
    </row>
    <row r="6378" spans="1:6" x14ac:dyDescent="0.25">
      <c r="A6378">
        <v>149.52000000000001</v>
      </c>
      <c r="B6378">
        <v>175</v>
      </c>
      <c r="C6378">
        <v>6436.35</v>
      </c>
      <c r="D6378">
        <v>2.8</v>
      </c>
      <c r="E6378">
        <v>7976.55</v>
      </c>
      <c r="F6378">
        <v>23.4129</v>
      </c>
    </row>
    <row r="6379" spans="1:6" x14ac:dyDescent="0.25">
      <c r="A6379">
        <v>149.52000000000001</v>
      </c>
      <c r="B6379">
        <v>175</v>
      </c>
      <c r="C6379">
        <v>6436.35</v>
      </c>
      <c r="D6379">
        <v>3.1</v>
      </c>
      <c r="E6379">
        <v>8078.79</v>
      </c>
      <c r="F6379">
        <v>23.518699999999999</v>
      </c>
    </row>
    <row r="6380" spans="1:6" x14ac:dyDescent="0.25">
      <c r="A6380">
        <v>149.52000000000001</v>
      </c>
      <c r="B6380">
        <v>175</v>
      </c>
      <c r="C6380">
        <v>6436.35</v>
      </c>
      <c r="D6380">
        <v>3.4</v>
      </c>
      <c r="E6380">
        <v>7912.62</v>
      </c>
      <c r="F6380">
        <v>23.622299999999999</v>
      </c>
    </row>
    <row r="6381" spans="1:6" x14ac:dyDescent="0.25">
      <c r="A6381">
        <v>149.52000000000001</v>
      </c>
      <c r="B6381">
        <v>175</v>
      </c>
      <c r="C6381">
        <v>6436.35</v>
      </c>
      <c r="D6381">
        <v>3.7</v>
      </c>
      <c r="E6381">
        <v>7795.23</v>
      </c>
      <c r="F6381">
        <v>23.678000000000001</v>
      </c>
    </row>
    <row r="6382" spans="1:6" x14ac:dyDescent="0.25">
      <c r="A6382">
        <v>149.52000000000001</v>
      </c>
      <c r="B6382">
        <v>175</v>
      </c>
      <c r="C6382">
        <v>6436.35</v>
      </c>
      <c r="D6382">
        <v>4</v>
      </c>
      <c r="E6382">
        <v>7700.48</v>
      </c>
      <c r="F6382">
        <v>23.7349</v>
      </c>
    </row>
    <row r="6383" spans="1:6" x14ac:dyDescent="0.25">
      <c r="A6383">
        <v>149.52000000000001</v>
      </c>
      <c r="B6383">
        <v>175</v>
      </c>
      <c r="C6383">
        <v>7981.8</v>
      </c>
      <c r="D6383">
        <v>1</v>
      </c>
      <c r="E6383">
        <v>11527.2</v>
      </c>
      <c r="F6383">
        <v>21.540199999999999</v>
      </c>
    </row>
    <row r="6384" spans="1:6" x14ac:dyDescent="0.25">
      <c r="A6384">
        <v>149.52000000000001</v>
      </c>
      <c r="B6384">
        <v>175</v>
      </c>
      <c r="C6384">
        <v>7981.8</v>
      </c>
      <c r="D6384">
        <v>1.3</v>
      </c>
      <c r="E6384">
        <v>10937.1</v>
      </c>
      <c r="F6384">
        <v>22.786100000000001</v>
      </c>
    </row>
    <row r="6385" spans="1:6" x14ac:dyDescent="0.25">
      <c r="A6385">
        <v>149.52000000000001</v>
      </c>
      <c r="B6385">
        <v>175</v>
      </c>
      <c r="C6385">
        <v>7981.8</v>
      </c>
      <c r="D6385">
        <v>1.6</v>
      </c>
      <c r="E6385">
        <v>10474.200000000001</v>
      </c>
      <c r="F6385">
        <v>22.901700000000002</v>
      </c>
    </row>
    <row r="6386" spans="1:6" x14ac:dyDescent="0.25">
      <c r="A6386">
        <v>149.52000000000001</v>
      </c>
      <c r="B6386">
        <v>175</v>
      </c>
      <c r="C6386">
        <v>7981.8</v>
      </c>
      <c r="D6386">
        <v>1.9</v>
      </c>
      <c r="E6386">
        <v>10069.200000000001</v>
      </c>
      <c r="F6386">
        <v>22.9786</v>
      </c>
    </row>
    <row r="6387" spans="1:6" x14ac:dyDescent="0.25">
      <c r="A6387">
        <v>149.52000000000001</v>
      </c>
      <c r="B6387">
        <v>175</v>
      </c>
      <c r="C6387">
        <v>7981.8</v>
      </c>
      <c r="D6387">
        <v>2.2000000000000002</v>
      </c>
      <c r="E6387">
        <v>9773.23</v>
      </c>
      <c r="F6387">
        <v>23.001799999999999</v>
      </c>
    </row>
    <row r="6388" spans="1:6" x14ac:dyDescent="0.25">
      <c r="A6388">
        <v>149.52000000000001</v>
      </c>
      <c r="B6388">
        <v>175</v>
      </c>
      <c r="C6388">
        <v>7981.8</v>
      </c>
      <c r="D6388">
        <v>2.5</v>
      </c>
      <c r="E6388">
        <v>9553.8799999999992</v>
      </c>
      <c r="F6388">
        <v>22.958500000000001</v>
      </c>
    </row>
    <row r="6389" spans="1:6" x14ac:dyDescent="0.25">
      <c r="A6389">
        <v>149.52000000000001</v>
      </c>
      <c r="B6389">
        <v>175</v>
      </c>
      <c r="C6389">
        <v>7981.8</v>
      </c>
      <c r="D6389">
        <v>2.8</v>
      </c>
      <c r="E6389">
        <v>9680.34</v>
      </c>
      <c r="F6389">
        <v>23.4129</v>
      </c>
    </row>
    <row r="6390" spans="1:6" x14ac:dyDescent="0.25">
      <c r="A6390">
        <v>149.52000000000001</v>
      </c>
      <c r="B6390">
        <v>175</v>
      </c>
      <c r="C6390">
        <v>7981.8</v>
      </c>
      <c r="D6390">
        <v>3.1</v>
      </c>
      <c r="E6390">
        <v>9642.89</v>
      </c>
      <c r="F6390">
        <v>23.518699999999999</v>
      </c>
    </row>
    <row r="6391" spans="1:6" x14ac:dyDescent="0.25">
      <c r="A6391">
        <v>149.52000000000001</v>
      </c>
      <c r="B6391">
        <v>175</v>
      </c>
      <c r="C6391">
        <v>7981.8</v>
      </c>
      <c r="D6391">
        <v>3.4</v>
      </c>
      <c r="E6391">
        <v>9504.1</v>
      </c>
      <c r="F6391">
        <v>23.622299999999999</v>
      </c>
    </row>
    <row r="6392" spans="1:6" x14ac:dyDescent="0.25">
      <c r="A6392">
        <v>149.52000000000001</v>
      </c>
      <c r="B6392">
        <v>175</v>
      </c>
      <c r="C6392">
        <v>7981.8</v>
      </c>
      <c r="D6392">
        <v>3.7</v>
      </c>
      <c r="E6392">
        <v>9415.82</v>
      </c>
      <c r="F6392">
        <v>23.678000000000001</v>
      </c>
    </row>
    <row r="6393" spans="1:6" x14ac:dyDescent="0.25">
      <c r="A6393">
        <v>149.52000000000001</v>
      </c>
      <c r="B6393">
        <v>175</v>
      </c>
      <c r="C6393">
        <v>7981.8</v>
      </c>
      <c r="D6393">
        <v>4</v>
      </c>
      <c r="E6393">
        <v>9299.7800000000007</v>
      </c>
      <c r="F6393">
        <v>23.7349</v>
      </c>
    </row>
    <row r="6394" spans="1:6" x14ac:dyDescent="0.25">
      <c r="A6394">
        <v>149.52000000000001</v>
      </c>
      <c r="B6394">
        <v>175</v>
      </c>
      <c r="C6394">
        <v>9527.25</v>
      </c>
      <c r="D6394">
        <v>1</v>
      </c>
      <c r="E6394">
        <v>13492.1</v>
      </c>
      <c r="F6394">
        <v>21.540199999999999</v>
      </c>
    </row>
    <row r="6395" spans="1:6" x14ac:dyDescent="0.25">
      <c r="A6395">
        <v>149.52000000000001</v>
      </c>
      <c r="B6395">
        <v>175</v>
      </c>
      <c r="C6395">
        <v>9527.25</v>
      </c>
      <c r="D6395">
        <v>1.3</v>
      </c>
      <c r="E6395">
        <v>12468.6</v>
      </c>
      <c r="F6395">
        <v>22.786100000000001</v>
      </c>
    </row>
    <row r="6396" spans="1:6" x14ac:dyDescent="0.25">
      <c r="A6396">
        <v>149.52000000000001</v>
      </c>
      <c r="B6396">
        <v>175</v>
      </c>
      <c r="C6396">
        <v>9527.25</v>
      </c>
      <c r="D6396">
        <v>1.6</v>
      </c>
      <c r="E6396">
        <v>11922.4</v>
      </c>
      <c r="F6396">
        <v>22.901700000000002</v>
      </c>
    </row>
    <row r="6397" spans="1:6" x14ac:dyDescent="0.25">
      <c r="A6397">
        <v>149.52000000000001</v>
      </c>
      <c r="B6397">
        <v>175</v>
      </c>
      <c r="C6397">
        <v>9527.25</v>
      </c>
      <c r="D6397">
        <v>1.9</v>
      </c>
      <c r="E6397">
        <v>11511.7</v>
      </c>
      <c r="F6397">
        <v>22.9786</v>
      </c>
    </row>
    <row r="6398" spans="1:6" x14ac:dyDescent="0.25">
      <c r="A6398">
        <v>149.52000000000001</v>
      </c>
      <c r="B6398">
        <v>175</v>
      </c>
      <c r="C6398">
        <v>9527.25</v>
      </c>
      <c r="D6398">
        <v>2.2000000000000002</v>
      </c>
      <c r="E6398">
        <v>11300.1</v>
      </c>
      <c r="F6398">
        <v>23.001799999999999</v>
      </c>
    </row>
    <row r="6399" spans="1:6" x14ac:dyDescent="0.25">
      <c r="A6399">
        <v>149.52000000000001</v>
      </c>
      <c r="B6399">
        <v>175</v>
      </c>
      <c r="C6399">
        <v>9527.25</v>
      </c>
      <c r="D6399">
        <v>2.5</v>
      </c>
      <c r="E6399">
        <v>11092.4</v>
      </c>
      <c r="F6399">
        <v>22.958500000000001</v>
      </c>
    </row>
    <row r="6400" spans="1:6" x14ac:dyDescent="0.25">
      <c r="A6400">
        <v>149.52000000000001</v>
      </c>
      <c r="B6400">
        <v>175</v>
      </c>
      <c r="C6400">
        <v>9527.25</v>
      </c>
      <c r="D6400">
        <v>2.8</v>
      </c>
      <c r="E6400">
        <v>11169.9</v>
      </c>
      <c r="F6400">
        <v>23.4129</v>
      </c>
    </row>
    <row r="6401" spans="1:6" x14ac:dyDescent="0.25">
      <c r="A6401">
        <v>149.52000000000001</v>
      </c>
      <c r="B6401">
        <v>175</v>
      </c>
      <c r="C6401">
        <v>9527.25</v>
      </c>
      <c r="D6401">
        <v>3.1</v>
      </c>
      <c r="E6401">
        <v>11099.4</v>
      </c>
      <c r="F6401">
        <v>23.518699999999999</v>
      </c>
    </row>
    <row r="6402" spans="1:6" x14ac:dyDescent="0.25">
      <c r="A6402">
        <v>149.52000000000001</v>
      </c>
      <c r="B6402">
        <v>175</v>
      </c>
      <c r="C6402">
        <v>9527.25</v>
      </c>
      <c r="D6402">
        <v>3.4</v>
      </c>
      <c r="E6402">
        <v>11051.7</v>
      </c>
      <c r="F6402">
        <v>23.622299999999999</v>
      </c>
    </row>
    <row r="6403" spans="1:6" x14ac:dyDescent="0.25">
      <c r="A6403">
        <v>149.52000000000001</v>
      </c>
      <c r="B6403">
        <v>175</v>
      </c>
      <c r="C6403">
        <v>9527.25</v>
      </c>
      <c r="D6403">
        <v>3.7</v>
      </c>
      <c r="E6403">
        <v>11086.1</v>
      </c>
      <c r="F6403">
        <v>23.678000000000001</v>
      </c>
    </row>
    <row r="6404" spans="1:6" x14ac:dyDescent="0.25">
      <c r="A6404">
        <v>149.52000000000001</v>
      </c>
      <c r="B6404">
        <v>175</v>
      </c>
      <c r="C6404">
        <v>9527.25</v>
      </c>
      <c r="D6404">
        <v>4</v>
      </c>
      <c r="E6404">
        <v>10947.4</v>
      </c>
      <c r="F6404">
        <v>23.7349</v>
      </c>
    </row>
    <row r="6405" spans="1:6" x14ac:dyDescent="0.25">
      <c r="A6405">
        <v>149.52000000000001</v>
      </c>
      <c r="B6405">
        <v>175</v>
      </c>
      <c r="C6405">
        <v>11072.7</v>
      </c>
      <c r="D6405">
        <v>1</v>
      </c>
      <c r="E6405">
        <v>14817.3</v>
      </c>
      <c r="F6405">
        <v>21.540199999999999</v>
      </c>
    </row>
    <row r="6406" spans="1:6" x14ac:dyDescent="0.25">
      <c r="A6406">
        <v>149.52000000000001</v>
      </c>
      <c r="B6406">
        <v>175</v>
      </c>
      <c r="C6406">
        <v>11072.7</v>
      </c>
      <c r="D6406">
        <v>1.3</v>
      </c>
      <c r="E6406">
        <v>14237.7</v>
      </c>
      <c r="F6406">
        <v>22.786100000000001</v>
      </c>
    </row>
    <row r="6407" spans="1:6" x14ac:dyDescent="0.25">
      <c r="A6407">
        <v>149.52000000000001</v>
      </c>
      <c r="B6407">
        <v>175</v>
      </c>
      <c r="C6407">
        <v>11072.7</v>
      </c>
      <c r="D6407">
        <v>1.6</v>
      </c>
      <c r="E6407">
        <v>13522.1</v>
      </c>
      <c r="F6407">
        <v>22.901700000000002</v>
      </c>
    </row>
    <row r="6408" spans="1:6" x14ac:dyDescent="0.25">
      <c r="A6408">
        <v>149.52000000000001</v>
      </c>
      <c r="B6408">
        <v>175</v>
      </c>
      <c r="C6408">
        <v>11072.7</v>
      </c>
      <c r="D6408">
        <v>1.9</v>
      </c>
      <c r="E6408">
        <v>13264.7</v>
      </c>
      <c r="F6408">
        <v>22.9786</v>
      </c>
    </row>
    <row r="6409" spans="1:6" x14ac:dyDescent="0.25">
      <c r="A6409">
        <v>149.52000000000001</v>
      </c>
      <c r="B6409">
        <v>175</v>
      </c>
      <c r="C6409">
        <v>11072.7</v>
      </c>
      <c r="D6409">
        <v>2.2000000000000002</v>
      </c>
      <c r="E6409">
        <v>12903.9</v>
      </c>
      <c r="F6409">
        <v>23.001799999999999</v>
      </c>
    </row>
    <row r="6410" spans="1:6" x14ac:dyDescent="0.25">
      <c r="A6410">
        <v>149.52000000000001</v>
      </c>
      <c r="B6410">
        <v>175</v>
      </c>
      <c r="C6410">
        <v>11072.7</v>
      </c>
      <c r="D6410">
        <v>2.5</v>
      </c>
      <c r="E6410">
        <v>12652.2</v>
      </c>
      <c r="F6410">
        <v>22.958500000000001</v>
      </c>
    </row>
    <row r="6411" spans="1:6" x14ac:dyDescent="0.25">
      <c r="A6411">
        <v>149.52000000000001</v>
      </c>
      <c r="B6411">
        <v>175</v>
      </c>
      <c r="C6411">
        <v>11072.7</v>
      </c>
      <c r="D6411">
        <v>2.8</v>
      </c>
      <c r="E6411">
        <v>12757.8</v>
      </c>
      <c r="F6411">
        <v>23.4129</v>
      </c>
    </row>
    <row r="6412" spans="1:6" x14ac:dyDescent="0.25">
      <c r="A6412">
        <v>149.52000000000001</v>
      </c>
      <c r="B6412">
        <v>175</v>
      </c>
      <c r="C6412">
        <v>11072.7</v>
      </c>
      <c r="D6412">
        <v>3.1</v>
      </c>
      <c r="E6412">
        <v>12573.8</v>
      </c>
      <c r="F6412">
        <v>23.518699999999999</v>
      </c>
    </row>
    <row r="6413" spans="1:6" x14ac:dyDescent="0.25">
      <c r="A6413">
        <v>149.52000000000001</v>
      </c>
      <c r="B6413">
        <v>175</v>
      </c>
      <c r="C6413">
        <v>11072.7</v>
      </c>
      <c r="D6413">
        <v>3.4</v>
      </c>
      <c r="E6413">
        <v>12702.5</v>
      </c>
      <c r="F6413">
        <v>23.622299999999999</v>
      </c>
    </row>
    <row r="6414" spans="1:6" x14ac:dyDescent="0.25">
      <c r="A6414">
        <v>149.52000000000001</v>
      </c>
      <c r="B6414">
        <v>175</v>
      </c>
      <c r="C6414">
        <v>11072.7</v>
      </c>
      <c r="D6414">
        <v>3.7</v>
      </c>
      <c r="E6414">
        <v>12603.9</v>
      </c>
      <c r="F6414">
        <v>23.678000000000001</v>
      </c>
    </row>
    <row r="6415" spans="1:6" x14ac:dyDescent="0.25">
      <c r="A6415">
        <v>149.52000000000001</v>
      </c>
      <c r="B6415">
        <v>175</v>
      </c>
      <c r="C6415">
        <v>11072.7</v>
      </c>
      <c r="D6415">
        <v>4</v>
      </c>
      <c r="E6415">
        <v>12458.4</v>
      </c>
      <c r="F6415">
        <v>23.7349</v>
      </c>
    </row>
    <row r="6416" spans="1:6" x14ac:dyDescent="0.25">
      <c r="A6416">
        <v>149.52000000000001</v>
      </c>
      <c r="B6416">
        <v>175</v>
      </c>
      <c r="C6416">
        <v>12618.2</v>
      </c>
      <c r="D6416">
        <v>1</v>
      </c>
      <c r="E6416">
        <v>16376.1</v>
      </c>
      <c r="F6416">
        <v>21.540199999999999</v>
      </c>
    </row>
    <row r="6417" spans="1:6" x14ac:dyDescent="0.25">
      <c r="A6417">
        <v>149.52000000000001</v>
      </c>
      <c r="B6417">
        <v>175</v>
      </c>
      <c r="C6417">
        <v>12618.2</v>
      </c>
      <c r="D6417">
        <v>1.3</v>
      </c>
      <c r="E6417">
        <v>15429.1</v>
      </c>
      <c r="F6417">
        <v>22.786100000000001</v>
      </c>
    </row>
    <row r="6418" spans="1:6" x14ac:dyDescent="0.25">
      <c r="A6418">
        <v>149.52000000000001</v>
      </c>
      <c r="B6418">
        <v>175</v>
      </c>
      <c r="C6418">
        <v>12618.2</v>
      </c>
      <c r="D6418">
        <v>1.6</v>
      </c>
      <c r="E6418">
        <v>15194.8</v>
      </c>
      <c r="F6418">
        <v>22.901700000000002</v>
      </c>
    </row>
    <row r="6419" spans="1:6" x14ac:dyDescent="0.25">
      <c r="A6419">
        <v>149.52000000000001</v>
      </c>
      <c r="B6419">
        <v>175</v>
      </c>
      <c r="C6419">
        <v>12618.2</v>
      </c>
      <c r="D6419">
        <v>1.9</v>
      </c>
      <c r="E6419">
        <v>14633</v>
      </c>
      <c r="F6419">
        <v>22.9786</v>
      </c>
    </row>
    <row r="6420" spans="1:6" x14ac:dyDescent="0.25">
      <c r="A6420">
        <v>149.52000000000001</v>
      </c>
      <c r="B6420">
        <v>175</v>
      </c>
      <c r="C6420">
        <v>12618.2</v>
      </c>
      <c r="D6420">
        <v>2.2000000000000002</v>
      </c>
      <c r="E6420">
        <v>14555.5</v>
      </c>
      <c r="F6420">
        <v>23.001799999999999</v>
      </c>
    </row>
    <row r="6421" spans="1:6" x14ac:dyDescent="0.25">
      <c r="A6421">
        <v>149.52000000000001</v>
      </c>
      <c r="B6421">
        <v>175</v>
      </c>
      <c r="C6421">
        <v>12618.2</v>
      </c>
      <c r="D6421">
        <v>2.5</v>
      </c>
      <c r="E6421">
        <v>14243.8</v>
      </c>
      <c r="F6421">
        <v>22.958500000000001</v>
      </c>
    </row>
    <row r="6422" spans="1:6" x14ac:dyDescent="0.25">
      <c r="A6422">
        <v>149.52000000000001</v>
      </c>
      <c r="B6422">
        <v>175</v>
      </c>
      <c r="C6422">
        <v>12618.2</v>
      </c>
      <c r="D6422">
        <v>2.8</v>
      </c>
      <c r="E6422">
        <v>14233.3</v>
      </c>
      <c r="F6422">
        <v>23.4129</v>
      </c>
    </row>
    <row r="6423" spans="1:6" x14ac:dyDescent="0.25">
      <c r="A6423">
        <v>149.52000000000001</v>
      </c>
      <c r="B6423">
        <v>175</v>
      </c>
      <c r="C6423">
        <v>12618.2</v>
      </c>
      <c r="D6423">
        <v>3.1</v>
      </c>
      <c r="E6423">
        <v>14124.7</v>
      </c>
      <c r="F6423">
        <v>23.518699999999999</v>
      </c>
    </row>
    <row r="6424" spans="1:6" x14ac:dyDescent="0.25">
      <c r="A6424">
        <v>149.52000000000001</v>
      </c>
      <c r="B6424">
        <v>175</v>
      </c>
      <c r="C6424">
        <v>12618.2</v>
      </c>
      <c r="D6424">
        <v>3.4</v>
      </c>
      <c r="E6424">
        <v>14092.3</v>
      </c>
      <c r="F6424">
        <v>23.622299999999999</v>
      </c>
    </row>
    <row r="6425" spans="1:6" x14ac:dyDescent="0.25">
      <c r="A6425">
        <v>149.52000000000001</v>
      </c>
      <c r="B6425">
        <v>175</v>
      </c>
      <c r="C6425">
        <v>12618.2</v>
      </c>
      <c r="D6425">
        <v>3.7</v>
      </c>
      <c r="E6425">
        <v>13982.5</v>
      </c>
      <c r="F6425">
        <v>23.678000000000001</v>
      </c>
    </row>
    <row r="6426" spans="1:6" x14ac:dyDescent="0.25">
      <c r="A6426">
        <v>149.52000000000001</v>
      </c>
      <c r="B6426">
        <v>175</v>
      </c>
      <c r="C6426">
        <v>12618.2</v>
      </c>
      <c r="D6426">
        <v>4</v>
      </c>
      <c r="E6426">
        <v>13925.6</v>
      </c>
      <c r="F6426">
        <v>23.7349</v>
      </c>
    </row>
    <row r="6427" spans="1:6" x14ac:dyDescent="0.25">
      <c r="A6427">
        <v>149.52000000000001</v>
      </c>
      <c r="B6427">
        <v>175</v>
      </c>
      <c r="C6427">
        <v>14163.6</v>
      </c>
      <c r="D6427">
        <v>1</v>
      </c>
      <c r="E6427">
        <v>17982.2</v>
      </c>
      <c r="F6427">
        <v>21.540199999999999</v>
      </c>
    </row>
    <row r="6428" spans="1:6" x14ac:dyDescent="0.25">
      <c r="A6428">
        <v>149.52000000000001</v>
      </c>
      <c r="B6428">
        <v>175</v>
      </c>
      <c r="C6428">
        <v>14163.6</v>
      </c>
      <c r="D6428">
        <v>1.3</v>
      </c>
      <c r="E6428">
        <v>17074.599999999999</v>
      </c>
      <c r="F6428">
        <v>22.786100000000001</v>
      </c>
    </row>
    <row r="6429" spans="1:6" x14ac:dyDescent="0.25">
      <c r="A6429">
        <v>149.52000000000001</v>
      </c>
      <c r="B6429">
        <v>175</v>
      </c>
      <c r="C6429">
        <v>14163.6</v>
      </c>
      <c r="D6429">
        <v>1.6</v>
      </c>
      <c r="E6429">
        <v>16616.8</v>
      </c>
      <c r="F6429">
        <v>22.901700000000002</v>
      </c>
    </row>
    <row r="6430" spans="1:6" x14ac:dyDescent="0.25">
      <c r="A6430">
        <v>149.52000000000001</v>
      </c>
      <c r="B6430">
        <v>175</v>
      </c>
      <c r="C6430">
        <v>14163.6</v>
      </c>
      <c r="D6430">
        <v>1.9</v>
      </c>
      <c r="E6430">
        <v>16202.3</v>
      </c>
      <c r="F6430">
        <v>22.9786</v>
      </c>
    </row>
    <row r="6431" spans="1:6" x14ac:dyDescent="0.25">
      <c r="A6431">
        <v>149.52000000000001</v>
      </c>
      <c r="B6431">
        <v>175</v>
      </c>
      <c r="C6431">
        <v>14163.6</v>
      </c>
      <c r="D6431">
        <v>2.2000000000000002</v>
      </c>
      <c r="E6431">
        <v>16003.7</v>
      </c>
      <c r="F6431">
        <v>23.001799999999999</v>
      </c>
    </row>
    <row r="6432" spans="1:6" x14ac:dyDescent="0.25">
      <c r="A6432">
        <v>149.52000000000001</v>
      </c>
      <c r="B6432">
        <v>175</v>
      </c>
      <c r="C6432">
        <v>14163.6</v>
      </c>
      <c r="D6432">
        <v>2.5</v>
      </c>
      <c r="E6432">
        <v>15959.6</v>
      </c>
      <c r="F6432">
        <v>22.958500000000001</v>
      </c>
    </row>
    <row r="6433" spans="1:6" x14ac:dyDescent="0.25">
      <c r="A6433">
        <v>149.52000000000001</v>
      </c>
      <c r="B6433">
        <v>175</v>
      </c>
      <c r="C6433">
        <v>14163.6</v>
      </c>
      <c r="D6433">
        <v>2.8</v>
      </c>
      <c r="E6433">
        <v>15862.5</v>
      </c>
      <c r="F6433">
        <v>23.4129</v>
      </c>
    </row>
    <row r="6434" spans="1:6" x14ac:dyDescent="0.25">
      <c r="A6434">
        <v>149.52000000000001</v>
      </c>
      <c r="B6434">
        <v>175</v>
      </c>
      <c r="C6434">
        <v>14163.6</v>
      </c>
      <c r="D6434">
        <v>3.1</v>
      </c>
      <c r="E6434">
        <v>15839.4</v>
      </c>
      <c r="F6434">
        <v>23.518699999999999</v>
      </c>
    </row>
    <row r="6435" spans="1:6" x14ac:dyDescent="0.25">
      <c r="A6435">
        <v>149.52000000000001</v>
      </c>
      <c r="B6435">
        <v>175</v>
      </c>
      <c r="C6435">
        <v>14163.6</v>
      </c>
      <c r="D6435">
        <v>3.4</v>
      </c>
      <c r="E6435">
        <v>15638.1</v>
      </c>
      <c r="F6435">
        <v>23.622299999999999</v>
      </c>
    </row>
    <row r="6436" spans="1:6" x14ac:dyDescent="0.25">
      <c r="A6436">
        <v>149.52000000000001</v>
      </c>
      <c r="B6436">
        <v>175</v>
      </c>
      <c r="C6436">
        <v>14163.6</v>
      </c>
      <c r="D6436">
        <v>3.7</v>
      </c>
      <c r="E6436">
        <v>15740.4</v>
      </c>
      <c r="F6436">
        <v>23.678000000000001</v>
      </c>
    </row>
    <row r="6437" spans="1:6" x14ac:dyDescent="0.25">
      <c r="A6437">
        <v>149.52000000000001</v>
      </c>
      <c r="B6437">
        <v>175</v>
      </c>
      <c r="C6437">
        <v>14163.6</v>
      </c>
      <c r="D6437">
        <v>4</v>
      </c>
      <c r="E6437">
        <v>15605.2</v>
      </c>
      <c r="F6437">
        <v>23.7349</v>
      </c>
    </row>
    <row r="6438" spans="1:6" x14ac:dyDescent="0.25">
      <c r="A6438">
        <v>149.52000000000001</v>
      </c>
      <c r="B6438">
        <v>175</v>
      </c>
      <c r="C6438">
        <v>15709.1</v>
      </c>
      <c r="D6438">
        <v>1</v>
      </c>
      <c r="E6438">
        <v>19543.900000000001</v>
      </c>
      <c r="F6438">
        <v>21.540199999999999</v>
      </c>
    </row>
    <row r="6439" spans="1:6" x14ac:dyDescent="0.25">
      <c r="A6439">
        <v>149.52000000000001</v>
      </c>
      <c r="B6439">
        <v>175</v>
      </c>
      <c r="C6439">
        <v>15709.1</v>
      </c>
      <c r="D6439">
        <v>1.3</v>
      </c>
      <c r="E6439">
        <v>18856.3</v>
      </c>
      <c r="F6439">
        <v>22.786100000000001</v>
      </c>
    </row>
    <row r="6440" spans="1:6" x14ac:dyDescent="0.25">
      <c r="A6440">
        <v>149.52000000000001</v>
      </c>
      <c r="B6440">
        <v>175</v>
      </c>
      <c r="C6440">
        <v>15709.1</v>
      </c>
      <c r="D6440">
        <v>1.6</v>
      </c>
      <c r="E6440">
        <v>18038.2</v>
      </c>
      <c r="F6440">
        <v>22.901700000000002</v>
      </c>
    </row>
    <row r="6441" spans="1:6" x14ac:dyDescent="0.25">
      <c r="A6441">
        <v>149.52000000000001</v>
      </c>
      <c r="B6441">
        <v>175</v>
      </c>
      <c r="C6441">
        <v>15709.1</v>
      </c>
      <c r="D6441">
        <v>1.9</v>
      </c>
      <c r="E6441">
        <v>17754.7</v>
      </c>
      <c r="F6441">
        <v>22.9786</v>
      </c>
    </row>
    <row r="6442" spans="1:6" x14ac:dyDescent="0.25">
      <c r="A6442">
        <v>149.52000000000001</v>
      </c>
      <c r="B6442">
        <v>175</v>
      </c>
      <c r="C6442">
        <v>15709.1</v>
      </c>
      <c r="D6442">
        <v>2.2000000000000002</v>
      </c>
      <c r="E6442">
        <v>17541.599999999999</v>
      </c>
      <c r="F6442">
        <v>23.001799999999999</v>
      </c>
    </row>
    <row r="6443" spans="1:6" x14ac:dyDescent="0.25">
      <c r="A6443">
        <v>149.52000000000001</v>
      </c>
      <c r="B6443">
        <v>175</v>
      </c>
      <c r="C6443">
        <v>15709.1</v>
      </c>
      <c r="D6443">
        <v>2.5</v>
      </c>
      <c r="E6443">
        <v>17519.900000000001</v>
      </c>
      <c r="F6443">
        <v>22.958500000000001</v>
      </c>
    </row>
    <row r="6444" spans="1:6" x14ac:dyDescent="0.25">
      <c r="A6444">
        <v>149.52000000000001</v>
      </c>
      <c r="B6444">
        <v>175</v>
      </c>
      <c r="C6444">
        <v>15709.1</v>
      </c>
      <c r="D6444">
        <v>2.8</v>
      </c>
      <c r="E6444">
        <v>17316.3</v>
      </c>
      <c r="F6444">
        <v>23.4129</v>
      </c>
    </row>
    <row r="6445" spans="1:6" x14ac:dyDescent="0.25">
      <c r="A6445">
        <v>149.52000000000001</v>
      </c>
      <c r="B6445">
        <v>175</v>
      </c>
      <c r="C6445">
        <v>15709.1</v>
      </c>
      <c r="D6445">
        <v>3.1</v>
      </c>
      <c r="E6445">
        <v>17329.400000000001</v>
      </c>
      <c r="F6445">
        <v>23.518699999999999</v>
      </c>
    </row>
    <row r="6446" spans="1:6" x14ac:dyDescent="0.25">
      <c r="A6446">
        <v>149.52000000000001</v>
      </c>
      <c r="B6446">
        <v>175</v>
      </c>
      <c r="C6446">
        <v>15709.1</v>
      </c>
      <c r="D6446">
        <v>3.4</v>
      </c>
      <c r="E6446">
        <v>17115.7</v>
      </c>
      <c r="F6446">
        <v>23.622299999999999</v>
      </c>
    </row>
    <row r="6447" spans="1:6" x14ac:dyDescent="0.25">
      <c r="A6447">
        <v>149.52000000000001</v>
      </c>
      <c r="B6447">
        <v>175</v>
      </c>
      <c r="C6447">
        <v>15709.1</v>
      </c>
      <c r="D6447">
        <v>3.7</v>
      </c>
      <c r="E6447">
        <v>17125.3</v>
      </c>
      <c r="F6447">
        <v>23.678000000000001</v>
      </c>
    </row>
    <row r="6448" spans="1:6" x14ac:dyDescent="0.25">
      <c r="A6448">
        <v>149.52000000000001</v>
      </c>
      <c r="B6448">
        <v>175</v>
      </c>
      <c r="C6448">
        <v>15709.1</v>
      </c>
      <c r="D6448">
        <v>4</v>
      </c>
      <c r="E6448">
        <v>17022.5</v>
      </c>
      <c r="F6448">
        <v>23.7349</v>
      </c>
    </row>
    <row r="6449" spans="1:6" x14ac:dyDescent="0.25">
      <c r="A6449">
        <v>149.52000000000001</v>
      </c>
      <c r="B6449">
        <v>175</v>
      </c>
      <c r="C6449">
        <v>17254.5</v>
      </c>
      <c r="D6449">
        <v>1</v>
      </c>
      <c r="E6449">
        <v>21171</v>
      </c>
      <c r="F6449">
        <v>21.540199999999999</v>
      </c>
    </row>
    <row r="6450" spans="1:6" x14ac:dyDescent="0.25">
      <c r="A6450">
        <v>149.52000000000001</v>
      </c>
      <c r="B6450">
        <v>175</v>
      </c>
      <c r="C6450">
        <v>17254.5</v>
      </c>
      <c r="D6450">
        <v>1.3</v>
      </c>
      <c r="E6450">
        <v>20205.2</v>
      </c>
      <c r="F6450">
        <v>22.786100000000001</v>
      </c>
    </row>
    <row r="6451" spans="1:6" x14ac:dyDescent="0.25">
      <c r="A6451">
        <v>149.52000000000001</v>
      </c>
      <c r="B6451">
        <v>175</v>
      </c>
      <c r="C6451">
        <v>17254.5</v>
      </c>
      <c r="D6451">
        <v>1.6</v>
      </c>
      <c r="E6451">
        <v>19656.8</v>
      </c>
      <c r="F6451">
        <v>22.901700000000002</v>
      </c>
    </row>
    <row r="6452" spans="1:6" x14ac:dyDescent="0.25">
      <c r="A6452">
        <v>149.52000000000001</v>
      </c>
      <c r="B6452">
        <v>175</v>
      </c>
      <c r="C6452">
        <v>17254.5</v>
      </c>
      <c r="D6452">
        <v>1.9</v>
      </c>
      <c r="E6452">
        <v>19351.2</v>
      </c>
      <c r="F6452">
        <v>22.9786</v>
      </c>
    </row>
    <row r="6453" spans="1:6" x14ac:dyDescent="0.25">
      <c r="A6453">
        <v>149.52000000000001</v>
      </c>
      <c r="B6453">
        <v>175</v>
      </c>
      <c r="C6453">
        <v>17254.5</v>
      </c>
      <c r="D6453">
        <v>2.2000000000000002</v>
      </c>
      <c r="E6453">
        <v>19149.7</v>
      </c>
      <c r="F6453">
        <v>23.001799999999999</v>
      </c>
    </row>
    <row r="6454" spans="1:6" x14ac:dyDescent="0.25">
      <c r="A6454">
        <v>149.52000000000001</v>
      </c>
      <c r="B6454">
        <v>175</v>
      </c>
      <c r="C6454">
        <v>17254.5</v>
      </c>
      <c r="D6454">
        <v>2.5</v>
      </c>
      <c r="E6454">
        <v>19028.3</v>
      </c>
      <c r="F6454">
        <v>22.958500000000001</v>
      </c>
    </row>
    <row r="6455" spans="1:6" x14ac:dyDescent="0.25">
      <c r="A6455">
        <v>149.52000000000001</v>
      </c>
      <c r="B6455">
        <v>175</v>
      </c>
      <c r="C6455">
        <v>17254.5</v>
      </c>
      <c r="D6455">
        <v>2.8</v>
      </c>
      <c r="E6455">
        <v>18918.5</v>
      </c>
      <c r="F6455">
        <v>23.4129</v>
      </c>
    </row>
    <row r="6456" spans="1:6" x14ac:dyDescent="0.25">
      <c r="A6456">
        <v>149.52000000000001</v>
      </c>
      <c r="B6456">
        <v>175</v>
      </c>
      <c r="C6456">
        <v>17254.5</v>
      </c>
      <c r="D6456">
        <v>3.1</v>
      </c>
      <c r="E6456">
        <v>18835.8</v>
      </c>
      <c r="F6456">
        <v>23.518699999999999</v>
      </c>
    </row>
    <row r="6457" spans="1:6" x14ac:dyDescent="0.25">
      <c r="A6457">
        <v>149.52000000000001</v>
      </c>
      <c r="B6457">
        <v>175</v>
      </c>
      <c r="C6457">
        <v>17254.5</v>
      </c>
      <c r="D6457">
        <v>3.4</v>
      </c>
      <c r="E6457">
        <v>18671.099999999999</v>
      </c>
      <c r="F6457">
        <v>23.622299999999999</v>
      </c>
    </row>
    <row r="6458" spans="1:6" x14ac:dyDescent="0.25">
      <c r="A6458">
        <v>149.52000000000001</v>
      </c>
      <c r="B6458">
        <v>175</v>
      </c>
      <c r="C6458">
        <v>17254.5</v>
      </c>
      <c r="D6458">
        <v>3.7</v>
      </c>
      <c r="E6458">
        <v>18599</v>
      </c>
      <c r="F6458">
        <v>23.678000000000001</v>
      </c>
    </row>
    <row r="6459" spans="1:6" x14ac:dyDescent="0.25">
      <c r="A6459">
        <v>149.52000000000001</v>
      </c>
      <c r="B6459">
        <v>175</v>
      </c>
      <c r="C6459">
        <v>17254.5</v>
      </c>
      <c r="D6459">
        <v>4</v>
      </c>
      <c r="E6459">
        <v>18612.900000000001</v>
      </c>
      <c r="F6459">
        <v>23.7349</v>
      </c>
    </row>
    <row r="6460" spans="1:6" x14ac:dyDescent="0.25">
      <c r="A6460">
        <v>149.52000000000001</v>
      </c>
      <c r="B6460">
        <v>175</v>
      </c>
      <c r="C6460">
        <v>18800</v>
      </c>
      <c r="D6460">
        <v>1</v>
      </c>
      <c r="E6460">
        <v>22665.7</v>
      </c>
      <c r="F6460">
        <v>21.540199999999999</v>
      </c>
    </row>
    <row r="6461" spans="1:6" x14ac:dyDescent="0.25">
      <c r="A6461">
        <v>149.52000000000001</v>
      </c>
      <c r="B6461">
        <v>175</v>
      </c>
      <c r="C6461">
        <v>18800</v>
      </c>
      <c r="D6461">
        <v>1.3</v>
      </c>
      <c r="E6461">
        <v>21756.2</v>
      </c>
      <c r="F6461">
        <v>22.786100000000001</v>
      </c>
    </row>
    <row r="6462" spans="1:6" x14ac:dyDescent="0.25">
      <c r="A6462">
        <v>149.52000000000001</v>
      </c>
      <c r="B6462">
        <v>175</v>
      </c>
      <c r="C6462">
        <v>18800</v>
      </c>
      <c r="D6462">
        <v>1.6</v>
      </c>
      <c r="E6462">
        <v>21252.3</v>
      </c>
      <c r="F6462">
        <v>22.901700000000002</v>
      </c>
    </row>
    <row r="6463" spans="1:6" x14ac:dyDescent="0.25">
      <c r="A6463">
        <v>149.52000000000001</v>
      </c>
      <c r="B6463">
        <v>175</v>
      </c>
      <c r="C6463">
        <v>18800</v>
      </c>
      <c r="D6463">
        <v>1.9</v>
      </c>
      <c r="E6463">
        <v>20864.900000000001</v>
      </c>
      <c r="F6463">
        <v>22.9786</v>
      </c>
    </row>
    <row r="6464" spans="1:6" x14ac:dyDescent="0.25">
      <c r="A6464">
        <v>149.52000000000001</v>
      </c>
      <c r="B6464">
        <v>175</v>
      </c>
      <c r="C6464">
        <v>18800</v>
      </c>
      <c r="D6464">
        <v>2.2000000000000002</v>
      </c>
      <c r="E6464">
        <v>20534.599999999999</v>
      </c>
      <c r="F6464">
        <v>23.001799999999999</v>
      </c>
    </row>
    <row r="6465" spans="1:6" x14ac:dyDescent="0.25">
      <c r="A6465">
        <v>149.52000000000001</v>
      </c>
      <c r="B6465">
        <v>175</v>
      </c>
      <c r="C6465">
        <v>18800</v>
      </c>
      <c r="D6465">
        <v>2.5</v>
      </c>
      <c r="E6465">
        <v>20400.5</v>
      </c>
      <c r="F6465">
        <v>22.958500000000001</v>
      </c>
    </row>
    <row r="6466" spans="1:6" x14ac:dyDescent="0.25">
      <c r="A6466">
        <v>149.52000000000001</v>
      </c>
      <c r="B6466">
        <v>175</v>
      </c>
      <c r="C6466">
        <v>18800</v>
      </c>
      <c r="D6466">
        <v>2.8</v>
      </c>
      <c r="E6466">
        <v>20420.099999999999</v>
      </c>
      <c r="F6466">
        <v>23.4129</v>
      </c>
    </row>
    <row r="6467" spans="1:6" x14ac:dyDescent="0.25">
      <c r="A6467">
        <v>149.52000000000001</v>
      </c>
      <c r="B6467">
        <v>175</v>
      </c>
      <c r="C6467">
        <v>18800</v>
      </c>
      <c r="D6467">
        <v>3.1</v>
      </c>
      <c r="E6467">
        <v>20411.900000000001</v>
      </c>
      <c r="F6467">
        <v>23.518699999999999</v>
      </c>
    </row>
    <row r="6468" spans="1:6" x14ac:dyDescent="0.25">
      <c r="A6468">
        <v>149.52000000000001</v>
      </c>
      <c r="B6468">
        <v>175</v>
      </c>
      <c r="C6468">
        <v>18800</v>
      </c>
      <c r="D6468">
        <v>3.4</v>
      </c>
      <c r="E6468">
        <v>20282</v>
      </c>
      <c r="F6468">
        <v>23.622299999999999</v>
      </c>
    </row>
    <row r="6469" spans="1:6" x14ac:dyDescent="0.25">
      <c r="A6469">
        <v>149.52000000000001</v>
      </c>
      <c r="B6469">
        <v>175</v>
      </c>
      <c r="C6469">
        <v>18800</v>
      </c>
      <c r="D6469">
        <v>3.7</v>
      </c>
      <c r="E6469">
        <v>20127.5</v>
      </c>
      <c r="F6469">
        <v>23.678000000000001</v>
      </c>
    </row>
    <row r="6470" spans="1:6" x14ac:dyDescent="0.25">
      <c r="A6470">
        <v>149.52000000000001</v>
      </c>
      <c r="B6470">
        <v>175</v>
      </c>
      <c r="C6470">
        <v>18800</v>
      </c>
      <c r="D6470">
        <v>4</v>
      </c>
      <c r="E6470">
        <v>20096.3</v>
      </c>
      <c r="F6470">
        <v>23.7349</v>
      </c>
    </row>
    <row r="6471" spans="1:6" x14ac:dyDescent="0.25">
      <c r="A6471">
        <v>149.52000000000001</v>
      </c>
      <c r="B6471">
        <v>178.63</v>
      </c>
      <c r="C6471">
        <v>1800</v>
      </c>
      <c r="D6471">
        <v>1</v>
      </c>
      <c r="E6471">
        <v>5488.62</v>
      </c>
      <c r="F6471">
        <v>44.874200000000002</v>
      </c>
    </row>
    <row r="6472" spans="1:6" x14ac:dyDescent="0.25">
      <c r="A6472">
        <v>149.52000000000001</v>
      </c>
      <c r="B6472">
        <v>178.63</v>
      </c>
      <c r="C6472">
        <v>1800</v>
      </c>
      <c r="D6472">
        <v>1.3</v>
      </c>
      <c r="E6472">
        <v>5033.49</v>
      </c>
      <c r="F6472">
        <v>56.9039</v>
      </c>
    </row>
    <row r="6473" spans="1:6" x14ac:dyDescent="0.25">
      <c r="A6473">
        <v>149.52000000000001</v>
      </c>
      <c r="B6473">
        <v>178.63</v>
      </c>
      <c r="C6473">
        <v>1800</v>
      </c>
      <c r="D6473">
        <v>1.6</v>
      </c>
      <c r="E6473">
        <v>4705.8999999999996</v>
      </c>
      <c r="F6473">
        <v>69.694900000000004</v>
      </c>
    </row>
    <row r="6474" spans="1:6" x14ac:dyDescent="0.25">
      <c r="A6474">
        <v>149.52000000000001</v>
      </c>
      <c r="B6474">
        <v>178.63</v>
      </c>
      <c r="C6474">
        <v>1800</v>
      </c>
      <c r="D6474">
        <v>1.9</v>
      </c>
      <c r="E6474">
        <v>4424.62</v>
      </c>
      <c r="F6474">
        <v>75.4773</v>
      </c>
    </row>
    <row r="6475" spans="1:6" x14ac:dyDescent="0.25">
      <c r="A6475">
        <v>149.52000000000001</v>
      </c>
      <c r="B6475">
        <v>178.63</v>
      </c>
      <c r="C6475">
        <v>1800</v>
      </c>
      <c r="D6475">
        <v>2.2000000000000002</v>
      </c>
      <c r="E6475">
        <v>4263.45</v>
      </c>
      <c r="F6475">
        <v>82.6006</v>
      </c>
    </row>
    <row r="6476" spans="1:6" x14ac:dyDescent="0.25">
      <c r="A6476">
        <v>149.52000000000001</v>
      </c>
      <c r="B6476">
        <v>178.63</v>
      </c>
      <c r="C6476">
        <v>1800</v>
      </c>
      <c r="D6476">
        <v>2.5</v>
      </c>
      <c r="E6476">
        <v>4113.5200000000004</v>
      </c>
      <c r="F6476">
        <v>86.092500000000001</v>
      </c>
    </row>
    <row r="6477" spans="1:6" x14ac:dyDescent="0.25">
      <c r="A6477">
        <v>149.52000000000001</v>
      </c>
      <c r="B6477">
        <v>178.63</v>
      </c>
      <c r="C6477">
        <v>1800</v>
      </c>
      <c r="D6477">
        <v>2.8</v>
      </c>
      <c r="E6477">
        <v>4063.45</v>
      </c>
      <c r="F6477">
        <v>88.096900000000005</v>
      </c>
    </row>
    <row r="6478" spans="1:6" x14ac:dyDescent="0.25">
      <c r="A6478">
        <v>149.52000000000001</v>
      </c>
      <c r="B6478">
        <v>178.63</v>
      </c>
      <c r="C6478">
        <v>1800</v>
      </c>
      <c r="D6478">
        <v>3.1</v>
      </c>
      <c r="E6478">
        <v>3952.26</v>
      </c>
      <c r="F6478">
        <v>90.079800000000006</v>
      </c>
    </row>
    <row r="6479" spans="1:6" x14ac:dyDescent="0.25">
      <c r="A6479">
        <v>149.52000000000001</v>
      </c>
      <c r="B6479">
        <v>178.63</v>
      </c>
      <c r="C6479">
        <v>1800</v>
      </c>
      <c r="D6479">
        <v>3.4</v>
      </c>
      <c r="E6479">
        <v>3862.95</v>
      </c>
      <c r="F6479">
        <v>92.099400000000003</v>
      </c>
    </row>
    <row r="6480" spans="1:6" x14ac:dyDescent="0.25">
      <c r="A6480">
        <v>149.52000000000001</v>
      </c>
      <c r="B6480">
        <v>178.63</v>
      </c>
      <c r="C6480">
        <v>1800</v>
      </c>
      <c r="D6480">
        <v>3.7</v>
      </c>
      <c r="E6480">
        <v>3889.49</v>
      </c>
      <c r="F6480">
        <v>94.842500000000001</v>
      </c>
    </row>
    <row r="6481" spans="1:6" x14ac:dyDescent="0.25">
      <c r="A6481">
        <v>149.52000000000001</v>
      </c>
      <c r="B6481">
        <v>178.63</v>
      </c>
      <c r="C6481">
        <v>1800</v>
      </c>
      <c r="D6481">
        <v>4</v>
      </c>
      <c r="E6481">
        <v>3800.24</v>
      </c>
      <c r="F6481">
        <v>95.407200000000003</v>
      </c>
    </row>
    <row r="6482" spans="1:6" x14ac:dyDescent="0.25">
      <c r="A6482">
        <v>149.52000000000001</v>
      </c>
      <c r="B6482">
        <v>178.63</v>
      </c>
      <c r="C6482">
        <v>3345.45</v>
      </c>
      <c r="D6482">
        <v>1</v>
      </c>
      <c r="E6482">
        <v>6783.38</v>
      </c>
      <c r="F6482">
        <v>17.0105</v>
      </c>
    </row>
    <row r="6483" spans="1:6" x14ac:dyDescent="0.25">
      <c r="A6483">
        <v>149.52000000000001</v>
      </c>
      <c r="B6483">
        <v>178.63</v>
      </c>
      <c r="C6483">
        <v>3345.45</v>
      </c>
      <c r="D6483">
        <v>1.3</v>
      </c>
      <c r="E6483">
        <v>6366.27</v>
      </c>
      <c r="F6483">
        <v>17.636600000000001</v>
      </c>
    </row>
    <row r="6484" spans="1:6" x14ac:dyDescent="0.25">
      <c r="A6484">
        <v>149.52000000000001</v>
      </c>
      <c r="B6484">
        <v>178.63</v>
      </c>
      <c r="C6484">
        <v>3345.45</v>
      </c>
      <c r="D6484">
        <v>1.6</v>
      </c>
      <c r="E6484">
        <v>5802.51</v>
      </c>
      <c r="F6484">
        <v>20.6312</v>
      </c>
    </row>
    <row r="6485" spans="1:6" x14ac:dyDescent="0.25">
      <c r="A6485">
        <v>149.52000000000001</v>
      </c>
      <c r="B6485">
        <v>178.63</v>
      </c>
      <c r="C6485">
        <v>3345.45</v>
      </c>
      <c r="D6485">
        <v>1.9</v>
      </c>
      <c r="E6485">
        <v>5781.79</v>
      </c>
      <c r="F6485">
        <v>24.9299</v>
      </c>
    </row>
    <row r="6486" spans="1:6" x14ac:dyDescent="0.25">
      <c r="A6486">
        <v>149.52000000000001</v>
      </c>
      <c r="B6486">
        <v>178.63</v>
      </c>
      <c r="C6486">
        <v>3345.45</v>
      </c>
      <c r="D6486">
        <v>2.2000000000000002</v>
      </c>
      <c r="E6486">
        <v>5437.08</v>
      </c>
      <c r="F6486">
        <v>28.912600000000001</v>
      </c>
    </row>
    <row r="6487" spans="1:6" x14ac:dyDescent="0.25">
      <c r="A6487">
        <v>149.52000000000001</v>
      </c>
      <c r="B6487">
        <v>178.63</v>
      </c>
      <c r="C6487">
        <v>3345.45</v>
      </c>
      <c r="D6487">
        <v>2.5</v>
      </c>
      <c r="E6487">
        <v>5417.86</v>
      </c>
      <c r="F6487">
        <v>30.214200000000002</v>
      </c>
    </row>
    <row r="6488" spans="1:6" x14ac:dyDescent="0.25">
      <c r="A6488">
        <v>149.52000000000001</v>
      </c>
      <c r="B6488">
        <v>178.63</v>
      </c>
      <c r="C6488">
        <v>3345.45</v>
      </c>
      <c r="D6488">
        <v>2.8</v>
      </c>
      <c r="E6488">
        <v>5160.37</v>
      </c>
      <c r="F6488">
        <v>35.080399999999997</v>
      </c>
    </row>
    <row r="6489" spans="1:6" x14ac:dyDescent="0.25">
      <c r="A6489">
        <v>149.52000000000001</v>
      </c>
      <c r="B6489">
        <v>178.63</v>
      </c>
      <c r="C6489">
        <v>3345.45</v>
      </c>
      <c r="D6489">
        <v>3.1</v>
      </c>
      <c r="E6489">
        <v>5171.3</v>
      </c>
      <c r="F6489">
        <v>37.653799999999997</v>
      </c>
    </row>
    <row r="6490" spans="1:6" x14ac:dyDescent="0.25">
      <c r="A6490">
        <v>149.52000000000001</v>
      </c>
      <c r="B6490">
        <v>178.63</v>
      </c>
      <c r="C6490">
        <v>3345.45</v>
      </c>
      <c r="D6490">
        <v>3.4</v>
      </c>
      <c r="E6490">
        <v>5052.34</v>
      </c>
      <c r="F6490">
        <v>40.274500000000003</v>
      </c>
    </row>
    <row r="6491" spans="1:6" x14ac:dyDescent="0.25">
      <c r="A6491">
        <v>149.52000000000001</v>
      </c>
      <c r="B6491">
        <v>178.63</v>
      </c>
      <c r="C6491">
        <v>3345.45</v>
      </c>
      <c r="D6491">
        <v>3.7</v>
      </c>
      <c r="E6491">
        <v>4948.0200000000004</v>
      </c>
      <c r="F6491">
        <v>42.905200000000001</v>
      </c>
    </row>
    <row r="6492" spans="1:6" x14ac:dyDescent="0.25">
      <c r="A6492">
        <v>149.52000000000001</v>
      </c>
      <c r="B6492">
        <v>178.63</v>
      </c>
      <c r="C6492">
        <v>3345.45</v>
      </c>
      <c r="D6492">
        <v>4</v>
      </c>
      <c r="E6492">
        <v>4923.99</v>
      </c>
      <c r="F6492">
        <v>44.071399999999997</v>
      </c>
    </row>
    <row r="6493" spans="1:6" x14ac:dyDescent="0.25">
      <c r="A6493">
        <v>149.52000000000001</v>
      </c>
      <c r="B6493">
        <v>178.63</v>
      </c>
      <c r="C6493">
        <v>4890.8999999999996</v>
      </c>
      <c r="D6493">
        <v>1</v>
      </c>
      <c r="E6493">
        <v>8588.7999999999993</v>
      </c>
      <c r="F6493">
        <v>20.322199999999999</v>
      </c>
    </row>
    <row r="6494" spans="1:6" x14ac:dyDescent="0.25">
      <c r="A6494">
        <v>149.52000000000001</v>
      </c>
      <c r="B6494">
        <v>178.63</v>
      </c>
      <c r="C6494">
        <v>4890.8999999999996</v>
      </c>
      <c r="D6494">
        <v>1.3</v>
      </c>
      <c r="E6494">
        <v>7725.44</v>
      </c>
      <c r="F6494">
        <v>21.410900000000002</v>
      </c>
    </row>
    <row r="6495" spans="1:6" x14ac:dyDescent="0.25">
      <c r="A6495">
        <v>149.52000000000001</v>
      </c>
      <c r="B6495">
        <v>178.63</v>
      </c>
      <c r="C6495">
        <v>4890.8999999999996</v>
      </c>
      <c r="D6495">
        <v>1.6</v>
      </c>
      <c r="E6495">
        <v>7343.97</v>
      </c>
      <c r="F6495">
        <v>19.643599999999999</v>
      </c>
    </row>
    <row r="6496" spans="1:6" x14ac:dyDescent="0.25">
      <c r="A6496">
        <v>149.52000000000001</v>
      </c>
      <c r="B6496">
        <v>178.63</v>
      </c>
      <c r="C6496">
        <v>4890.8999999999996</v>
      </c>
      <c r="D6496">
        <v>1.9</v>
      </c>
      <c r="E6496">
        <v>7102.24</v>
      </c>
      <c r="F6496">
        <v>20.131399999999999</v>
      </c>
    </row>
    <row r="6497" spans="1:6" x14ac:dyDescent="0.25">
      <c r="A6497">
        <v>149.52000000000001</v>
      </c>
      <c r="B6497">
        <v>178.63</v>
      </c>
      <c r="C6497">
        <v>4890.8999999999996</v>
      </c>
      <c r="D6497">
        <v>2.2000000000000002</v>
      </c>
      <c r="E6497">
        <v>6834.96</v>
      </c>
      <c r="F6497">
        <v>20.537600000000001</v>
      </c>
    </row>
    <row r="6498" spans="1:6" x14ac:dyDescent="0.25">
      <c r="A6498">
        <v>149.52000000000001</v>
      </c>
      <c r="B6498">
        <v>178.63</v>
      </c>
      <c r="C6498">
        <v>4890.8999999999996</v>
      </c>
      <c r="D6498">
        <v>2.5</v>
      </c>
      <c r="E6498">
        <v>6892.92</v>
      </c>
      <c r="F6498">
        <v>20.933599999999998</v>
      </c>
    </row>
    <row r="6499" spans="1:6" x14ac:dyDescent="0.25">
      <c r="A6499">
        <v>149.52000000000001</v>
      </c>
      <c r="B6499">
        <v>178.63</v>
      </c>
      <c r="C6499">
        <v>4890.8999999999996</v>
      </c>
      <c r="D6499">
        <v>2.8</v>
      </c>
      <c r="E6499">
        <v>6488.8</v>
      </c>
      <c r="F6499">
        <v>18.745899999999999</v>
      </c>
    </row>
    <row r="6500" spans="1:6" x14ac:dyDescent="0.25">
      <c r="A6500">
        <v>149.52000000000001</v>
      </c>
      <c r="B6500">
        <v>178.63</v>
      </c>
      <c r="C6500">
        <v>4890.8999999999996</v>
      </c>
      <c r="D6500">
        <v>3.1</v>
      </c>
      <c r="E6500">
        <v>6409.41</v>
      </c>
      <c r="F6500">
        <v>18.652000000000001</v>
      </c>
    </row>
    <row r="6501" spans="1:6" x14ac:dyDescent="0.25">
      <c r="A6501">
        <v>149.52000000000001</v>
      </c>
      <c r="B6501">
        <v>178.63</v>
      </c>
      <c r="C6501">
        <v>4890.8999999999996</v>
      </c>
      <c r="D6501">
        <v>3.4</v>
      </c>
      <c r="E6501">
        <v>6322.13</v>
      </c>
      <c r="F6501">
        <v>18.764600000000002</v>
      </c>
    </row>
    <row r="6502" spans="1:6" x14ac:dyDescent="0.25">
      <c r="A6502">
        <v>149.52000000000001</v>
      </c>
      <c r="B6502">
        <v>178.63</v>
      </c>
      <c r="C6502">
        <v>4890.8999999999996</v>
      </c>
      <c r="D6502">
        <v>3.7</v>
      </c>
      <c r="E6502">
        <v>6263.15</v>
      </c>
      <c r="F6502">
        <v>18.8599</v>
      </c>
    </row>
    <row r="6503" spans="1:6" x14ac:dyDescent="0.25">
      <c r="A6503">
        <v>149.52000000000001</v>
      </c>
      <c r="B6503">
        <v>178.63</v>
      </c>
      <c r="C6503">
        <v>4890.8999999999996</v>
      </c>
      <c r="D6503">
        <v>4</v>
      </c>
      <c r="E6503">
        <v>6286.9</v>
      </c>
      <c r="F6503">
        <v>19.108499999999999</v>
      </c>
    </row>
    <row r="6504" spans="1:6" x14ac:dyDescent="0.25">
      <c r="A6504">
        <v>149.52000000000001</v>
      </c>
      <c r="B6504">
        <v>178.63</v>
      </c>
      <c r="C6504">
        <v>6436.35</v>
      </c>
      <c r="D6504">
        <v>1</v>
      </c>
      <c r="E6504">
        <v>10332</v>
      </c>
      <c r="F6504">
        <v>21.540199999999999</v>
      </c>
    </row>
    <row r="6505" spans="1:6" x14ac:dyDescent="0.25">
      <c r="A6505">
        <v>149.52000000000001</v>
      </c>
      <c r="B6505">
        <v>178.63</v>
      </c>
      <c r="C6505">
        <v>6436.35</v>
      </c>
      <c r="D6505">
        <v>1.3</v>
      </c>
      <c r="E6505">
        <v>9190.61</v>
      </c>
      <c r="F6505">
        <v>22.786100000000001</v>
      </c>
    </row>
    <row r="6506" spans="1:6" x14ac:dyDescent="0.25">
      <c r="A6506">
        <v>149.52000000000001</v>
      </c>
      <c r="B6506">
        <v>178.63</v>
      </c>
      <c r="C6506">
        <v>6436.35</v>
      </c>
      <c r="D6506">
        <v>1.6</v>
      </c>
      <c r="E6506">
        <v>8854.19</v>
      </c>
      <c r="F6506">
        <v>22.901700000000002</v>
      </c>
    </row>
    <row r="6507" spans="1:6" x14ac:dyDescent="0.25">
      <c r="A6507">
        <v>149.52000000000001</v>
      </c>
      <c r="B6507">
        <v>178.63</v>
      </c>
      <c r="C6507">
        <v>6436.35</v>
      </c>
      <c r="D6507">
        <v>1.9</v>
      </c>
      <c r="E6507">
        <v>8721.2199999999993</v>
      </c>
      <c r="F6507">
        <v>22.9786</v>
      </c>
    </row>
    <row r="6508" spans="1:6" x14ac:dyDescent="0.25">
      <c r="A6508">
        <v>149.52000000000001</v>
      </c>
      <c r="B6508">
        <v>178.63</v>
      </c>
      <c r="C6508">
        <v>6436.35</v>
      </c>
      <c r="D6508">
        <v>2.2000000000000002</v>
      </c>
      <c r="E6508">
        <v>8209.76</v>
      </c>
      <c r="F6508">
        <v>23.001799999999999</v>
      </c>
    </row>
    <row r="6509" spans="1:6" x14ac:dyDescent="0.25">
      <c r="A6509">
        <v>149.52000000000001</v>
      </c>
      <c r="B6509">
        <v>178.63</v>
      </c>
      <c r="C6509">
        <v>6436.35</v>
      </c>
      <c r="D6509">
        <v>2.5</v>
      </c>
      <c r="E6509">
        <v>8098.76</v>
      </c>
      <c r="F6509">
        <v>22.958500000000001</v>
      </c>
    </row>
    <row r="6510" spans="1:6" x14ac:dyDescent="0.25">
      <c r="A6510">
        <v>149.52000000000001</v>
      </c>
      <c r="B6510">
        <v>178.63</v>
      </c>
      <c r="C6510">
        <v>6436.35</v>
      </c>
      <c r="D6510">
        <v>2.8</v>
      </c>
      <c r="E6510">
        <v>7912.62</v>
      </c>
      <c r="F6510">
        <v>23.4129</v>
      </c>
    </row>
    <row r="6511" spans="1:6" x14ac:dyDescent="0.25">
      <c r="A6511">
        <v>149.52000000000001</v>
      </c>
      <c r="B6511">
        <v>178.63</v>
      </c>
      <c r="C6511">
        <v>6436.35</v>
      </c>
      <c r="D6511">
        <v>3.1</v>
      </c>
      <c r="E6511">
        <v>7808.72</v>
      </c>
      <c r="F6511">
        <v>23.518699999999999</v>
      </c>
    </row>
    <row r="6512" spans="1:6" x14ac:dyDescent="0.25">
      <c r="A6512">
        <v>149.52000000000001</v>
      </c>
      <c r="B6512">
        <v>178.63</v>
      </c>
      <c r="C6512">
        <v>6436.35</v>
      </c>
      <c r="D6512">
        <v>3.4</v>
      </c>
      <c r="E6512">
        <v>7724.11</v>
      </c>
      <c r="F6512">
        <v>23.622299999999999</v>
      </c>
    </row>
    <row r="6513" spans="1:6" x14ac:dyDescent="0.25">
      <c r="A6513">
        <v>149.52000000000001</v>
      </c>
      <c r="B6513">
        <v>178.63</v>
      </c>
      <c r="C6513">
        <v>6436.35</v>
      </c>
      <c r="D6513">
        <v>3.7</v>
      </c>
      <c r="E6513">
        <v>7771.11</v>
      </c>
      <c r="F6513">
        <v>23.678000000000001</v>
      </c>
    </row>
    <row r="6514" spans="1:6" x14ac:dyDescent="0.25">
      <c r="A6514">
        <v>149.52000000000001</v>
      </c>
      <c r="B6514">
        <v>178.63</v>
      </c>
      <c r="C6514">
        <v>6436.35</v>
      </c>
      <c r="D6514">
        <v>4</v>
      </c>
      <c r="E6514">
        <v>7704.07</v>
      </c>
      <c r="F6514">
        <v>23.7349</v>
      </c>
    </row>
    <row r="6515" spans="1:6" x14ac:dyDescent="0.25">
      <c r="A6515">
        <v>149.52000000000001</v>
      </c>
      <c r="B6515">
        <v>178.63</v>
      </c>
      <c r="C6515">
        <v>7981.8</v>
      </c>
      <c r="D6515">
        <v>1</v>
      </c>
      <c r="E6515">
        <v>11527.2</v>
      </c>
      <c r="F6515">
        <v>21.540199999999999</v>
      </c>
    </row>
    <row r="6516" spans="1:6" x14ac:dyDescent="0.25">
      <c r="A6516">
        <v>149.52000000000001</v>
      </c>
      <c r="B6516">
        <v>178.63</v>
      </c>
      <c r="C6516">
        <v>7981.8</v>
      </c>
      <c r="D6516">
        <v>1.3</v>
      </c>
      <c r="E6516">
        <v>10937.1</v>
      </c>
      <c r="F6516">
        <v>22.786100000000001</v>
      </c>
    </row>
    <row r="6517" spans="1:6" x14ac:dyDescent="0.25">
      <c r="A6517">
        <v>149.52000000000001</v>
      </c>
      <c r="B6517">
        <v>178.63</v>
      </c>
      <c r="C6517">
        <v>7981.8</v>
      </c>
      <c r="D6517">
        <v>1.6</v>
      </c>
      <c r="E6517">
        <v>10474.200000000001</v>
      </c>
      <c r="F6517">
        <v>22.901700000000002</v>
      </c>
    </row>
    <row r="6518" spans="1:6" x14ac:dyDescent="0.25">
      <c r="A6518">
        <v>149.52000000000001</v>
      </c>
      <c r="B6518">
        <v>178.63</v>
      </c>
      <c r="C6518">
        <v>7981.8</v>
      </c>
      <c r="D6518">
        <v>1.9</v>
      </c>
      <c r="E6518">
        <v>10069.200000000001</v>
      </c>
      <c r="F6518">
        <v>22.9786</v>
      </c>
    </row>
    <row r="6519" spans="1:6" x14ac:dyDescent="0.25">
      <c r="A6519">
        <v>149.52000000000001</v>
      </c>
      <c r="B6519">
        <v>178.63</v>
      </c>
      <c r="C6519">
        <v>7981.8</v>
      </c>
      <c r="D6519">
        <v>2.2000000000000002</v>
      </c>
      <c r="E6519">
        <v>9773.23</v>
      </c>
      <c r="F6519">
        <v>23.001799999999999</v>
      </c>
    </row>
    <row r="6520" spans="1:6" x14ac:dyDescent="0.25">
      <c r="A6520">
        <v>149.52000000000001</v>
      </c>
      <c r="B6520">
        <v>178.63</v>
      </c>
      <c r="C6520">
        <v>7981.8</v>
      </c>
      <c r="D6520">
        <v>2.5</v>
      </c>
      <c r="E6520">
        <v>9553.8799999999992</v>
      </c>
      <c r="F6520">
        <v>22.958500000000001</v>
      </c>
    </row>
    <row r="6521" spans="1:6" x14ac:dyDescent="0.25">
      <c r="A6521">
        <v>149.52000000000001</v>
      </c>
      <c r="B6521">
        <v>178.63</v>
      </c>
      <c r="C6521">
        <v>7981.8</v>
      </c>
      <c r="D6521">
        <v>2.8</v>
      </c>
      <c r="E6521">
        <v>9680.34</v>
      </c>
      <c r="F6521">
        <v>23.4129</v>
      </c>
    </row>
    <row r="6522" spans="1:6" x14ac:dyDescent="0.25">
      <c r="A6522">
        <v>149.52000000000001</v>
      </c>
      <c r="B6522">
        <v>178.63</v>
      </c>
      <c r="C6522">
        <v>7981.8</v>
      </c>
      <c r="D6522">
        <v>3.1</v>
      </c>
      <c r="E6522">
        <v>9413.7099999999991</v>
      </c>
      <c r="F6522">
        <v>23.518699999999999</v>
      </c>
    </row>
    <row r="6523" spans="1:6" x14ac:dyDescent="0.25">
      <c r="A6523">
        <v>149.52000000000001</v>
      </c>
      <c r="B6523">
        <v>178.63</v>
      </c>
      <c r="C6523">
        <v>7981.8</v>
      </c>
      <c r="D6523">
        <v>3.4</v>
      </c>
      <c r="E6523">
        <v>9293.43</v>
      </c>
      <c r="F6523">
        <v>23.622299999999999</v>
      </c>
    </row>
    <row r="6524" spans="1:6" x14ac:dyDescent="0.25">
      <c r="A6524">
        <v>149.52000000000001</v>
      </c>
      <c r="B6524">
        <v>178.63</v>
      </c>
      <c r="C6524">
        <v>7981.8</v>
      </c>
      <c r="D6524">
        <v>3.7</v>
      </c>
      <c r="E6524">
        <v>9460.4500000000007</v>
      </c>
      <c r="F6524">
        <v>23.678000000000001</v>
      </c>
    </row>
    <row r="6525" spans="1:6" x14ac:dyDescent="0.25">
      <c r="A6525">
        <v>149.52000000000001</v>
      </c>
      <c r="B6525">
        <v>178.63</v>
      </c>
      <c r="C6525">
        <v>7981.8</v>
      </c>
      <c r="D6525">
        <v>4</v>
      </c>
      <c r="E6525">
        <v>9142.5400000000009</v>
      </c>
      <c r="F6525">
        <v>23.7349</v>
      </c>
    </row>
    <row r="6526" spans="1:6" x14ac:dyDescent="0.25">
      <c r="A6526">
        <v>149.52000000000001</v>
      </c>
      <c r="B6526">
        <v>178.63</v>
      </c>
      <c r="C6526">
        <v>9527.25</v>
      </c>
      <c r="D6526">
        <v>1</v>
      </c>
      <c r="E6526">
        <v>13492.1</v>
      </c>
      <c r="F6526">
        <v>21.540199999999999</v>
      </c>
    </row>
    <row r="6527" spans="1:6" x14ac:dyDescent="0.25">
      <c r="A6527">
        <v>149.52000000000001</v>
      </c>
      <c r="B6527">
        <v>178.63</v>
      </c>
      <c r="C6527">
        <v>9527.25</v>
      </c>
      <c r="D6527">
        <v>1.3</v>
      </c>
      <c r="E6527">
        <v>12468.6</v>
      </c>
      <c r="F6527">
        <v>22.786100000000001</v>
      </c>
    </row>
    <row r="6528" spans="1:6" x14ac:dyDescent="0.25">
      <c r="A6528">
        <v>149.52000000000001</v>
      </c>
      <c r="B6528">
        <v>178.63</v>
      </c>
      <c r="C6528">
        <v>9527.25</v>
      </c>
      <c r="D6528">
        <v>1.6</v>
      </c>
      <c r="E6528">
        <v>11922.4</v>
      </c>
      <c r="F6528">
        <v>22.901700000000002</v>
      </c>
    </row>
    <row r="6529" spans="1:6" x14ac:dyDescent="0.25">
      <c r="A6529">
        <v>149.52000000000001</v>
      </c>
      <c r="B6529">
        <v>178.63</v>
      </c>
      <c r="C6529">
        <v>9527.25</v>
      </c>
      <c r="D6529">
        <v>1.9</v>
      </c>
      <c r="E6529">
        <v>11511.7</v>
      </c>
      <c r="F6529">
        <v>22.9786</v>
      </c>
    </row>
    <row r="6530" spans="1:6" x14ac:dyDescent="0.25">
      <c r="A6530">
        <v>149.52000000000001</v>
      </c>
      <c r="B6530">
        <v>178.63</v>
      </c>
      <c r="C6530">
        <v>9527.25</v>
      </c>
      <c r="D6530">
        <v>2.2000000000000002</v>
      </c>
      <c r="E6530">
        <v>11300.1</v>
      </c>
      <c r="F6530">
        <v>23.001799999999999</v>
      </c>
    </row>
    <row r="6531" spans="1:6" x14ac:dyDescent="0.25">
      <c r="A6531">
        <v>149.52000000000001</v>
      </c>
      <c r="B6531">
        <v>178.63</v>
      </c>
      <c r="C6531">
        <v>9527.25</v>
      </c>
      <c r="D6531">
        <v>2.5</v>
      </c>
      <c r="E6531">
        <v>11092.4</v>
      </c>
      <c r="F6531">
        <v>22.958500000000001</v>
      </c>
    </row>
    <row r="6532" spans="1:6" x14ac:dyDescent="0.25">
      <c r="A6532">
        <v>149.52000000000001</v>
      </c>
      <c r="B6532">
        <v>178.63</v>
      </c>
      <c r="C6532">
        <v>9527.25</v>
      </c>
      <c r="D6532">
        <v>2.8</v>
      </c>
      <c r="E6532">
        <v>11064.2</v>
      </c>
      <c r="F6532">
        <v>23.4129</v>
      </c>
    </row>
    <row r="6533" spans="1:6" x14ac:dyDescent="0.25">
      <c r="A6533">
        <v>149.52000000000001</v>
      </c>
      <c r="B6533">
        <v>178.63</v>
      </c>
      <c r="C6533">
        <v>9527.25</v>
      </c>
      <c r="D6533">
        <v>3.1</v>
      </c>
      <c r="E6533">
        <v>11112</v>
      </c>
      <c r="F6533">
        <v>23.518699999999999</v>
      </c>
    </row>
    <row r="6534" spans="1:6" x14ac:dyDescent="0.25">
      <c r="A6534">
        <v>149.52000000000001</v>
      </c>
      <c r="B6534">
        <v>178.63</v>
      </c>
      <c r="C6534">
        <v>9527.25</v>
      </c>
      <c r="D6534">
        <v>3.4</v>
      </c>
      <c r="E6534">
        <v>10841.4</v>
      </c>
      <c r="F6534">
        <v>23.622299999999999</v>
      </c>
    </row>
    <row r="6535" spans="1:6" x14ac:dyDescent="0.25">
      <c r="A6535">
        <v>149.52000000000001</v>
      </c>
      <c r="B6535">
        <v>178.63</v>
      </c>
      <c r="C6535">
        <v>9527.25</v>
      </c>
      <c r="D6535">
        <v>3.7</v>
      </c>
      <c r="E6535">
        <v>10815.6</v>
      </c>
      <c r="F6535">
        <v>23.678000000000001</v>
      </c>
    </row>
    <row r="6536" spans="1:6" x14ac:dyDescent="0.25">
      <c r="A6536">
        <v>149.52000000000001</v>
      </c>
      <c r="B6536">
        <v>178.63</v>
      </c>
      <c r="C6536">
        <v>9527.25</v>
      </c>
      <c r="D6536">
        <v>4</v>
      </c>
      <c r="E6536">
        <v>10806.1</v>
      </c>
      <c r="F6536">
        <v>23.7349</v>
      </c>
    </row>
    <row r="6537" spans="1:6" x14ac:dyDescent="0.25">
      <c r="A6537">
        <v>149.52000000000001</v>
      </c>
      <c r="B6537">
        <v>178.63</v>
      </c>
      <c r="C6537">
        <v>11072.7</v>
      </c>
      <c r="D6537">
        <v>1</v>
      </c>
      <c r="E6537">
        <v>14817.3</v>
      </c>
      <c r="F6537">
        <v>21.540199999999999</v>
      </c>
    </row>
    <row r="6538" spans="1:6" x14ac:dyDescent="0.25">
      <c r="A6538">
        <v>149.52000000000001</v>
      </c>
      <c r="B6538">
        <v>178.63</v>
      </c>
      <c r="C6538">
        <v>11072.7</v>
      </c>
      <c r="D6538">
        <v>1.3</v>
      </c>
      <c r="E6538">
        <v>13972.6</v>
      </c>
      <c r="F6538">
        <v>22.786100000000001</v>
      </c>
    </row>
    <row r="6539" spans="1:6" x14ac:dyDescent="0.25">
      <c r="A6539">
        <v>149.52000000000001</v>
      </c>
      <c r="B6539">
        <v>178.63</v>
      </c>
      <c r="C6539">
        <v>11072.7</v>
      </c>
      <c r="D6539">
        <v>1.6</v>
      </c>
      <c r="E6539">
        <v>13415.5</v>
      </c>
      <c r="F6539">
        <v>22.901700000000002</v>
      </c>
    </row>
    <row r="6540" spans="1:6" x14ac:dyDescent="0.25">
      <c r="A6540">
        <v>149.52000000000001</v>
      </c>
      <c r="B6540">
        <v>178.63</v>
      </c>
      <c r="C6540">
        <v>11072.7</v>
      </c>
      <c r="D6540">
        <v>1.9</v>
      </c>
      <c r="E6540">
        <v>13234.3</v>
      </c>
      <c r="F6540">
        <v>22.9786</v>
      </c>
    </row>
    <row r="6541" spans="1:6" x14ac:dyDescent="0.25">
      <c r="A6541">
        <v>149.52000000000001</v>
      </c>
      <c r="B6541">
        <v>178.63</v>
      </c>
      <c r="C6541">
        <v>11072.7</v>
      </c>
      <c r="D6541">
        <v>2.2000000000000002</v>
      </c>
      <c r="E6541">
        <v>12879.8</v>
      </c>
      <c r="F6541">
        <v>23.001799999999999</v>
      </c>
    </row>
    <row r="6542" spans="1:6" x14ac:dyDescent="0.25">
      <c r="A6542">
        <v>149.52000000000001</v>
      </c>
      <c r="B6542">
        <v>178.63</v>
      </c>
      <c r="C6542">
        <v>11072.7</v>
      </c>
      <c r="D6542">
        <v>2.5</v>
      </c>
      <c r="E6542">
        <v>12679.2</v>
      </c>
      <c r="F6542">
        <v>22.958500000000001</v>
      </c>
    </row>
    <row r="6543" spans="1:6" x14ac:dyDescent="0.25">
      <c r="A6543">
        <v>149.52000000000001</v>
      </c>
      <c r="B6543">
        <v>178.63</v>
      </c>
      <c r="C6543">
        <v>11072.7</v>
      </c>
      <c r="D6543">
        <v>2.8</v>
      </c>
      <c r="E6543">
        <v>12757.8</v>
      </c>
      <c r="F6543">
        <v>23.4129</v>
      </c>
    </row>
    <row r="6544" spans="1:6" x14ac:dyDescent="0.25">
      <c r="A6544">
        <v>149.52000000000001</v>
      </c>
      <c r="B6544">
        <v>178.63</v>
      </c>
      <c r="C6544">
        <v>11072.7</v>
      </c>
      <c r="D6544">
        <v>3.1</v>
      </c>
      <c r="E6544">
        <v>12573.8</v>
      </c>
      <c r="F6544">
        <v>23.518699999999999</v>
      </c>
    </row>
    <row r="6545" spans="1:6" x14ac:dyDescent="0.25">
      <c r="A6545">
        <v>149.52000000000001</v>
      </c>
      <c r="B6545">
        <v>178.63</v>
      </c>
      <c r="C6545">
        <v>11072.7</v>
      </c>
      <c r="D6545">
        <v>3.4</v>
      </c>
      <c r="E6545">
        <v>12414.9</v>
      </c>
      <c r="F6545">
        <v>23.622299999999999</v>
      </c>
    </row>
    <row r="6546" spans="1:6" x14ac:dyDescent="0.25">
      <c r="A6546">
        <v>149.52000000000001</v>
      </c>
      <c r="B6546">
        <v>178.63</v>
      </c>
      <c r="C6546">
        <v>11072.7</v>
      </c>
      <c r="D6546">
        <v>3.7</v>
      </c>
      <c r="E6546">
        <v>12319.8</v>
      </c>
      <c r="F6546">
        <v>23.678000000000001</v>
      </c>
    </row>
    <row r="6547" spans="1:6" x14ac:dyDescent="0.25">
      <c r="A6547">
        <v>149.52000000000001</v>
      </c>
      <c r="B6547">
        <v>178.63</v>
      </c>
      <c r="C6547">
        <v>11072.7</v>
      </c>
      <c r="D6547">
        <v>4</v>
      </c>
      <c r="E6547">
        <v>12258.3</v>
      </c>
      <c r="F6547">
        <v>23.7349</v>
      </c>
    </row>
    <row r="6548" spans="1:6" x14ac:dyDescent="0.25">
      <c r="A6548">
        <v>149.52000000000001</v>
      </c>
      <c r="B6548">
        <v>178.63</v>
      </c>
      <c r="C6548">
        <v>12618.2</v>
      </c>
      <c r="D6548">
        <v>1</v>
      </c>
      <c r="E6548">
        <v>16376.1</v>
      </c>
      <c r="F6548">
        <v>21.540199999999999</v>
      </c>
    </row>
    <row r="6549" spans="1:6" x14ac:dyDescent="0.25">
      <c r="A6549">
        <v>149.52000000000001</v>
      </c>
      <c r="B6549">
        <v>178.63</v>
      </c>
      <c r="C6549">
        <v>12618.2</v>
      </c>
      <c r="D6549">
        <v>1.3</v>
      </c>
      <c r="E6549">
        <v>15360.2</v>
      </c>
      <c r="F6549">
        <v>22.786100000000001</v>
      </c>
    </row>
    <row r="6550" spans="1:6" x14ac:dyDescent="0.25">
      <c r="A6550">
        <v>149.52000000000001</v>
      </c>
      <c r="B6550">
        <v>178.63</v>
      </c>
      <c r="C6550">
        <v>12618.2</v>
      </c>
      <c r="D6550">
        <v>1.6</v>
      </c>
      <c r="E6550">
        <v>15156.2</v>
      </c>
      <c r="F6550">
        <v>22.901700000000002</v>
      </c>
    </row>
    <row r="6551" spans="1:6" x14ac:dyDescent="0.25">
      <c r="A6551">
        <v>149.52000000000001</v>
      </c>
      <c r="B6551">
        <v>178.63</v>
      </c>
      <c r="C6551">
        <v>12618.2</v>
      </c>
      <c r="D6551">
        <v>1.9</v>
      </c>
      <c r="E6551">
        <v>14683.3</v>
      </c>
      <c r="F6551">
        <v>22.9786</v>
      </c>
    </row>
    <row r="6552" spans="1:6" x14ac:dyDescent="0.25">
      <c r="A6552">
        <v>149.52000000000001</v>
      </c>
      <c r="B6552">
        <v>178.63</v>
      </c>
      <c r="C6552">
        <v>12618.2</v>
      </c>
      <c r="D6552">
        <v>2.2000000000000002</v>
      </c>
      <c r="E6552">
        <v>14455.1</v>
      </c>
      <c r="F6552">
        <v>23.001799999999999</v>
      </c>
    </row>
    <row r="6553" spans="1:6" x14ac:dyDescent="0.25">
      <c r="A6553">
        <v>149.52000000000001</v>
      </c>
      <c r="B6553">
        <v>178.63</v>
      </c>
      <c r="C6553">
        <v>12618.2</v>
      </c>
      <c r="D6553">
        <v>2.5</v>
      </c>
      <c r="E6553">
        <v>14170.8</v>
      </c>
      <c r="F6553">
        <v>22.958500000000001</v>
      </c>
    </row>
    <row r="6554" spans="1:6" x14ac:dyDescent="0.25">
      <c r="A6554">
        <v>149.52000000000001</v>
      </c>
      <c r="B6554">
        <v>178.63</v>
      </c>
      <c r="C6554">
        <v>12618.2</v>
      </c>
      <c r="D6554">
        <v>2.8</v>
      </c>
      <c r="E6554">
        <v>14247.9</v>
      </c>
      <c r="F6554">
        <v>23.4129</v>
      </c>
    </row>
    <row r="6555" spans="1:6" x14ac:dyDescent="0.25">
      <c r="A6555">
        <v>149.52000000000001</v>
      </c>
      <c r="B6555">
        <v>178.63</v>
      </c>
      <c r="C6555">
        <v>12618.2</v>
      </c>
      <c r="D6555">
        <v>3.1</v>
      </c>
      <c r="E6555">
        <v>14134.9</v>
      </c>
      <c r="F6555">
        <v>23.518699999999999</v>
      </c>
    </row>
    <row r="6556" spans="1:6" x14ac:dyDescent="0.25">
      <c r="A6556">
        <v>149.52000000000001</v>
      </c>
      <c r="B6556">
        <v>178.63</v>
      </c>
      <c r="C6556">
        <v>12618.2</v>
      </c>
      <c r="D6556">
        <v>3.4</v>
      </c>
      <c r="E6556">
        <v>14059.5</v>
      </c>
      <c r="F6556">
        <v>23.622299999999999</v>
      </c>
    </row>
    <row r="6557" spans="1:6" x14ac:dyDescent="0.25">
      <c r="A6557">
        <v>149.52000000000001</v>
      </c>
      <c r="B6557">
        <v>178.63</v>
      </c>
      <c r="C6557">
        <v>12618.2</v>
      </c>
      <c r="D6557">
        <v>3.7</v>
      </c>
      <c r="E6557">
        <v>13993.6</v>
      </c>
      <c r="F6557">
        <v>23.678000000000001</v>
      </c>
    </row>
    <row r="6558" spans="1:6" x14ac:dyDescent="0.25">
      <c r="A6558">
        <v>149.52000000000001</v>
      </c>
      <c r="B6558">
        <v>178.63</v>
      </c>
      <c r="C6558">
        <v>12618.2</v>
      </c>
      <c r="D6558">
        <v>4</v>
      </c>
      <c r="E6558">
        <v>13900.4</v>
      </c>
      <c r="F6558">
        <v>23.7349</v>
      </c>
    </row>
    <row r="6559" spans="1:6" x14ac:dyDescent="0.25">
      <c r="A6559">
        <v>149.52000000000001</v>
      </c>
      <c r="B6559">
        <v>178.63</v>
      </c>
      <c r="C6559">
        <v>14163.6</v>
      </c>
      <c r="D6559">
        <v>1</v>
      </c>
      <c r="E6559">
        <v>17897.5</v>
      </c>
      <c r="F6559">
        <v>21.540199999999999</v>
      </c>
    </row>
    <row r="6560" spans="1:6" x14ac:dyDescent="0.25">
      <c r="A6560">
        <v>149.52000000000001</v>
      </c>
      <c r="B6560">
        <v>178.63</v>
      </c>
      <c r="C6560">
        <v>14163.6</v>
      </c>
      <c r="D6560">
        <v>1.3</v>
      </c>
      <c r="E6560">
        <v>16972.900000000001</v>
      </c>
      <c r="F6560">
        <v>22.786100000000001</v>
      </c>
    </row>
    <row r="6561" spans="1:6" x14ac:dyDescent="0.25">
      <c r="A6561">
        <v>149.52000000000001</v>
      </c>
      <c r="B6561">
        <v>178.63</v>
      </c>
      <c r="C6561">
        <v>14163.6</v>
      </c>
      <c r="D6561">
        <v>1.6</v>
      </c>
      <c r="E6561">
        <v>16785.2</v>
      </c>
      <c r="F6561">
        <v>22.901700000000002</v>
      </c>
    </row>
    <row r="6562" spans="1:6" x14ac:dyDescent="0.25">
      <c r="A6562">
        <v>149.52000000000001</v>
      </c>
      <c r="B6562">
        <v>178.63</v>
      </c>
      <c r="C6562">
        <v>14163.6</v>
      </c>
      <c r="D6562">
        <v>1.9</v>
      </c>
      <c r="E6562">
        <v>16162.7</v>
      </c>
      <c r="F6562">
        <v>22.9786</v>
      </c>
    </row>
    <row r="6563" spans="1:6" x14ac:dyDescent="0.25">
      <c r="A6563">
        <v>149.52000000000001</v>
      </c>
      <c r="B6563">
        <v>178.63</v>
      </c>
      <c r="C6563">
        <v>14163.6</v>
      </c>
      <c r="D6563">
        <v>2.2000000000000002</v>
      </c>
      <c r="E6563">
        <v>16033.8</v>
      </c>
      <c r="F6563">
        <v>23.001799999999999</v>
      </c>
    </row>
    <row r="6564" spans="1:6" x14ac:dyDescent="0.25">
      <c r="A6564">
        <v>149.52000000000001</v>
      </c>
      <c r="B6564">
        <v>178.63</v>
      </c>
      <c r="C6564">
        <v>14163.6</v>
      </c>
      <c r="D6564">
        <v>2.5</v>
      </c>
      <c r="E6564">
        <v>15712.4</v>
      </c>
      <c r="F6564">
        <v>22.958500000000001</v>
      </c>
    </row>
    <row r="6565" spans="1:6" x14ac:dyDescent="0.25">
      <c r="A6565">
        <v>149.52000000000001</v>
      </c>
      <c r="B6565">
        <v>178.63</v>
      </c>
      <c r="C6565">
        <v>14163.6</v>
      </c>
      <c r="D6565">
        <v>2.8</v>
      </c>
      <c r="E6565">
        <v>15878.5</v>
      </c>
      <c r="F6565">
        <v>23.4129</v>
      </c>
    </row>
    <row r="6566" spans="1:6" x14ac:dyDescent="0.25">
      <c r="A6566">
        <v>149.52000000000001</v>
      </c>
      <c r="B6566">
        <v>178.63</v>
      </c>
      <c r="C6566">
        <v>14163.6</v>
      </c>
      <c r="D6566">
        <v>3.1</v>
      </c>
      <c r="E6566">
        <v>15617.3</v>
      </c>
      <c r="F6566">
        <v>23.518699999999999</v>
      </c>
    </row>
    <row r="6567" spans="1:6" x14ac:dyDescent="0.25">
      <c r="A6567">
        <v>149.52000000000001</v>
      </c>
      <c r="B6567">
        <v>178.63</v>
      </c>
      <c r="C6567">
        <v>14163.6</v>
      </c>
      <c r="D6567">
        <v>3.4</v>
      </c>
      <c r="E6567">
        <v>15497.2</v>
      </c>
      <c r="F6567">
        <v>23.622299999999999</v>
      </c>
    </row>
    <row r="6568" spans="1:6" x14ac:dyDescent="0.25">
      <c r="A6568">
        <v>149.52000000000001</v>
      </c>
      <c r="B6568">
        <v>178.63</v>
      </c>
      <c r="C6568">
        <v>14163.6</v>
      </c>
      <c r="D6568">
        <v>3.7</v>
      </c>
      <c r="E6568">
        <v>15485.9</v>
      </c>
      <c r="F6568">
        <v>23.678000000000001</v>
      </c>
    </row>
    <row r="6569" spans="1:6" x14ac:dyDescent="0.25">
      <c r="A6569">
        <v>149.52000000000001</v>
      </c>
      <c r="B6569">
        <v>178.63</v>
      </c>
      <c r="C6569">
        <v>14163.6</v>
      </c>
      <c r="D6569">
        <v>4</v>
      </c>
      <c r="E6569">
        <v>15385.2</v>
      </c>
      <c r="F6569">
        <v>23.7349</v>
      </c>
    </row>
    <row r="6570" spans="1:6" x14ac:dyDescent="0.25">
      <c r="A6570">
        <v>149.52000000000001</v>
      </c>
      <c r="B6570">
        <v>178.63</v>
      </c>
      <c r="C6570">
        <v>15709.1</v>
      </c>
      <c r="D6570">
        <v>1</v>
      </c>
      <c r="E6570">
        <v>19421.2</v>
      </c>
      <c r="F6570">
        <v>21.540199999999999</v>
      </c>
    </row>
    <row r="6571" spans="1:6" x14ac:dyDescent="0.25">
      <c r="A6571">
        <v>149.52000000000001</v>
      </c>
      <c r="B6571">
        <v>178.63</v>
      </c>
      <c r="C6571">
        <v>15709.1</v>
      </c>
      <c r="D6571">
        <v>1.3</v>
      </c>
      <c r="E6571">
        <v>18869.099999999999</v>
      </c>
      <c r="F6571">
        <v>22.786100000000001</v>
      </c>
    </row>
    <row r="6572" spans="1:6" x14ac:dyDescent="0.25">
      <c r="A6572">
        <v>149.52000000000001</v>
      </c>
      <c r="B6572">
        <v>178.63</v>
      </c>
      <c r="C6572">
        <v>15709.1</v>
      </c>
      <c r="D6572">
        <v>1.6</v>
      </c>
      <c r="E6572">
        <v>18275.599999999999</v>
      </c>
      <c r="F6572">
        <v>22.901700000000002</v>
      </c>
    </row>
    <row r="6573" spans="1:6" x14ac:dyDescent="0.25">
      <c r="A6573">
        <v>149.52000000000001</v>
      </c>
      <c r="B6573">
        <v>178.63</v>
      </c>
      <c r="C6573">
        <v>15709.1</v>
      </c>
      <c r="D6573">
        <v>1.9</v>
      </c>
      <c r="E6573">
        <v>17840.8</v>
      </c>
      <c r="F6573">
        <v>22.9786</v>
      </c>
    </row>
    <row r="6574" spans="1:6" x14ac:dyDescent="0.25">
      <c r="A6574">
        <v>149.52000000000001</v>
      </c>
      <c r="B6574">
        <v>178.63</v>
      </c>
      <c r="C6574">
        <v>15709.1</v>
      </c>
      <c r="D6574">
        <v>2.2000000000000002</v>
      </c>
      <c r="E6574">
        <v>17484</v>
      </c>
      <c r="F6574">
        <v>23.001799999999999</v>
      </c>
    </row>
    <row r="6575" spans="1:6" x14ac:dyDescent="0.25">
      <c r="A6575">
        <v>149.52000000000001</v>
      </c>
      <c r="B6575">
        <v>178.63</v>
      </c>
      <c r="C6575">
        <v>15709.1</v>
      </c>
      <c r="D6575">
        <v>2.5</v>
      </c>
      <c r="E6575">
        <v>17267.400000000001</v>
      </c>
      <c r="F6575">
        <v>22.958500000000001</v>
      </c>
    </row>
    <row r="6576" spans="1:6" x14ac:dyDescent="0.25">
      <c r="A6576">
        <v>149.52000000000001</v>
      </c>
      <c r="B6576">
        <v>178.63</v>
      </c>
      <c r="C6576">
        <v>15709.1</v>
      </c>
      <c r="D6576">
        <v>2.8</v>
      </c>
      <c r="E6576">
        <v>17330.900000000001</v>
      </c>
      <c r="F6576">
        <v>23.4129</v>
      </c>
    </row>
    <row r="6577" spans="1:6" x14ac:dyDescent="0.25">
      <c r="A6577">
        <v>149.52000000000001</v>
      </c>
      <c r="B6577">
        <v>178.63</v>
      </c>
      <c r="C6577">
        <v>15709.1</v>
      </c>
      <c r="D6577">
        <v>3.1</v>
      </c>
      <c r="E6577">
        <v>17107</v>
      </c>
      <c r="F6577">
        <v>23.518699999999999</v>
      </c>
    </row>
    <row r="6578" spans="1:6" x14ac:dyDescent="0.25">
      <c r="A6578">
        <v>149.52000000000001</v>
      </c>
      <c r="B6578">
        <v>178.63</v>
      </c>
      <c r="C6578">
        <v>15709.1</v>
      </c>
      <c r="D6578">
        <v>3.4</v>
      </c>
      <c r="E6578">
        <v>17078.099999999999</v>
      </c>
      <c r="F6578">
        <v>23.622299999999999</v>
      </c>
    </row>
    <row r="6579" spans="1:6" x14ac:dyDescent="0.25">
      <c r="A6579">
        <v>149.52000000000001</v>
      </c>
      <c r="B6579">
        <v>178.63</v>
      </c>
      <c r="C6579">
        <v>15709.1</v>
      </c>
      <c r="D6579">
        <v>3.7</v>
      </c>
      <c r="E6579">
        <v>16931.7</v>
      </c>
      <c r="F6579">
        <v>23.678000000000001</v>
      </c>
    </row>
    <row r="6580" spans="1:6" x14ac:dyDescent="0.25">
      <c r="A6580">
        <v>149.52000000000001</v>
      </c>
      <c r="B6580">
        <v>178.63</v>
      </c>
      <c r="C6580">
        <v>15709.1</v>
      </c>
      <c r="D6580">
        <v>4</v>
      </c>
      <c r="E6580">
        <v>16882.599999999999</v>
      </c>
      <c r="F6580">
        <v>23.7349</v>
      </c>
    </row>
    <row r="6581" spans="1:6" x14ac:dyDescent="0.25">
      <c r="A6581">
        <v>149.52000000000001</v>
      </c>
      <c r="B6581">
        <v>178.63</v>
      </c>
      <c r="C6581">
        <v>17254.5</v>
      </c>
      <c r="D6581">
        <v>1</v>
      </c>
      <c r="E6581">
        <v>21171</v>
      </c>
      <c r="F6581">
        <v>21.540199999999999</v>
      </c>
    </row>
    <row r="6582" spans="1:6" x14ac:dyDescent="0.25">
      <c r="A6582">
        <v>149.52000000000001</v>
      </c>
      <c r="B6582">
        <v>178.63</v>
      </c>
      <c r="C6582">
        <v>17254.5</v>
      </c>
      <c r="D6582">
        <v>1.3</v>
      </c>
      <c r="E6582">
        <v>20205.2</v>
      </c>
      <c r="F6582">
        <v>22.786100000000001</v>
      </c>
    </row>
    <row r="6583" spans="1:6" x14ac:dyDescent="0.25">
      <c r="A6583">
        <v>149.52000000000001</v>
      </c>
      <c r="B6583">
        <v>178.63</v>
      </c>
      <c r="C6583">
        <v>17254.5</v>
      </c>
      <c r="D6583">
        <v>1.6</v>
      </c>
      <c r="E6583">
        <v>19672</v>
      </c>
      <c r="F6583">
        <v>22.901700000000002</v>
      </c>
    </row>
    <row r="6584" spans="1:6" x14ac:dyDescent="0.25">
      <c r="A6584">
        <v>149.52000000000001</v>
      </c>
      <c r="B6584">
        <v>178.63</v>
      </c>
      <c r="C6584">
        <v>17254.5</v>
      </c>
      <c r="D6584">
        <v>1.9</v>
      </c>
      <c r="E6584">
        <v>19582.5</v>
      </c>
      <c r="F6584">
        <v>22.9786</v>
      </c>
    </row>
    <row r="6585" spans="1:6" x14ac:dyDescent="0.25">
      <c r="A6585">
        <v>149.52000000000001</v>
      </c>
      <c r="B6585">
        <v>178.63</v>
      </c>
      <c r="C6585">
        <v>17254.5</v>
      </c>
      <c r="D6585">
        <v>2.2000000000000002</v>
      </c>
      <c r="E6585">
        <v>19217.3</v>
      </c>
      <c r="F6585">
        <v>23.001799999999999</v>
      </c>
    </row>
    <row r="6586" spans="1:6" x14ac:dyDescent="0.25">
      <c r="A6586">
        <v>149.52000000000001</v>
      </c>
      <c r="B6586">
        <v>178.63</v>
      </c>
      <c r="C6586">
        <v>17254.5</v>
      </c>
      <c r="D6586">
        <v>2.5</v>
      </c>
      <c r="E6586">
        <v>18801.5</v>
      </c>
      <c r="F6586">
        <v>22.958500000000001</v>
      </c>
    </row>
    <row r="6587" spans="1:6" x14ac:dyDescent="0.25">
      <c r="A6587">
        <v>149.52000000000001</v>
      </c>
      <c r="B6587">
        <v>178.63</v>
      </c>
      <c r="C6587">
        <v>17254.5</v>
      </c>
      <c r="D6587">
        <v>2.8</v>
      </c>
      <c r="E6587">
        <v>18883.900000000001</v>
      </c>
      <c r="F6587">
        <v>23.4129</v>
      </c>
    </row>
    <row r="6588" spans="1:6" x14ac:dyDescent="0.25">
      <c r="A6588">
        <v>149.52000000000001</v>
      </c>
      <c r="B6588">
        <v>178.63</v>
      </c>
      <c r="C6588">
        <v>17254.5</v>
      </c>
      <c r="D6588">
        <v>3.1</v>
      </c>
      <c r="E6588">
        <v>18858.3</v>
      </c>
      <c r="F6588">
        <v>23.518699999999999</v>
      </c>
    </row>
    <row r="6589" spans="1:6" x14ac:dyDescent="0.25">
      <c r="A6589">
        <v>149.52000000000001</v>
      </c>
      <c r="B6589">
        <v>178.63</v>
      </c>
      <c r="C6589">
        <v>17254.5</v>
      </c>
      <c r="D6589">
        <v>3.4</v>
      </c>
      <c r="E6589">
        <v>18613.2</v>
      </c>
      <c r="F6589">
        <v>23.622299999999999</v>
      </c>
    </row>
    <row r="6590" spans="1:6" x14ac:dyDescent="0.25">
      <c r="A6590">
        <v>149.52000000000001</v>
      </c>
      <c r="B6590">
        <v>178.63</v>
      </c>
      <c r="C6590">
        <v>17254.5</v>
      </c>
      <c r="D6590">
        <v>3.7</v>
      </c>
      <c r="E6590">
        <v>18607.900000000001</v>
      </c>
      <c r="F6590">
        <v>23.678000000000001</v>
      </c>
    </row>
    <row r="6591" spans="1:6" x14ac:dyDescent="0.25">
      <c r="A6591">
        <v>149.52000000000001</v>
      </c>
      <c r="B6591">
        <v>178.63</v>
      </c>
      <c r="C6591">
        <v>17254.5</v>
      </c>
      <c r="D6591">
        <v>4</v>
      </c>
      <c r="E6591">
        <v>18525.099999999999</v>
      </c>
      <c r="F6591">
        <v>23.7349</v>
      </c>
    </row>
    <row r="6592" spans="1:6" x14ac:dyDescent="0.25">
      <c r="A6592">
        <v>149.52000000000001</v>
      </c>
      <c r="B6592">
        <v>178.63</v>
      </c>
      <c r="C6592">
        <v>18800</v>
      </c>
      <c r="D6592">
        <v>1</v>
      </c>
      <c r="E6592">
        <v>22868.799999999999</v>
      </c>
      <c r="F6592">
        <v>21.540199999999999</v>
      </c>
    </row>
    <row r="6593" spans="1:6" x14ac:dyDescent="0.25">
      <c r="A6593">
        <v>149.52000000000001</v>
      </c>
      <c r="B6593">
        <v>178.63</v>
      </c>
      <c r="C6593">
        <v>18800</v>
      </c>
      <c r="D6593">
        <v>1.3</v>
      </c>
      <c r="E6593">
        <v>21693.1</v>
      </c>
      <c r="F6593">
        <v>22.786100000000001</v>
      </c>
    </row>
    <row r="6594" spans="1:6" x14ac:dyDescent="0.25">
      <c r="A6594">
        <v>149.52000000000001</v>
      </c>
      <c r="B6594">
        <v>178.63</v>
      </c>
      <c r="C6594">
        <v>18800</v>
      </c>
      <c r="D6594">
        <v>1.6</v>
      </c>
      <c r="E6594">
        <v>21181.200000000001</v>
      </c>
      <c r="F6594">
        <v>22.901700000000002</v>
      </c>
    </row>
    <row r="6595" spans="1:6" x14ac:dyDescent="0.25">
      <c r="A6595">
        <v>149.52000000000001</v>
      </c>
      <c r="B6595">
        <v>178.63</v>
      </c>
      <c r="C6595">
        <v>18800</v>
      </c>
      <c r="D6595">
        <v>1.9</v>
      </c>
      <c r="E6595">
        <v>20872.7</v>
      </c>
      <c r="F6595">
        <v>22.9786</v>
      </c>
    </row>
    <row r="6596" spans="1:6" x14ac:dyDescent="0.25">
      <c r="A6596">
        <v>149.52000000000001</v>
      </c>
      <c r="B6596">
        <v>178.63</v>
      </c>
      <c r="C6596">
        <v>18800</v>
      </c>
      <c r="D6596">
        <v>2.2000000000000002</v>
      </c>
      <c r="E6596">
        <v>20575.599999999999</v>
      </c>
      <c r="F6596">
        <v>23.001799999999999</v>
      </c>
    </row>
    <row r="6597" spans="1:6" x14ac:dyDescent="0.25">
      <c r="A6597">
        <v>149.52000000000001</v>
      </c>
      <c r="B6597">
        <v>178.63</v>
      </c>
      <c r="C6597">
        <v>18800</v>
      </c>
      <c r="D6597">
        <v>2.5</v>
      </c>
      <c r="E6597">
        <v>20497.7</v>
      </c>
      <c r="F6597">
        <v>22.958500000000001</v>
      </c>
    </row>
    <row r="6598" spans="1:6" x14ac:dyDescent="0.25">
      <c r="A6598">
        <v>149.52000000000001</v>
      </c>
      <c r="B6598">
        <v>178.63</v>
      </c>
      <c r="C6598">
        <v>18800</v>
      </c>
      <c r="D6598">
        <v>2.8</v>
      </c>
      <c r="E6598">
        <v>20298.900000000001</v>
      </c>
      <c r="F6598">
        <v>23.4129</v>
      </c>
    </row>
    <row r="6599" spans="1:6" x14ac:dyDescent="0.25">
      <c r="A6599">
        <v>149.52000000000001</v>
      </c>
      <c r="B6599">
        <v>178.63</v>
      </c>
      <c r="C6599">
        <v>18800</v>
      </c>
      <c r="D6599">
        <v>3.1</v>
      </c>
      <c r="E6599">
        <v>20268.599999999999</v>
      </c>
      <c r="F6599">
        <v>23.518699999999999</v>
      </c>
    </row>
    <row r="6600" spans="1:6" x14ac:dyDescent="0.25">
      <c r="A6600">
        <v>149.52000000000001</v>
      </c>
      <c r="B6600">
        <v>178.63</v>
      </c>
      <c r="C6600">
        <v>18800</v>
      </c>
      <c r="D6600">
        <v>3.4</v>
      </c>
      <c r="E6600">
        <v>20094.099999999999</v>
      </c>
      <c r="F6600">
        <v>23.622299999999999</v>
      </c>
    </row>
    <row r="6601" spans="1:6" x14ac:dyDescent="0.25">
      <c r="A6601">
        <v>149.52000000000001</v>
      </c>
      <c r="B6601">
        <v>178.63</v>
      </c>
      <c r="C6601">
        <v>18800</v>
      </c>
      <c r="D6601">
        <v>3.7</v>
      </c>
      <c r="E6601">
        <v>20061.8</v>
      </c>
      <c r="F6601">
        <v>23.678000000000001</v>
      </c>
    </row>
    <row r="6602" spans="1:6" x14ac:dyDescent="0.25">
      <c r="A6602">
        <v>149.52000000000001</v>
      </c>
      <c r="B6602">
        <v>178.63</v>
      </c>
      <c r="C6602">
        <v>18800</v>
      </c>
      <c r="D6602">
        <v>4</v>
      </c>
      <c r="E6602">
        <v>20052</v>
      </c>
      <c r="F6602">
        <v>23.7349</v>
      </c>
    </row>
    <row r="6603" spans="1:6" x14ac:dyDescent="0.25">
      <c r="A6603">
        <v>149.52000000000001</v>
      </c>
      <c r="B6603">
        <v>182.26</v>
      </c>
      <c r="C6603">
        <v>1800</v>
      </c>
      <c r="D6603">
        <v>1</v>
      </c>
      <c r="E6603">
        <v>5503.5</v>
      </c>
      <c r="F6603">
        <v>44.874200000000002</v>
      </c>
    </row>
    <row r="6604" spans="1:6" x14ac:dyDescent="0.25">
      <c r="A6604">
        <v>149.52000000000001</v>
      </c>
      <c r="B6604">
        <v>182.26</v>
      </c>
      <c r="C6604">
        <v>1800</v>
      </c>
      <c r="D6604">
        <v>1.3</v>
      </c>
      <c r="E6604">
        <v>4959.28</v>
      </c>
      <c r="F6604">
        <v>55.431100000000001</v>
      </c>
    </row>
    <row r="6605" spans="1:6" x14ac:dyDescent="0.25">
      <c r="A6605">
        <v>149.52000000000001</v>
      </c>
      <c r="B6605">
        <v>182.26</v>
      </c>
      <c r="C6605">
        <v>1800</v>
      </c>
      <c r="D6605">
        <v>1.6</v>
      </c>
      <c r="E6605">
        <v>4567.97</v>
      </c>
      <c r="F6605">
        <v>64.263599999999997</v>
      </c>
    </row>
    <row r="6606" spans="1:6" x14ac:dyDescent="0.25">
      <c r="A6606">
        <v>149.52000000000001</v>
      </c>
      <c r="B6606">
        <v>182.26</v>
      </c>
      <c r="C6606">
        <v>1800</v>
      </c>
      <c r="D6606">
        <v>1.9</v>
      </c>
      <c r="E6606">
        <v>4318.1400000000003</v>
      </c>
      <c r="F6606">
        <v>74.123800000000003</v>
      </c>
    </row>
    <row r="6607" spans="1:6" x14ac:dyDescent="0.25">
      <c r="A6607">
        <v>149.52000000000001</v>
      </c>
      <c r="B6607">
        <v>182.26</v>
      </c>
      <c r="C6607">
        <v>1800</v>
      </c>
      <c r="D6607">
        <v>2.2000000000000002</v>
      </c>
      <c r="E6607">
        <v>4153.8500000000004</v>
      </c>
      <c r="F6607">
        <v>82.067400000000006</v>
      </c>
    </row>
    <row r="6608" spans="1:6" x14ac:dyDescent="0.25">
      <c r="A6608">
        <v>149.52000000000001</v>
      </c>
      <c r="B6608">
        <v>182.26</v>
      </c>
      <c r="C6608">
        <v>1800</v>
      </c>
      <c r="D6608">
        <v>2.5</v>
      </c>
      <c r="E6608">
        <v>4019.44</v>
      </c>
      <c r="F6608">
        <v>88.096500000000006</v>
      </c>
    </row>
    <row r="6609" spans="1:6" x14ac:dyDescent="0.25">
      <c r="A6609">
        <v>149.52000000000001</v>
      </c>
      <c r="B6609">
        <v>182.26</v>
      </c>
      <c r="C6609">
        <v>1800</v>
      </c>
      <c r="D6609">
        <v>2.8</v>
      </c>
      <c r="E6609">
        <v>3874.7</v>
      </c>
      <c r="F6609">
        <v>90.897300000000001</v>
      </c>
    </row>
    <row r="6610" spans="1:6" x14ac:dyDescent="0.25">
      <c r="A6610">
        <v>149.52000000000001</v>
      </c>
      <c r="B6610">
        <v>182.26</v>
      </c>
      <c r="C6610">
        <v>1800</v>
      </c>
      <c r="D6610">
        <v>3.1</v>
      </c>
      <c r="E6610">
        <v>3811.24</v>
      </c>
      <c r="F6610">
        <v>95.702600000000004</v>
      </c>
    </row>
    <row r="6611" spans="1:6" x14ac:dyDescent="0.25">
      <c r="A6611">
        <v>149.52000000000001</v>
      </c>
      <c r="B6611">
        <v>182.26</v>
      </c>
      <c r="C6611">
        <v>1800</v>
      </c>
      <c r="D6611">
        <v>3.4</v>
      </c>
      <c r="E6611">
        <v>3757.31</v>
      </c>
      <c r="F6611">
        <v>96.209599999999995</v>
      </c>
    </row>
    <row r="6612" spans="1:6" x14ac:dyDescent="0.25">
      <c r="A6612">
        <v>149.52000000000001</v>
      </c>
      <c r="B6612">
        <v>182.26</v>
      </c>
      <c r="C6612">
        <v>1800</v>
      </c>
      <c r="D6612">
        <v>3.7</v>
      </c>
      <c r="E6612">
        <v>3674.77</v>
      </c>
      <c r="F6612">
        <v>97.958600000000004</v>
      </c>
    </row>
    <row r="6613" spans="1:6" x14ac:dyDescent="0.25">
      <c r="A6613">
        <v>149.52000000000001</v>
      </c>
      <c r="B6613">
        <v>182.26</v>
      </c>
      <c r="C6613">
        <v>1800</v>
      </c>
      <c r="D6613">
        <v>4</v>
      </c>
      <c r="E6613">
        <v>3627.06</v>
      </c>
      <c r="F6613">
        <v>98.968400000000003</v>
      </c>
    </row>
    <row r="6614" spans="1:6" x14ac:dyDescent="0.25">
      <c r="A6614">
        <v>149.52000000000001</v>
      </c>
      <c r="B6614">
        <v>182.26</v>
      </c>
      <c r="C6614">
        <v>3345.45</v>
      </c>
      <c r="D6614">
        <v>1</v>
      </c>
      <c r="E6614">
        <v>6783.38</v>
      </c>
      <c r="F6614">
        <v>17.0105</v>
      </c>
    </row>
    <row r="6615" spans="1:6" x14ac:dyDescent="0.25">
      <c r="A6615">
        <v>149.52000000000001</v>
      </c>
      <c r="B6615">
        <v>182.26</v>
      </c>
      <c r="C6615">
        <v>3345.45</v>
      </c>
      <c r="D6615">
        <v>1.3</v>
      </c>
      <c r="E6615">
        <v>6366.27</v>
      </c>
      <c r="F6615">
        <v>17.636600000000001</v>
      </c>
    </row>
    <row r="6616" spans="1:6" x14ac:dyDescent="0.25">
      <c r="A6616">
        <v>149.52000000000001</v>
      </c>
      <c r="B6616">
        <v>182.26</v>
      </c>
      <c r="C6616">
        <v>3345.45</v>
      </c>
      <c r="D6616">
        <v>1.6</v>
      </c>
      <c r="E6616">
        <v>5802.51</v>
      </c>
      <c r="F6616">
        <v>19.064499999999999</v>
      </c>
    </row>
    <row r="6617" spans="1:6" x14ac:dyDescent="0.25">
      <c r="A6617">
        <v>149.52000000000001</v>
      </c>
      <c r="B6617">
        <v>182.26</v>
      </c>
      <c r="C6617">
        <v>3345.45</v>
      </c>
      <c r="D6617">
        <v>1.9</v>
      </c>
      <c r="E6617">
        <v>5751.72</v>
      </c>
      <c r="F6617">
        <v>23.301200000000001</v>
      </c>
    </row>
    <row r="6618" spans="1:6" x14ac:dyDescent="0.25">
      <c r="A6618">
        <v>149.52000000000001</v>
      </c>
      <c r="B6618">
        <v>182.26</v>
      </c>
      <c r="C6618">
        <v>3345.45</v>
      </c>
      <c r="D6618">
        <v>2.2000000000000002</v>
      </c>
      <c r="E6618">
        <v>5437.08</v>
      </c>
      <c r="F6618">
        <v>26.650200000000002</v>
      </c>
    </row>
    <row r="6619" spans="1:6" x14ac:dyDescent="0.25">
      <c r="A6619">
        <v>149.52000000000001</v>
      </c>
      <c r="B6619">
        <v>182.26</v>
      </c>
      <c r="C6619">
        <v>3345.45</v>
      </c>
      <c r="D6619">
        <v>2.5</v>
      </c>
      <c r="E6619">
        <v>5365.37</v>
      </c>
      <c r="F6619">
        <v>27.845099999999999</v>
      </c>
    </row>
    <row r="6620" spans="1:6" x14ac:dyDescent="0.25">
      <c r="A6620">
        <v>149.52000000000001</v>
      </c>
      <c r="B6620">
        <v>182.26</v>
      </c>
      <c r="C6620">
        <v>3345.45</v>
      </c>
      <c r="D6620">
        <v>2.8</v>
      </c>
      <c r="E6620">
        <v>5091.55</v>
      </c>
      <c r="F6620">
        <v>33.563499999999998</v>
      </c>
    </row>
    <row r="6621" spans="1:6" x14ac:dyDescent="0.25">
      <c r="A6621">
        <v>149.52000000000001</v>
      </c>
      <c r="B6621">
        <v>182.26</v>
      </c>
      <c r="C6621">
        <v>3345.45</v>
      </c>
      <c r="D6621">
        <v>3.1</v>
      </c>
      <c r="E6621">
        <v>5160.3900000000003</v>
      </c>
      <c r="F6621">
        <v>36.586399999999998</v>
      </c>
    </row>
    <row r="6622" spans="1:6" x14ac:dyDescent="0.25">
      <c r="A6622">
        <v>149.52000000000001</v>
      </c>
      <c r="B6622">
        <v>182.26</v>
      </c>
      <c r="C6622">
        <v>3345.45</v>
      </c>
      <c r="D6622">
        <v>3.4</v>
      </c>
      <c r="E6622">
        <v>5010.3500000000004</v>
      </c>
      <c r="F6622">
        <v>40.208100000000002</v>
      </c>
    </row>
    <row r="6623" spans="1:6" x14ac:dyDescent="0.25">
      <c r="A6623">
        <v>149.52000000000001</v>
      </c>
      <c r="B6623">
        <v>182.26</v>
      </c>
      <c r="C6623">
        <v>3345.45</v>
      </c>
      <c r="D6623">
        <v>3.7</v>
      </c>
      <c r="E6623">
        <v>4910.46</v>
      </c>
      <c r="F6623">
        <v>42.851300000000002</v>
      </c>
    </row>
    <row r="6624" spans="1:6" x14ac:dyDescent="0.25">
      <c r="A6624">
        <v>149.52000000000001</v>
      </c>
      <c r="B6624">
        <v>182.26</v>
      </c>
      <c r="C6624">
        <v>3345.45</v>
      </c>
      <c r="D6624">
        <v>4</v>
      </c>
      <c r="E6624">
        <v>4876.8500000000004</v>
      </c>
      <c r="F6624">
        <v>42.151499999999999</v>
      </c>
    </row>
    <row r="6625" spans="1:6" x14ac:dyDescent="0.25">
      <c r="A6625">
        <v>149.52000000000001</v>
      </c>
      <c r="B6625">
        <v>182.26</v>
      </c>
      <c r="C6625">
        <v>4890.8999999999996</v>
      </c>
      <c r="D6625">
        <v>1</v>
      </c>
      <c r="E6625">
        <v>8807.5499999999993</v>
      </c>
      <c r="F6625">
        <v>20.322199999999999</v>
      </c>
    </row>
    <row r="6626" spans="1:6" x14ac:dyDescent="0.25">
      <c r="A6626">
        <v>149.52000000000001</v>
      </c>
      <c r="B6626">
        <v>182.26</v>
      </c>
      <c r="C6626">
        <v>4890.8999999999996</v>
      </c>
      <c r="D6626">
        <v>1.3</v>
      </c>
      <c r="E6626">
        <v>8033.16</v>
      </c>
      <c r="F6626">
        <v>21.410900000000002</v>
      </c>
    </row>
    <row r="6627" spans="1:6" x14ac:dyDescent="0.25">
      <c r="A6627">
        <v>149.52000000000001</v>
      </c>
      <c r="B6627">
        <v>182.26</v>
      </c>
      <c r="C6627">
        <v>4890.8999999999996</v>
      </c>
      <c r="D6627">
        <v>1.6</v>
      </c>
      <c r="E6627">
        <v>7343.97</v>
      </c>
      <c r="F6627">
        <v>19.643599999999999</v>
      </c>
    </row>
    <row r="6628" spans="1:6" x14ac:dyDescent="0.25">
      <c r="A6628">
        <v>149.52000000000001</v>
      </c>
      <c r="B6628">
        <v>182.26</v>
      </c>
      <c r="C6628">
        <v>4890.8999999999996</v>
      </c>
      <c r="D6628">
        <v>1.9</v>
      </c>
      <c r="E6628">
        <v>7155.34</v>
      </c>
      <c r="F6628">
        <v>20.131399999999999</v>
      </c>
    </row>
    <row r="6629" spans="1:6" x14ac:dyDescent="0.25">
      <c r="A6629">
        <v>149.52000000000001</v>
      </c>
      <c r="B6629">
        <v>182.26</v>
      </c>
      <c r="C6629">
        <v>4890.8999999999996</v>
      </c>
      <c r="D6629">
        <v>2.2000000000000002</v>
      </c>
      <c r="E6629">
        <v>6882.75</v>
      </c>
      <c r="F6629">
        <v>20.537600000000001</v>
      </c>
    </row>
    <row r="6630" spans="1:6" x14ac:dyDescent="0.25">
      <c r="A6630">
        <v>149.52000000000001</v>
      </c>
      <c r="B6630">
        <v>182.26</v>
      </c>
      <c r="C6630">
        <v>4890.8999999999996</v>
      </c>
      <c r="D6630">
        <v>2.5</v>
      </c>
      <c r="E6630">
        <v>6608.37</v>
      </c>
      <c r="F6630">
        <v>20.933599999999998</v>
      </c>
    </row>
    <row r="6631" spans="1:6" x14ac:dyDescent="0.25">
      <c r="A6631">
        <v>149.52000000000001</v>
      </c>
      <c r="B6631">
        <v>182.26</v>
      </c>
      <c r="C6631">
        <v>4890.8999999999996</v>
      </c>
      <c r="D6631">
        <v>2.8</v>
      </c>
      <c r="E6631">
        <v>6488.8</v>
      </c>
      <c r="F6631">
        <v>18.745899999999999</v>
      </c>
    </row>
    <row r="6632" spans="1:6" x14ac:dyDescent="0.25">
      <c r="A6632">
        <v>149.52000000000001</v>
      </c>
      <c r="B6632">
        <v>182.26</v>
      </c>
      <c r="C6632">
        <v>4890.8999999999996</v>
      </c>
      <c r="D6632">
        <v>3.1</v>
      </c>
      <c r="E6632">
        <v>6409.41</v>
      </c>
      <c r="F6632">
        <v>18.652000000000001</v>
      </c>
    </row>
    <row r="6633" spans="1:6" x14ac:dyDescent="0.25">
      <c r="A6633">
        <v>149.52000000000001</v>
      </c>
      <c r="B6633">
        <v>182.26</v>
      </c>
      <c r="C6633">
        <v>4890.8999999999996</v>
      </c>
      <c r="D6633">
        <v>3.4</v>
      </c>
      <c r="E6633">
        <v>6237.33</v>
      </c>
      <c r="F6633">
        <v>18.764600000000002</v>
      </c>
    </row>
    <row r="6634" spans="1:6" x14ac:dyDescent="0.25">
      <c r="A6634">
        <v>149.52000000000001</v>
      </c>
      <c r="B6634">
        <v>182.26</v>
      </c>
      <c r="C6634">
        <v>4890.8999999999996</v>
      </c>
      <c r="D6634">
        <v>3.7</v>
      </c>
      <c r="E6634">
        <v>6192.08</v>
      </c>
      <c r="F6634">
        <v>18.8599</v>
      </c>
    </row>
    <row r="6635" spans="1:6" x14ac:dyDescent="0.25">
      <c r="A6635">
        <v>149.52000000000001</v>
      </c>
      <c r="B6635">
        <v>182.26</v>
      </c>
      <c r="C6635">
        <v>4890.8999999999996</v>
      </c>
      <c r="D6635">
        <v>4</v>
      </c>
      <c r="E6635">
        <v>6088.51</v>
      </c>
      <c r="F6635">
        <v>19.108499999999999</v>
      </c>
    </row>
    <row r="6636" spans="1:6" x14ac:dyDescent="0.25">
      <c r="A6636">
        <v>149.52000000000001</v>
      </c>
      <c r="B6636">
        <v>182.26</v>
      </c>
      <c r="C6636">
        <v>6436.35</v>
      </c>
      <c r="D6636">
        <v>1</v>
      </c>
      <c r="E6636">
        <v>10216.6</v>
      </c>
      <c r="F6636">
        <v>21.540199999999999</v>
      </c>
    </row>
    <row r="6637" spans="1:6" x14ac:dyDescent="0.25">
      <c r="A6637">
        <v>149.52000000000001</v>
      </c>
      <c r="B6637">
        <v>182.26</v>
      </c>
      <c r="C6637">
        <v>6436.35</v>
      </c>
      <c r="D6637">
        <v>1.3</v>
      </c>
      <c r="E6637">
        <v>9477.56</v>
      </c>
      <c r="F6637">
        <v>22.786100000000001</v>
      </c>
    </row>
    <row r="6638" spans="1:6" x14ac:dyDescent="0.25">
      <c r="A6638">
        <v>149.52000000000001</v>
      </c>
      <c r="B6638">
        <v>182.26</v>
      </c>
      <c r="C6638">
        <v>6436.35</v>
      </c>
      <c r="D6638">
        <v>1.6</v>
      </c>
      <c r="E6638">
        <v>8892.99</v>
      </c>
      <c r="F6638">
        <v>22.901700000000002</v>
      </c>
    </row>
    <row r="6639" spans="1:6" x14ac:dyDescent="0.25">
      <c r="A6639">
        <v>149.52000000000001</v>
      </c>
      <c r="B6639">
        <v>182.26</v>
      </c>
      <c r="C6639">
        <v>6436.35</v>
      </c>
      <c r="D6639">
        <v>1.9</v>
      </c>
      <c r="E6639">
        <v>8507.7199999999993</v>
      </c>
      <c r="F6639">
        <v>22.9786</v>
      </c>
    </row>
    <row r="6640" spans="1:6" x14ac:dyDescent="0.25">
      <c r="A6640">
        <v>149.52000000000001</v>
      </c>
      <c r="B6640">
        <v>182.26</v>
      </c>
      <c r="C6640">
        <v>6436.35</v>
      </c>
      <c r="D6640">
        <v>2.2000000000000002</v>
      </c>
      <c r="E6640">
        <v>8177.15</v>
      </c>
      <c r="F6640">
        <v>23.001799999999999</v>
      </c>
    </row>
    <row r="6641" spans="1:6" x14ac:dyDescent="0.25">
      <c r="A6641">
        <v>149.52000000000001</v>
      </c>
      <c r="B6641">
        <v>182.26</v>
      </c>
      <c r="C6641">
        <v>6436.35</v>
      </c>
      <c r="D6641">
        <v>2.5</v>
      </c>
      <c r="E6641">
        <v>8098.76</v>
      </c>
      <c r="F6641">
        <v>22.958500000000001</v>
      </c>
    </row>
    <row r="6642" spans="1:6" x14ac:dyDescent="0.25">
      <c r="A6642">
        <v>149.52000000000001</v>
      </c>
      <c r="B6642">
        <v>182.26</v>
      </c>
      <c r="C6642">
        <v>6436.35</v>
      </c>
      <c r="D6642">
        <v>2.8</v>
      </c>
      <c r="E6642">
        <v>7983.62</v>
      </c>
      <c r="F6642">
        <v>23.4129</v>
      </c>
    </row>
    <row r="6643" spans="1:6" x14ac:dyDescent="0.25">
      <c r="A6643">
        <v>149.52000000000001</v>
      </c>
      <c r="B6643">
        <v>182.26</v>
      </c>
      <c r="C6643">
        <v>6436.35</v>
      </c>
      <c r="D6643">
        <v>3.1</v>
      </c>
      <c r="E6643">
        <v>7823.49</v>
      </c>
      <c r="F6643">
        <v>23.518699999999999</v>
      </c>
    </row>
    <row r="6644" spans="1:6" x14ac:dyDescent="0.25">
      <c r="A6644">
        <v>149.52000000000001</v>
      </c>
      <c r="B6644">
        <v>182.26</v>
      </c>
      <c r="C6644">
        <v>6436.35</v>
      </c>
      <c r="D6644">
        <v>3.4</v>
      </c>
      <c r="E6644">
        <v>7693.87</v>
      </c>
      <c r="F6644">
        <v>23.622299999999999</v>
      </c>
    </row>
    <row r="6645" spans="1:6" x14ac:dyDescent="0.25">
      <c r="A6645">
        <v>149.52000000000001</v>
      </c>
      <c r="B6645">
        <v>182.26</v>
      </c>
      <c r="C6645">
        <v>6436.35</v>
      </c>
      <c r="D6645">
        <v>3.7</v>
      </c>
      <c r="E6645">
        <v>7618.28</v>
      </c>
      <c r="F6645">
        <v>23.678000000000001</v>
      </c>
    </row>
    <row r="6646" spans="1:6" x14ac:dyDescent="0.25">
      <c r="A6646">
        <v>149.52000000000001</v>
      </c>
      <c r="B6646">
        <v>182.26</v>
      </c>
      <c r="C6646">
        <v>6436.35</v>
      </c>
      <c r="D6646">
        <v>4</v>
      </c>
      <c r="E6646">
        <v>7552.88</v>
      </c>
      <c r="F6646">
        <v>23.7349</v>
      </c>
    </row>
    <row r="6647" spans="1:6" x14ac:dyDescent="0.25">
      <c r="A6647">
        <v>149.52000000000001</v>
      </c>
      <c r="B6647">
        <v>182.26</v>
      </c>
      <c r="C6647">
        <v>7981.8</v>
      </c>
      <c r="D6647">
        <v>1</v>
      </c>
      <c r="E6647">
        <v>11527.2</v>
      </c>
      <c r="F6647">
        <v>21.540199999999999</v>
      </c>
    </row>
    <row r="6648" spans="1:6" x14ac:dyDescent="0.25">
      <c r="A6648">
        <v>149.52000000000001</v>
      </c>
      <c r="B6648">
        <v>182.26</v>
      </c>
      <c r="C6648">
        <v>7981.8</v>
      </c>
      <c r="D6648">
        <v>1.3</v>
      </c>
      <c r="E6648">
        <v>10825.5</v>
      </c>
      <c r="F6648">
        <v>22.786100000000001</v>
      </c>
    </row>
    <row r="6649" spans="1:6" x14ac:dyDescent="0.25">
      <c r="A6649">
        <v>149.52000000000001</v>
      </c>
      <c r="B6649">
        <v>182.26</v>
      </c>
      <c r="C6649">
        <v>7981.8</v>
      </c>
      <c r="D6649">
        <v>1.6</v>
      </c>
      <c r="E6649">
        <v>10474.200000000001</v>
      </c>
      <c r="F6649">
        <v>22.901700000000002</v>
      </c>
    </row>
    <row r="6650" spans="1:6" x14ac:dyDescent="0.25">
      <c r="A6650">
        <v>149.52000000000001</v>
      </c>
      <c r="B6650">
        <v>182.26</v>
      </c>
      <c r="C6650">
        <v>7981.8</v>
      </c>
      <c r="D6650">
        <v>1.9</v>
      </c>
      <c r="E6650">
        <v>10069.200000000001</v>
      </c>
      <c r="F6650">
        <v>22.9786</v>
      </c>
    </row>
    <row r="6651" spans="1:6" x14ac:dyDescent="0.25">
      <c r="A6651">
        <v>149.52000000000001</v>
      </c>
      <c r="B6651">
        <v>182.26</v>
      </c>
      <c r="C6651">
        <v>7981.8</v>
      </c>
      <c r="D6651">
        <v>2.2000000000000002</v>
      </c>
      <c r="E6651">
        <v>9773.23</v>
      </c>
      <c r="F6651">
        <v>23.001799999999999</v>
      </c>
    </row>
    <row r="6652" spans="1:6" x14ac:dyDescent="0.25">
      <c r="A6652">
        <v>149.52000000000001</v>
      </c>
      <c r="B6652">
        <v>182.26</v>
      </c>
      <c r="C6652">
        <v>7981.8</v>
      </c>
      <c r="D6652">
        <v>2.5</v>
      </c>
      <c r="E6652">
        <v>9553.8799999999992</v>
      </c>
      <c r="F6652">
        <v>22.958500000000001</v>
      </c>
    </row>
    <row r="6653" spans="1:6" x14ac:dyDescent="0.25">
      <c r="A6653">
        <v>149.52000000000001</v>
      </c>
      <c r="B6653">
        <v>182.26</v>
      </c>
      <c r="C6653">
        <v>7981.8</v>
      </c>
      <c r="D6653">
        <v>2.8</v>
      </c>
      <c r="E6653">
        <v>9680.34</v>
      </c>
      <c r="F6653">
        <v>23.4129</v>
      </c>
    </row>
    <row r="6654" spans="1:6" x14ac:dyDescent="0.25">
      <c r="A6654">
        <v>149.52000000000001</v>
      </c>
      <c r="B6654">
        <v>182.26</v>
      </c>
      <c r="C6654">
        <v>7981.8</v>
      </c>
      <c r="D6654">
        <v>3.1</v>
      </c>
      <c r="E6654">
        <v>9413.7099999999991</v>
      </c>
      <c r="F6654">
        <v>23.518699999999999</v>
      </c>
    </row>
    <row r="6655" spans="1:6" x14ac:dyDescent="0.25">
      <c r="A6655">
        <v>149.52000000000001</v>
      </c>
      <c r="B6655">
        <v>182.26</v>
      </c>
      <c r="C6655">
        <v>7981.8</v>
      </c>
      <c r="D6655">
        <v>3.4</v>
      </c>
      <c r="E6655">
        <v>9293.43</v>
      </c>
      <c r="F6655">
        <v>23.622299999999999</v>
      </c>
    </row>
    <row r="6656" spans="1:6" x14ac:dyDescent="0.25">
      <c r="A6656">
        <v>149.52000000000001</v>
      </c>
      <c r="B6656">
        <v>182.26</v>
      </c>
      <c r="C6656">
        <v>7981.8</v>
      </c>
      <c r="D6656">
        <v>3.7</v>
      </c>
      <c r="E6656">
        <v>9179.94</v>
      </c>
      <c r="F6656">
        <v>23.678000000000001</v>
      </c>
    </row>
    <row r="6657" spans="1:6" x14ac:dyDescent="0.25">
      <c r="A6657">
        <v>149.52000000000001</v>
      </c>
      <c r="B6657">
        <v>182.26</v>
      </c>
      <c r="C6657">
        <v>7981.8</v>
      </c>
      <c r="D6657">
        <v>4</v>
      </c>
      <c r="E6657">
        <v>9095.3799999999992</v>
      </c>
      <c r="F6657">
        <v>23.7349</v>
      </c>
    </row>
    <row r="6658" spans="1:6" x14ac:dyDescent="0.25">
      <c r="A6658">
        <v>149.52000000000001</v>
      </c>
      <c r="B6658">
        <v>182.26</v>
      </c>
      <c r="C6658">
        <v>9527.25</v>
      </c>
      <c r="D6658">
        <v>1</v>
      </c>
      <c r="E6658">
        <v>13492.1</v>
      </c>
      <c r="F6658">
        <v>21.540199999999999</v>
      </c>
    </row>
    <row r="6659" spans="1:6" x14ac:dyDescent="0.25">
      <c r="A6659">
        <v>149.52000000000001</v>
      </c>
      <c r="B6659">
        <v>182.26</v>
      </c>
      <c r="C6659">
        <v>9527.25</v>
      </c>
      <c r="D6659">
        <v>1.3</v>
      </c>
      <c r="E6659">
        <v>12468.6</v>
      </c>
      <c r="F6659">
        <v>22.786100000000001</v>
      </c>
    </row>
    <row r="6660" spans="1:6" x14ac:dyDescent="0.25">
      <c r="A6660">
        <v>149.52000000000001</v>
      </c>
      <c r="B6660">
        <v>182.26</v>
      </c>
      <c r="C6660">
        <v>9527.25</v>
      </c>
      <c r="D6660">
        <v>1.6</v>
      </c>
      <c r="E6660">
        <v>11821.6</v>
      </c>
      <c r="F6660">
        <v>22.901700000000002</v>
      </c>
    </row>
    <row r="6661" spans="1:6" x14ac:dyDescent="0.25">
      <c r="A6661">
        <v>149.52000000000001</v>
      </c>
      <c r="B6661">
        <v>182.26</v>
      </c>
      <c r="C6661">
        <v>9527.25</v>
      </c>
      <c r="D6661">
        <v>1.9</v>
      </c>
      <c r="E6661">
        <v>11615.7</v>
      </c>
      <c r="F6661">
        <v>22.9786</v>
      </c>
    </row>
    <row r="6662" spans="1:6" x14ac:dyDescent="0.25">
      <c r="A6662">
        <v>149.52000000000001</v>
      </c>
      <c r="B6662">
        <v>182.26</v>
      </c>
      <c r="C6662">
        <v>9527.25</v>
      </c>
      <c r="D6662">
        <v>2.2000000000000002</v>
      </c>
      <c r="E6662">
        <v>11300.1</v>
      </c>
      <c r="F6662">
        <v>23.001799999999999</v>
      </c>
    </row>
    <row r="6663" spans="1:6" x14ac:dyDescent="0.25">
      <c r="A6663">
        <v>149.52000000000001</v>
      </c>
      <c r="B6663">
        <v>182.26</v>
      </c>
      <c r="C6663">
        <v>9527.25</v>
      </c>
      <c r="D6663">
        <v>2.5</v>
      </c>
      <c r="E6663">
        <v>11092.4</v>
      </c>
      <c r="F6663">
        <v>22.958500000000001</v>
      </c>
    </row>
    <row r="6664" spans="1:6" x14ac:dyDescent="0.25">
      <c r="A6664">
        <v>149.52000000000001</v>
      </c>
      <c r="B6664">
        <v>182.26</v>
      </c>
      <c r="C6664">
        <v>9527.25</v>
      </c>
      <c r="D6664">
        <v>2.8</v>
      </c>
      <c r="E6664">
        <v>10990.1</v>
      </c>
      <c r="F6664">
        <v>23.4129</v>
      </c>
    </row>
    <row r="6665" spans="1:6" x14ac:dyDescent="0.25">
      <c r="A6665">
        <v>149.52000000000001</v>
      </c>
      <c r="B6665">
        <v>182.26</v>
      </c>
      <c r="C6665">
        <v>9527.25</v>
      </c>
      <c r="D6665">
        <v>3.1</v>
      </c>
      <c r="E6665">
        <v>10908.3</v>
      </c>
      <c r="F6665">
        <v>23.518699999999999</v>
      </c>
    </row>
    <row r="6666" spans="1:6" x14ac:dyDescent="0.25">
      <c r="A6666">
        <v>149.52000000000001</v>
      </c>
      <c r="B6666">
        <v>182.26</v>
      </c>
      <c r="C6666">
        <v>9527.25</v>
      </c>
      <c r="D6666">
        <v>3.4</v>
      </c>
      <c r="E6666">
        <v>10841.4</v>
      </c>
      <c r="F6666">
        <v>23.622299999999999</v>
      </c>
    </row>
    <row r="6667" spans="1:6" x14ac:dyDescent="0.25">
      <c r="A6667">
        <v>149.52000000000001</v>
      </c>
      <c r="B6667">
        <v>182.26</v>
      </c>
      <c r="C6667">
        <v>9527.25</v>
      </c>
      <c r="D6667">
        <v>3.7</v>
      </c>
      <c r="E6667">
        <v>10815.6</v>
      </c>
      <c r="F6667">
        <v>23.678000000000001</v>
      </c>
    </row>
    <row r="6668" spans="1:6" x14ac:dyDescent="0.25">
      <c r="A6668">
        <v>149.52000000000001</v>
      </c>
      <c r="B6668">
        <v>182.26</v>
      </c>
      <c r="C6668">
        <v>9527.25</v>
      </c>
      <c r="D6668">
        <v>4</v>
      </c>
      <c r="E6668">
        <v>10759.4</v>
      </c>
      <c r="F6668">
        <v>23.7349</v>
      </c>
    </row>
    <row r="6669" spans="1:6" x14ac:dyDescent="0.25">
      <c r="A6669">
        <v>149.52000000000001</v>
      </c>
      <c r="B6669">
        <v>182.26</v>
      </c>
      <c r="C6669">
        <v>11072.7</v>
      </c>
      <c r="D6669">
        <v>1</v>
      </c>
      <c r="E6669">
        <v>14631.6</v>
      </c>
      <c r="F6669">
        <v>21.540199999999999</v>
      </c>
    </row>
    <row r="6670" spans="1:6" x14ac:dyDescent="0.25">
      <c r="A6670">
        <v>149.52000000000001</v>
      </c>
      <c r="B6670">
        <v>182.26</v>
      </c>
      <c r="C6670">
        <v>11072.7</v>
      </c>
      <c r="D6670">
        <v>1.3</v>
      </c>
      <c r="E6670">
        <v>14275.3</v>
      </c>
      <c r="F6670">
        <v>22.786100000000001</v>
      </c>
    </row>
    <row r="6671" spans="1:6" x14ac:dyDescent="0.25">
      <c r="A6671">
        <v>149.52000000000001</v>
      </c>
      <c r="B6671">
        <v>182.26</v>
      </c>
      <c r="C6671">
        <v>11072.7</v>
      </c>
      <c r="D6671">
        <v>1.6</v>
      </c>
      <c r="E6671">
        <v>13356.4</v>
      </c>
      <c r="F6671">
        <v>22.901700000000002</v>
      </c>
    </row>
    <row r="6672" spans="1:6" x14ac:dyDescent="0.25">
      <c r="A6672">
        <v>149.52000000000001</v>
      </c>
      <c r="B6672">
        <v>182.26</v>
      </c>
      <c r="C6672">
        <v>11072.7</v>
      </c>
      <c r="D6672">
        <v>1.9</v>
      </c>
      <c r="E6672">
        <v>13118.9</v>
      </c>
      <c r="F6672">
        <v>22.9786</v>
      </c>
    </row>
    <row r="6673" spans="1:6" x14ac:dyDescent="0.25">
      <c r="A6673">
        <v>149.52000000000001</v>
      </c>
      <c r="B6673">
        <v>182.26</v>
      </c>
      <c r="C6673">
        <v>11072.7</v>
      </c>
      <c r="D6673">
        <v>2.2000000000000002</v>
      </c>
      <c r="E6673">
        <v>13041.4</v>
      </c>
      <c r="F6673">
        <v>23.001799999999999</v>
      </c>
    </row>
    <row r="6674" spans="1:6" x14ac:dyDescent="0.25">
      <c r="A6674">
        <v>149.52000000000001</v>
      </c>
      <c r="B6674">
        <v>182.26</v>
      </c>
      <c r="C6674">
        <v>11072.7</v>
      </c>
      <c r="D6674">
        <v>2.5</v>
      </c>
      <c r="E6674">
        <v>12657.3</v>
      </c>
      <c r="F6674">
        <v>22.958500000000001</v>
      </c>
    </row>
    <row r="6675" spans="1:6" x14ac:dyDescent="0.25">
      <c r="A6675">
        <v>149.52000000000001</v>
      </c>
      <c r="B6675">
        <v>182.26</v>
      </c>
      <c r="C6675">
        <v>11072.7</v>
      </c>
      <c r="D6675">
        <v>2.8</v>
      </c>
      <c r="E6675">
        <v>12757.8</v>
      </c>
      <c r="F6675">
        <v>23.4129</v>
      </c>
    </row>
    <row r="6676" spans="1:6" x14ac:dyDescent="0.25">
      <c r="A6676">
        <v>149.52000000000001</v>
      </c>
      <c r="B6676">
        <v>182.26</v>
      </c>
      <c r="C6676">
        <v>11072.7</v>
      </c>
      <c r="D6676">
        <v>3.1</v>
      </c>
      <c r="E6676">
        <v>12573.8</v>
      </c>
      <c r="F6676">
        <v>23.518699999999999</v>
      </c>
    </row>
    <row r="6677" spans="1:6" x14ac:dyDescent="0.25">
      <c r="A6677">
        <v>149.52000000000001</v>
      </c>
      <c r="B6677">
        <v>182.26</v>
      </c>
      <c r="C6677">
        <v>11072.7</v>
      </c>
      <c r="D6677">
        <v>3.4</v>
      </c>
      <c r="E6677">
        <v>12414.9</v>
      </c>
      <c r="F6677">
        <v>23.622299999999999</v>
      </c>
    </row>
    <row r="6678" spans="1:6" x14ac:dyDescent="0.25">
      <c r="A6678">
        <v>149.52000000000001</v>
      </c>
      <c r="B6678">
        <v>182.26</v>
      </c>
      <c r="C6678">
        <v>11072.7</v>
      </c>
      <c r="D6678">
        <v>3.7</v>
      </c>
      <c r="E6678">
        <v>12317.9</v>
      </c>
      <c r="F6678">
        <v>23.678000000000001</v>
      </c>
    </row>
    <row r="6679" spans="1:6" x14ac:dyDescent="0.25">
      <c r="A6679">
        <v>149.52000000000001</v>
      </c>
      <c r="B6679">
        <v>182.26</v>
      </c>
      <c r="C6679">
        <v>11072.7</v>
      </c>
      <c r="D6679">
        <v>4</v>
      </c>
      <c r="E6679">
        <v>12220.3</v>
      </c>
      <c r="F6679">
        <v>23.7349</v>
      </c>
    </row>
    <row r="6680" spans="1:6" x14ac:dyDescent="0.25">
      <c r="A6680">
        <v>149.52000000000001</v>
      </c>
      <c r="B6680">
        <v>182.26</v>
      </c>
      <c r="C6680">
        <v>12618.2</v>
      </c>
      <c r="D6680">
        <v>1</v>
      </c>
      <c r="E6680">
        <v>16376.1</v>
      </c>
      <c r="F6680">
        <v>21.540199999999999</v>
      </c>
    </row>
    <row r="6681" spans="1:6" x14ac:dyDescent="0.25">
      <c r="A6681">
        <v>149.52000000000001</v>
      </c>
      <c r="B6681">
        <v>182.26</v>
      </c>
      <c r="C6681">
        <v>12618.2</v>
      </c>
      <c r="D6681">
        <v>1.3</v>
      </c>
      <c r="E6681">
        <v>15382</v>
      </c>
      <c r="F6681">
        <v>22.786100000000001</v>
      </c>
    </row>
    <row r="6682" spans="1:6" x14ac:dyDescent="0.25">
      <c r="A6682">
        <v>149.52000000000001</v>
      </c>
      <c r="B6682">
        <v>182.26</v>
      </c>
      <c r="C6682">
        <v>12618.2</v>
      </c>
      <c r="D6682">
        <v>1.6</v>
      </c>
      <c r="E6682">
        <v>15034.3</v>
      </c>
      <c r="F6682">
        <v>22.901700000000002</v>
      </c>
    </row>
    <row r="6683" spans="1:6" x14ac:dyDescent="0.25">
      <c r="A6683">
        <v>149.52000000000001</v>
      </c>
      <c r="B6683">
        <v>182.26</v>
      </c>
      <c r="C6683">
        <v>12618.2</v>
      </c>
      <c r="D6683">
        <v>1.9</v>
      </c>
      <c r="E6683">
        <v>14801.8</v>
      </c>
      <c r="F6683">
        <v>22.9786</v>
      </c>
    </row>
    <row r="6684" spans="1:6" x14ac:dyDescent="0.25">
      <c r="A6684">
        <v>149.52000000000001</v>
      </c>
      <c r="B6684">
        <v>182.26</v>
      </c>
      <c r="C6684">
        <v>12618.2</v>
      </c>
      <c r="D6684">
        <v>2.2000000000000002</v>
      </c>
      <c r="E6684">
        <v>14401</v>
      </c>
      <c r="F6684">
        <v>23.001799999999999</v>
      </c>
    </row>
    <row r="6685" spans="1:6" x14ac:dyDescent="0.25">
      <c r="A6685">
        <v>149.52000000000001</v>
      </c>
      <c r="B6685">
        <v>182.26</v>
      </c>
      <c r="C6685">
        <v>12618.2</v>
      </c>
      <c r="D6685">
        <v>2.5</v>
      </c>
      <c r="E6685">
        <v>14192.6</v>
      </c>
      <c r="F6685">
        <v>22.958500000000001</v>
      </c>
    </row>
    <row r="6686" spans="1:6" x14ac:dyDescent="0.25">
      <c r="A6686">
        <v>149.52000000000001</v>
      </c>
      <c r="B6686">
        <v>182.26</v>
      </c>
      <c r="C6686">
        <v>12618.2</v>
      </c>
      <c r="D6686">
        <v>2.8</v>
      </c>
      <c r="E6686">
        <v>14098.8</v>
      </c>
      <c r="F6686">
        <v>23.4129</v>
      </c>
    </row>
    <row r="6687" spans="1:6" x14ac:dyDescent="0.25">
      <c r="A6687">
        <v>149.52000000000001</v>
      </c>
      <c r="B6687">
        <v>182.26</v>
      </c>
      <c r="C6687">
        <v>12618.2</v>
      </c>
      <c r="D6687">
        <v>3.1</v>
      </c>
      <c r="E6687">
        <v>14144.5</v>
      </c>
      <c r="F6687">
        <v>23.518699999999999</v>
      </c>
    </row>
    <row r="6688" spans="1:6" x14ac:dyDescent="0.25">
      <c r="A6688">
        <v>149.52000000000001</v>
      </c>
      <c r="B6688">
        <v>182.26</v>
      </c>
      <c r="C6688">
        <v>12618.2</v>
      </c>
      <c r="D6688">
        <v>3.4</v>
      </c>
      <c r="E6688">
        <v>14052.6</v>
      </c>
      <c r="F6688">
        <v>23.622299999999999</v>
      </c>
    </row>
    <row r="6689" spans="1:6" x14ac:dyDescent="0.25">
      <c r="A6689">
        <v>149.52000000000001</v>
      </c>
      <c r="B6689">
        <v>182.26</v>
      </c>
      <c r="C6689">
        <v>12618.2</v>
      </c>
      <c r="D6689">
        <v>3.7</v>
      </c>
      <c r="E6689">
        <v>13828.3</v>
      </c>
      <c r="F6689">
        <v>23.678000000000001</v>
      </c>
    </row>
    <row r="6690" spans="1:6" x14ac:dyDescent="0.25">
      <c r="A6690">
        <v>149.52000000000001</v>
      </c>
      <c r="B6690">
        <v>182.26</v>
      </c>
      <c r="C6690">
        <v>12618.2</v>
      </c>
      <c r="D6690">
        <v>4</v>
      </c>
      <c r="E6690">
        <v>13718.2</v>
      </c>
      <c r="F6690">
        <v>23.7349</v>
      </c>
    </row>
    <row r="6691" spans="1:6" x14ac:dyDescent="0.25">
      <c r="A6691">
        <v>149.52000000000001</v>
      </c>
      <c r="B6691">
        <v>182.26</v>
      </c>
      <c r="C6691">
        <v>14163.6</v>
      </c>
      <c r="D6691">
        <v>1</v>
      </c>
      <c r="E6691">
        <v>17897.5</v>
      </c>
      <c r="F6691">
        <v>21.540199999999999</v>
      </c>
    </row>
    <row r="6692" spans="1:6" x14ac:dyDescent="0.25">
      <c r="A6692">
        <v>149.52000000000001</v>
      </c>
      <c r="B6692">
        <v>182.26</v>
      </c>
      <c r="C6692">
        <v>14163.6</v>
      </c>
      <c r="D6692">
        <v>1.3</v>
      </c>
      <c r="E6692">
        <v>16926.599999999999</v>
      </c>
      <c r="F6692">
        <v>22.786100000000001</v>
      </c>
    </row>
    <row r="6693" spans="1:6" x14ac:dyDescent="0.25">
      <c r="A6693">
        <v>149.52000000000001</v>
      </c>
      <c r="B6693">
        <v>182.26</v>
      </c>
      <c r="C6693">
        <v>14163.6</v>
      </c>
      <c r="D6693">
        <v>1.6</v>
      </c>
      <c r="E6693">
        <v>16746.599999999999</v>
      </c>
      <c r="F6693">
        <v>22.901700000000002</v>
      </c>
    </row>
    <row r="6694" spans="1:6" x14ac:dyDescent="0.25">
      <c r="A6694">
        <v>149.52000000000001</v>
      </c>
      <c r="B6694">
        <v>182.26</v>
      </c>
      <c r="C6694">
        <v>14163.6</v>
      </c>
      <c r="D6694">
        <v>1.9</v>
      </c>
      <c r="E6694">
        <v>16230</v>
      </c>
      <c r="F6694">
        <v>22.9786</v>
      </c>
    </row>
    <row r="6695" spans="1:6" x14ac:dyDescent="0.25">
      <c r="A6695">
        <v>149.52000000000001</v>
      </c>
      <c r="B6695">
        <v>182.26</v>
      </c>
      <c r="C6695">
        <v>14163.6</v>
      </c>
      <c r="D6695">
        <v>2.2000000000000002</v>
      </c>
      <c r="E6695">
        <v>15962.9</v>
      </c>
      <c r="F6695">
        <v>23.001799999999999</v>
      </c>
    </row>
    <row r="6696" spans="1:6" x14ac:dyDescent="0.25">
      <c r="A6696">
        <v>149.52000000000001</v>
      </c>
      <c r="B6696">
        <v>182.26</v>
      </c>
      <c r="C6696">
        <v>14163.6</v>
      </c>
      <c r="D6696">
        <v>2.5</v>
      </c>
      <c r="E6696">
        <v>15729.4</v>
      </c>
      <c r="F6696">
        <v>22.958500000000001</v>
      </c>
    </row>
    <row r="6697" spans="1:6" x14ac:dyDescent="0.25">
      <c r="A6697">
        <v>149.52000000000001</v>
      </c>
      <c r="B6697">
        <v>182.26</v>
      </c>
      <c r="C6697">
        <v>14163.6</v>
      </c>
      <c r="D6697">
        <v>2.8</v>
      </c>
      <c r="E6697">
        <v>15653.3</v>
      </c>
      <c r="F6697">
        <v>23.4129</v>
      </c>
    </row>
    <row r="6698" spans="1:6" x14ac:dyDescent="0.25">
      <c r="A6698">
        <v>149.52000000000001</v>
      </c>
      <c r="B6698">
        <v>182.26</v>
      </c>
      <c r="C6698">
        <v>14163.6</v>
      </c>
      <c r="D6698">
        <v>3.1</v>
      </c>
      <c r="E6698">
        <v>15623.8</v>
      </c>
      <c r="F6698">
        <v>23.518699999999999</v>
      </c>
    </row>
    <row r="6699" spans="1:6" x14ac:dyDescent="0.25">
      <c r="A6699">
        <v>149.52000000000001</v>
      </c>
      <c r="B6699">
        <v>182.26</v>
      </c>
      <c r="C6699">
        <v>14163.6</v>
      </c>
      <c r="D6699">
        <v>3.4</v>
      </c>
      <c r="E6699">
        <v>15587.6</v>
      </c>
      <c r="F6699">
        <v>23.622299999999999</v>
      </c>
    </row>
    <row r="6700" spans="1:6" x14ac:dyDescent="0.25">
      <c r="A6700">
        <v>149.52000000000001</v>
      </c>
      <c r="B6700">
        <v>182.26</v>
      </c>
      <c r="C6700">
        <v>14163.6</v>
      </c>
      <c r="D6700">
        <v>3.7</v>
      </c>
      <c r="E6700">
        <v>15456</v>
      </c>
      <c r="F6700">
        <v>23.678000000000001</v>
      </c>
    </row>
    <row r="6701" spans="1:6" x14ac:dyDescent="0.25">
      <c r="A6701">
        <v>149.52000000000001</v>
      </c>
      <c r="B6701">
        <v>182.26</v>
      </c>
      <c r="C6701">
        <v>14163.6</v>
      </c>
      <c r="D6701">
        <v>4</v>
      </c>
      <c r="E6701">
        <v>15373.3</v>
      </c>
      <c r="F6701">
        <v>23.7349</v>
      </c>
    </row>
    <row r="6702" spans="1:6" x14ac:dyDescent="0.25">
      <c r="A6702">
        <v>149.52000000000001</v>
      </c>
      <c r="B6702">
        <v>182.26</v>
      </c>
      <c r="C6702">
        <v>15709.1</v>
      </c>
      <c r="D6702">
        <v>1</v>
      </c>
      <c r="E6702">
        <v>19350.2</v>
      </c>
      <c r="F6702">
        <v>21.540199999999999</v>
      </c>
    </row>
    <row r="6703" spans="1:6" x14ac:dyDescent="0.25">
      <c r="A6703">
        <v>149.52000000000001</v>
      </c>
      <c r="B6703">
        <v>182.26</v>
      </c>
      <c r="C6703">
        <v>15709.1</v>
      </c>
      <c r="D6703">
        <v>1.3</v>
      </c>
      <c r="E6703">
        <v>18881.099999999999</v>
      </c>
      <c r="F6703">
        <v>22.786100000000001</v>
      </c>
    </row>
    <row r="6704" spans="1:6" x14ac:dyDescent="0.25">
      <c r="A6704">
        <v>149.52000000000001</v>
      </c>
      <c r="B6704">
        <v>182.26</v>
      </c>
      <c r="C6704">
        <v>15709.1</v>
      </c>
      <c r="D6704">
        <v>1.6</v>
      </c>
      <c r="E6704">
        <v>18285.7</v>
      </c>
      <c r="F6704">
        <v>22.901700000000002</v>
      </c>
    </row>
    <row r="6705" spans="1:6" x14ac:dyDescent="0.25">
      <c r="A6705">
        <v>149.52000000000001</v>
      </c>
      <c r="B6705">
        <v>182.26</v>
      </c>
      <c r="C6705">
        <v>15709.1</v>
      </c>
      <c r="D6705">
        <v>1.9</v>
      </c>
      <c r="E6705">
        <v>17850.900000000001</v>
      </c>
      <c r="F6705">
        <v>22.9786</v>
      </c>
    </row>
    <row r="6706" spans="1:6" x14ac:dyDescent="0.25">
      <c r="A6706">
        <v>149.52000000000001</v>
      </c>
      <c r="B6706">
        <v>182.26</v>
      </c>
      <c r="C6706">
        <v>15709.1</v>
      </c>
      <c r="D6706">
        <v>2.2000000000000002</v>
      </c>
      <c r="E6706">
        <v>17571.7</v>
      </c>
      <c r="F6706">
        <v>23.001799999999999</v>
      </c>
    </row>
    <row r="6707" spans="1:6" x14ac:dyDescent="0.25">
      <c r="A6707">
        <v>149.52000000000001</v>
      </c>
      <c r="B6707">
        <v>182.26</v>
      </c>
      <c r="C6707">
        <v>15709.1</v>
      </c>
      <c r="D6707">
        <v>2.5</v>
      </c>
      <c r="E6707">
        <v>17332.900000000001</v>
      </c>
      <c r="F6707">
        <v>22.958500000000001</v>
      </c>
    </row>
    <row r="6708" spans="1:6" x14ac:dyDescent="0.25">
      <c r="A6708">
        <v>149.52000000000001</v>
      </c>
      <c r="B6708">
        <v>182.26</v>
      </c>
      <c r="C6708">
        <v>15709.1</v>
      </c>
      <c r="D6708">
        <v>2.8</v>
      </c>
      <c r="E6708">
        <v>17318</v>
      </c>
      <c r="F6708">
        <v>23.4129</v>
      </c>
    </row>
    <row r="6709" spans="1:6" x14ac:dyDescent="0.25">
      <c r="A6709">
        <v>149.52000000000001</v>
      </c>
      <c r="B6709">
        <v>182.26</v>
      </c>
      <c r="C6709">
        <v>15709.1</v>
      </c>
      <c r="D6709">
        <v>3.1</v>
      </c>
      <c r="E6709">
        <v>17148.7</v>
      </c>
      <c r="F6709">
        <v>23.518699999999999</v>
      </c>
    </row>
    <row r="6710" spans="1:6" x14ac:dyDescent="0.25">
      <c r="A6710">
        <v>149.52000000000001</v>
      </c>
      <c r="B6710">
        <v>182.26</v>
      </c>
      <c r="C6710">
        <v>15709.1</v>
      </c>
      <c r="D6710">
        <v>3.4</v>
      </c>
      <c r="E6710">
        <v>16963.8</v>
      </c>
      <c r="F6710">
        <v>23.622299999999999</v>
      </c>
    </row>
    <row r="6711" spans="1:6" x14ac:dyDescent="0.25">
      <c r="A6711">
        <v>149.52000000000001</v>
      </c>
      <c r="B6711">
        <v>182.26</v>
      </c>
      <c r="C6711">
        <v>15709.1</v>
      </c>
      <c r="D6711">
        <v>3.7</v>
      </c>
      <c r="E6711">
        <v>16931.7</v>
      </c>
      <c r="F6711">
        <v>23.678000000000001</v>
      </c>
    </row>
    <row r="6712" spans="1:6" x14ac:dyDescent="0.25">
      <c r="A6712">
        <v>149.52000000000001</v>
      </c>
      <c r="B6712">
        <v>182.26</v>
      </c>
      <c r="C6712">
        <v>15709.1</v>
      </c>
      <c r="D6712">
        <v>4</v>
      </c>
      <c r="E6712">
        <v>16805.400000000001</v>
      </c>
      <c r="F6712">
        <v>23.7349</v>
      </c>
    </row>
    <row r="6713" spans="1:6" x14ac:dyDescent="0.25">
      <c r="A6713">
        <v>149.52000000000001</v>
      </c>
      <c r="B6713">
        <v>182.26</v>
      </c>
      <c r="C6713">
        <v>17254.5</v>
      </c>
      <c r="D6713">
        <v>1</v>
      </c>
      <c r="E6713">
        <v>21171</v>
      </c>
      <c r="F6713">
        <v>21.540199999999999</v>
      </c>
    </row>
    <row r="6714" spans="1:6" x14ac:dyDescent="0.25">
      <c r="A6714">
        <v>149.52000000000001</v>
      </c>
      <c r="B6714">
        <v>182.26</v>
      </c>
      <c r="C6714">
        <v>17254.5</v>
      </c>
      <c r="D6714">
        <v>1.3</v>
      </c>
      <c r="E6714">
        <v>20205.2</v>
      </c>
      <c r="F6714">
        <v>22.786100000000001</v>
      </c>
    </row>
    <row r="6715" spans="1:6" x14ac:dyDescent="0.25">
      <c r="A6715">
        <v>149.52000000000001</v>
      </c>
      <c r="B6715">
        <v>182.26</v>
      </c>
      <c r="C6715">
        <v>17254.5</v>
      </c>
      <c r="D6715">
        <v>1.6</v>
      </c>
      <c r="E6715">
        <v>19672</v>
      </c>
      <c r="F6715">
        <v>22.901700000000002</v>
      </c>
    </row>
    <row r="6716" spans="1:6" x14ac:dyDescent="0.25">
      <c r="A6716">
        <v>149.52000000000001</v>
      </c>
      <c r="B6716">
        <v>182.26</v>
      </c>
      <c r="C6716">
        <v>17254.5</v>
      </c>
      <c r="D6716">
        <v>1.9</v>
      </c>
      <c r="E6716">
        <v>19196.900000000001</v>
      </c>
      <c r="F6716">
        <v>22.9786</v>
      </c>
    </row>
    <row r="6717" spans="1:6" x14ac:dyDescent="0.25">
      <c r="A6717">
        <v>149.52000000000001</v>
      </c>
      <c r="B6717">
        <v>182.26</v>
      </c>
      <c r="C6717">
        <v>17254.5</v>
      </c>
      <c r="D6717">
        <v>2.2000000000000002</v>
      </c>
      <c r="E6717">
        <v>19102.099999999999</v>
      </c>
      <c r="F6717">
        <v>23.001799999999999</v>
      </c>
    </row>
    <row r="6718" spans="1:6" x14ac:dyDescent="0.25">
      <c r="A6718">
        <v>149.52000000000001</v>
      </c>
      <c r="B6718">
        <v>182.26</v>
      </c>
      <c r="C6718">
        <v>17254.5</v>
      </c>
      <c r="D6718">
        <v>2.5</v>
      </c>
      <c r="E6718">
        <v>18808.400000000001</v>
      </c>
      <c r="F6718">
        <v>22.958500000000001</v>
      </c>
    </row>
    <row r="6719" spans="1:6" x14ac:dyDescent="0.25">
      <c r="A6719">
        <v>149.52000000000001</v>
      </c>
      <c r="B6719">
        <v>182.26</v>
      </c>
      <c r="C6719">
        <v>17254.5</v>
      </c>
      <c r="D6719">
        <v>2.8</v>
      </c>
      <c r="E6719">
        <v>18883.900000000001</v>
      </c>
      <c r="F6719">
        <v>23.4129</v>
      </c>
    </row>
    <row r="6720" spans="1:6" x14ac:dyDescent="0.25">
      <c r="A6720">
        <v>149.52000000000001</v>
      </c>
      <c r="B6720">
        <v>182.26</v>
      </c>
      <c r="C6720">
        <v>17254.5</v>
      </c>
      <c r="D6720">
        <v>3.1</v>
      </c>
      <c r="E6720">
        <v>18685</v>
      </c>
      <c r="F6720">
        <v>23.518699999999999</v>
      </c>
    </row>
    <row r="6721" spans="1:6" x14ac:dyDescent="0.25">
      <c r="A6721">
        <v>149.52000000000001</v>
      </c>
      <c r="B6721">
        <v>182.26</v>
      </c>
      <c r="C6721">
        <v>17254.5</v>
      </c>
      <c r="D6721">
        <v>3.4</v>
      </c>
      <c r="E6721">
        <v>18646.3</v>
      </c>
      <c r="F6721">
        <v>23.622299999999999</v>
      </c>
    </row>
    <row r="6722" spans="1:6" x14ac:dyDescent="0.25">
      <c r="A6722">
        <v>149.52000000000001</v>
      </c>
      <c r="B6722">
        <v>182.26</v>
      </c>
      <c r="C6722">
        <v>17254.5</v>
      </c>
      <c r="D6722">
        <v>3.7</v>
      </c>
      <c r="E6722">
        <v>18490</v>
      </c>
      <c r="F6722">
        <v>23.678000000000001</v>
      </c>
    </row>
    <row r="6723" spans="1:6" x14ac:dyDescent="0.25">
      <c r="A6723">
        <v>149.52000000000001</v>
      </c>
      <c r="B6723">
        <v>182.26</v>
      </c>
      <c r="C6723">
        <v>17254.5</v>
      </c>
      <c r="D6723">
        <v>4</v>
      </c>
      <c r="E6723">
        <v>18520.2</v>
      </c>
      <c r="F6723">
        <v>23.7349</v>
      </c>
    </row>
    <row r="6724" spans="1:6" x14ac:dyDescent="0.25">
      <c r="A6724">
        <v>149.52000000000001</v>
      </c>
      <c r="B6724">
        <v>182.26</v>
      </c>
      <c r="C6724">
        <v>18800</v>
      </c>
      <c r="D6724">
        <v>1</v>
      </c>
      <c r="E6724">
        <v>22782.2</v>
      </c>
      <c r="F6724">
        <v>21.540199999999999</v>
      </c>
    </row>
    <row r="6725" spans="1:6" x14ac:dyDescent="0.25">
      <c r="A6725">
        <v>149.52000000000001</v>
      </c>
      <c r="B6725">
        <v>182.26</v>
      </c>
      <c r="C6725">
        <v>18800</v>
      </c>
      <c r="D6725">
        <v>1.3</v>
      </c>
      <c r="E6725">
        <v>21782.6</v>
      </c>
      <c r="F6725">
        <v>22.786100000000001</v>
      </c>
    </row>
    <row r="6726" spans="1:6" x14ac:dyDescent="0.25">
      <c r="A6726">
        <v>149.52000000000001</v>
      </c>
      <c r="B6726">
        <v>182.26</v>
      </c>
      <c r="C6726">
        <v>18800</v>
      </c>
      <c r="D6726">
        <v>1.6</v>
      </c>
      <c r="E6726">
        <v>21238.2</v>
      </c>
      <c r="F6726">
        <v>22.901700000000002</v>
      </c>
    </row>
    <row r="6727" spans="1:6" x14ac:dyDescent="0.25">
      <c r="A6727">
        <v>149.52000000000001</v>
      </c>
      <c r="B6727">
        <v>182.26</v>
      </c>
      <c r="C6727">
        <v>18800</v>
      </c>
      <c r="D6727">
        <v>1.9</v>
      </c>
      <c r="E6727">
        <v>20857.099999999999</v>
      </c>
      <c r="F6727">
        <v>22.9786</v>
      </c>
    </row>
    <row r="6728" spans="1:6" x14ac:dyDescent="0.25">
      <c r="A6728">
        <v>149.52000000000001</v>
      </c>
      <c r="B6728">
        <v>182.26</v>
      </c>
      <c r="C6728">
        <v>18800</v>
      </c>
      <c r="D6728">
        <v>2.2000000000000002</v>
      </c>
      <c r="E6728">
        <v>20622.5</v>
      </c>
      <c r="F6728">
        <v>23.001799999999999</v>
      </c>
    </row>
    <row r="6729" spans="1:6" x14ac:dyDescent="0.25">
      <c r="A6729">
        <v>149.52000000000001</v>
      </c>
      <c r="B6729">
        <v>182.26</v>
      </c>
      <c r="C6729">
        <v>18800</v>
      </c>
      <c r="D6729">
        <v>2.5</v>
      </c>
      <c r="E6729">
        <v>20351.099999999999</v>
      </c>
      <c r="F6729">
        <v>22.958500000000001</v>
      </c>
    </row>
    <row r="6730" spans="1:6" x14ac:dyDescent="0.25">
      <c r="A6730">
        <v>149.52000000000001</v>
      </c>
      <c r="B6730">
        <v>182.26</v>
      </c>
      <c r="C6730">
        <v>18800</v>
      </c>
      <c r="D6730">
        <v>2.8</v>
      </c>
      <c r="E6730">
        <v>20381.5</v>
      </c>
      <c r="F6730">
        <v>23.4129</v>
      </c>
    </row>
    <row r="6731" spans="1:6" x14ac:dyDescent="0.25">
      <c r="A6731">
        <v>149.52000000000001</v>
      </c>
      <c r="B6731">
        <v>182.26</v>
      </c>
      <c r="C6731">
        <v>18800</v>
      </c>
      <c r="D6731">
        <v>3.1</v>
      </c>
      <c r="E6731">
        <v>20131.900000000001</v>
      </c>
      <c r="F6731">
        <v>23.518699999999999</v>
      </c>
    </row>
    <row r="6732" spans="1:6" x14ac:dyDescent="0.25">
      <c r="A6732">
        <v>149.52000000000001</v>
      </c>
      <c r="B6732">
        <v>182.26</v>
      </c>
      <c r="C6732">
        <v>18800</v>
      </c>
      <c r="D6732">
        <v>3.4</v>
      </c>
      <c r="E6732">
        <v>20089.5</v>
      </c>
      <c r="F6732">
        <v>23.622299999999999</v>
      </c>
    </row>
    <row r="6733" spans="1:6" x14ac:dyDescent="0.25">
      <c r="A6733">
        <v>149.52000000000001</v>
      </c>
      <c r="B6733">
        <v>182.26</v>
      </c>
      <c r="C6733">
        <v>18800</v>
      </c>
      <c r="D6733">
        <v>3.7</v>
      </c>
      <c r="E6733">
        <v>19997.900000000001</v>
      </c>
      <c r="F6733">
        <v>23.678000000000001</v>
      </c>
    </row>
    <row r="6734" spans="1:6" x14ac:dyDescent="0.25">
      <c r="A6734">
        <v>149.52000000000001</v>
      </c>
      <c r="B6734">
        <v>182.26</v>
      </c>
      <c r="C6734">
        <v>18800</v>
      </c>
      <c r="D6734">
        <v>4</v>
      </c>
      <c r="E6734">
        <v>19977</v>
      </c>
      <c r="F6734">
        <v>23.7349</v>
      </c>
    </row>
    <row r="6735" spans="1:6" x14ac:dyDescent="0.25">
      <c r="A6735">
        <v>149.52000000000001</v>
      </c>
      <c r="B6735">
        <v>185.89</v>
      </c>
      <c r="C6735">
        <v>1800</v>
      </c>
      <c r="D6735">
        <v>1</v>
      </c>
      <c r="E6735">
        <v>5503.5</v>
      </c>
      <c r="F6735">
        <v>44.874200000000002</v>
      </c>
    </row>
    <row r="6736" spans="1:6" x14ac:dyDescent="0.25">
      <c r="A6736">
        <v>149.52000000000001</v>
      </c>
      <c r="B6736">
        <v>185.89</v>
      </c>
      <c r="C6736">
        <v>1800</v>
      </c>
      <c r="D6736">
        <v>1.3</v>
      </c>
      <c r="E6736">
        <v>4890.24</v>
      </c>
      <c r="F6736">
        <v>55.431100000000001</v>
      </c>
    </row>
    <row r="6737" spans="1:6" x14ac:dyDescent="0.25">
      <c r="A6737">
        <v>149.52000000000001</v>
      </c>
      <c r="B6737">
        <v>185.89</v>
      </c>
      <c r="C6737">
        <v>1800</v>
      </c>
      <c r="D6737">
        <v>1.6</v>
      </c>
      <c r="E6737">
        <v>4582.87</v>
      </c>
      <c r="F6737">
        <v>62.431699999999999</v>
      </c>
    </row>
    <row r="6738" spans="1:6" x14ac:dyDescent="0.25">
      <c r="A6738">
        <v>149.52000000000001</v>
      </c>
      <c r="B6738">
        <v>185.89</v>
      </c>
      <c r="C6738">
        <v>1800</v>
      </c>
      <c r="D6738">
        <v>1.9</v>
      </c>
      <c r="E6738">
        <v>4245.74</v>
      </c>
      <c r="F6738">
        <v>71.210499999999996</v>
      </c>
    </row>
    <row r="6739" spans="1:6" x14ac:dyDescent="0.25">
      <c r="A6739">
        <v>149.52000000000001</v>
      </c>
      <c r="B6739">
        <v>185.89</v>
      </c>
      <c r="C6739">
        <v>1800</v>
      </c>
      <c r="D6739">
        <v>2.2000000000000002</v>
      </c>
      <c r="E6739">
        <v>4036.08</v>
      </c>
      <c r="F6739">
        <v>80.137600000000006</v>
      </c>
    </row>
    <row r="6740" spans="1:6" x14ac:dyDescent="0.25">
      <c r="A6740">
        <v>149.52000000000001</v>
      </c>
      <c r="B6740">
        <v>185.89</v>
      </c>
      <c r="C6740">
        <v>1800</v>
      </c>
      <c r="D6740">
        <v>2.5</v>
      </c>
      <c r="E6740">
        <v>3921.44</v>
      </c>
      <c r="F6740">
        <v>87.966999999999999</v>
      </c>
    </row>
    <row r="6741" spans="1:6" x14ac:dyDescent="0.25">
      <c r="A6741">
        <v>149.52000000000001</v>
      </c>
      <c r="B6741">
        <v>185.89</v>
      </c>
      <c r="C6741">
        <v>1800</v>
      </c>
      <c r="D6741">
        <v>2.8</v>
      </c>
      <c r="E6741">
        <v>3822.41</v>
      </c>
      <c r="F6741">
        <v>91.707999999999998</v>
      </c>
    </row>
    <row r="6742" spans="1:6" x14ac:dyDescent="0.25">
      <c r="A6742">
        <v>149.52000000000001</v>
      </c>
      <c r="B6742">
        <v>185.89</v>
      </c>
      <c r="C6742">
        <v>1800</v>
      </c>
      <c r="D6742">
        <v>3.1</v>
      </c>
      <c r="E6742">
        <v>3711.19</v>
      </c>
      <c r="F6742">
        <v>96.777900000000002</v>
      </c>
    </row>
    <row r="6743" spans="1:6" x14ac:dyDescent="0.25">
      <c r="A6743">
        <v>149.52000000000001</v>
      </c>
      <c r="B6743">
        <v>185.89</v>
      </c>
      <c r="C6743">
        <v>1800</v>
      </c>
      <c r="D6743">
        <v>3.4</v>
      </c>
      <c r="E6743">
        <v>3676.33</v>
      </c>
      <c r="F6743">
        <v>95.480500000000006</v>
      </c>
    </row>
    <row r="6744" spans="1:6" x14ac:dyDescent="0.25">
      <c r="A6744">
        <v>149.52000000000001</v>
      </c>
      <c r="B6744">
        <v>185.89</v>
      </c>
      <c r="C6744">
        <v>1800</v>
      </c>
      <c r="D6744">
        <v>3.7</v>
      </c>
      <c r="E6744">
        <v>3618.97</v>
      </c>
      <c r="F6744">
        <v>97.086799999999997</v>
      </c>
    </row>
    <row r="6745" spans="1:6" x14ac:dyDescent="0.25">
      <c r="A6745">
        <v>149.52000000000001</v>
      </c>
      <c r="B6745">
        <v>185.89</v>
      </c>
      <c r="C6745">
        <v>1800</v>
      </c>
      <c r="D6745">
        <v>4</v>
      </c>
      <c r="E6745">
        <v>3554.9</v>
      </c>
      <c r="F6745">
        <v>102.16200000000001</v>
      </c>
    </row>
    <row r="6746" spans="1:6" x14ac:dyDescent="0.25">
      <c r="A6746">
        <v>149.52000000000001</v>
      </c>
      <c r="B6746">
        <v>185.89</v>
      </c>
      <c r="C6746">
        <v>3345.45</v>
      </c>
      <c r="D6746">
        <v>1</v>
      </c>
      <c r="E6746">
        <v>6783.38</v>
      </c>
      <c r="F6746">
        <v>17.0105</v>
      </c>
    </row>
    <row r="6747" spans="1:6" x14ac:dyDescent="0.25">
      <c r="A6747">
        <v>149.52000000000001</v>
      </c>
      <c r="B6747">
        <v>185.89</v>
      </c>
      <c r="C6747">
        <v>3345.45</v>
      </c>
      <c r="D6747">
        <v>1.3</v>
      </c>
      <c r="E6747">
        <v>6366.27</v>
      </c>
      <c r="F6747">
        <v>17.636600000000001</v>
      </c>
    </row>
    <row r="6748" spans="1:6" x14ac:dyDescent="0.25">
      <c r="A6748">
        <v>149.52000000000001</v>
      </c>
      <c r="B6748">
        <v>185.89</v>
      </c>
      <c r="C6748">
        <v>3345.45</v>
      </c>
      <c r="D6748">
        <v>1.6</v>
      </c>
      <c r="E6748">
        <v>5802.51</v>
      </c>
      <c r="F6748">
        <v>19.064499999999999</v>
      </c>
    </row>
    <row r="6749" spans="1:6" x14ac:dyDescent="0.25">
      <c r="A6749">
        <v>149.52000000000001</v>
      </c>
      <c r="B6749">
        <v>185.89</v>
      </c>
      <c r="C6749">
        <v>3345.45</v>
      </c>
      <c r="D6749">
        <v>1.9</v>
      </c>
      <c r="E6749">
        <v>5751.72</v>
      </c>
      <c r="F6749">
        <v>20.7821</v>
      </c>
    </row>
    <row r="6750" spans="1:6" x14ac:dyDescent="0.25">
      <c r="A6750">
        <v>149.52000000000001</v>
      </c>
      <c r="B6750">
        <v>185.89</v>
      </c>
      <c r="C6750">
        <v>3345.45</v>
      </c>
      <c r="D6750">
        <v>2.2000000000000002</v>
      </c>
      <c r="E6750">
        <v>5437.08</v>
      </c>
      <c r="F6750">
        <v>24.432700000000001</v>
      </c>
    </row>
    <row r="6751" spans="1:6" x14ac:dyDescent="0.25">
      <c r="A6751">
        <v>149.52000000000001</v>
      </c>
      <c r="B6751">
        <v>185.89</v>
      </c>
      <c r="C6751">
        <v>3345.45</v>
      </c>
      <c r="D6751">
        <v>2.5</v>
      </c>
      <c r="E6751">
        <v>5173.09</v>
      </c>
      <c r="F6751">
        <v>25.938400000000001</v>
      </c>
    </row>
    <row r="6752" spans="1:6" x14ac:dyDescent="0.25">
      <c r="A6752">
        <v>149.52000000000001</v>
      </c>
      <c r="B6752">
        <v>185.89</v>
      </c>
      <c r="C6752">
        <v>3345.45</v>
      </c>
      <c r="D6752">
        <v>2.8</v>
      </c>
      <c r="E6752">
        <v>5083.9399999999996</v>
      </c>
      <c r="F6752">
        <v>32.570599999999999</v>
      </c>
    </row>
    <row r="6753" spans="1:6" x14ac:dyDescent="0.25">
      <c r="A6753">
        <v>149.52000000000001</v>
      </c>
      <c r="B6753">
        <v>185.89</v>
      </c>
      <c r="C6753">
        <v>3345.45</v>
      </c>
      <c r="D6753">
        <v>3.1</v>
      </c>
      <c r="E6753">
        <v>5118.4799999999996</v>
      </c>
      <c r="F6753">
        <v>36.188099999999999</v>
      </c>
    </row>
    <row r="6754" spans="1:6" x14ac:dyDescent="0.25">
      <c r="A6754">
        <v>149.52000000000001</v>
      </c>
      <c r="B6754">
        <v>185.89</v>
      </c>
      <c r="C6754">
        <v>3345.45</v>
      </c>
      <c r="D6754">
        <v>3.4</v>
      </c>
      <c r="E6754">
        <v>4900.5600000000004</v>
      </c>
      <c r="F6754">
        <v>38.058100000000003</v>
      </c>
    </row>
    <row r="6755" spans="1:6" x14ac:dyDescent="0.25">
      <c r="A6755">
        <v>149.52000000000001</v>
      </c>
      <c r="B6755">
        <v>185.89</v>
      </c>
      <c r="C6755">
        <v>3345.45</v>
      </c>
      <c r="D6755">
        <v>3.7</v>
      </c>
      <c r="E6755">
        <v>4879.1400000000003</v>
      </c>
      <c r="F6755">
        <v>41.874299999999998</v>
      </c>
    </row>
    <row r="6756" spans="1:6" x14ac:dyDescent="0.25">
      <c r="A6756">
        <v>149.52000000000001</v>
      </c>
      <c r="B6756">
        <v>185.89</v>
      </c>
      <c r="C6756">
        <v>3345.45</v>
      </c>
      <c r="D6756">
        <v>4</v>
      </c>
      <c r="E6756">
        <v>4842.57</v>
      </c>
      <c r="F6756">
        <v>40.871499999999997</v>
      </c>
    </row>
    <row r="6757" spans="1:6" x14ac:dyDescent="0.25">
      <c r="A6757">
        <v>149.52000000000001</v>
      </c>
      <c r="B6757">
        <v>185.89</v>
      </c>
      <c r="C6757">
        <v>4890.8999999999996</v>
      </c>
      <c r="D6757">
        <v>1</v>
      </c>
      <c r="E6757">
        <v>8807.5499999999993</v>
      </c>
      <c r="F6757">
        <v>20.322199999999999</v>
      </c>
    </row>
    <row r="6758" spans="1:6" x14ac:dyDescent="0.25">
      <c r="A6758">
        <v>149.52000000000001</v>
      </c>
      <c r="B6758">
        <v>185.89</v>
      </c>
      <c r="C6758">
        <v>4890.8999999999996</v>
      </c>
      <c r="D6758">
        <v>1.3</v>
      </c>
      <c r="E6758">
        <v>7876.57</v>
      </c>
      <c r="F6758">
        <v>21.410900000000002</v>
      </c>
    </row>
    <row r="6759" spans="1:6" x14ac:dyDescent="0.25">
      <c r="A6759">
        <v>149.52000000000001</v>
      </c>
      <c r="B6759">
        <v>185.89</v>
      </c>
      <c r="C6759">
        <v>4890.8999999999996</v>
      </c>
      <c r="D6759">
        <v>1.6</v>
      </c>
      <c r="E6759">
        <v>7343.97</v>
      </c>
      <c r="F6759">
        <v>19.643599999999999</v>
      </c>
    </row>
    <row r="6760" spans="1:6" x14ac:dyDescent="0.25">
      <c r="A6760">
        <v>149.52000000000001</v>
      </c>
      <c r="B6760">
        <v>185.89</v>
      </c>
      <c r="C6760">
        <v>4890.8999999999996</v>
      </c>
      <c r="D6760">
        <v>1.9</v>
      </c>
      <c r="E6760">
        <v>7155.34</v>
      </c>
      <c r="F6760">
        <v>20.131399999999999</v>
      </c>
    </row>
    <row r="6761" spans="1:6" x14ac:dyDescent="0.25">
      <c r="A6761">
        <v>149.52000000000001</v>
      </c>
      <c r="B6761">
        <v>185.89</v>
      </c>
      <c r="C6761">
        <v>4890.8999999999996</v>
      </c>
      <c r="D6761">
        <v>2.2000000000000002</v>
      </c>
      <c r="E6761">
        <v>6882.75</v>
      </c>
      <c r="F6761">
        <v>20.537600000000001</v>
      </c>
    </row>
    <row r="6762" spans="1:6" x14ac:dyDescent="0.25">
      <c r="A6762">
        <v>149.52000000000001</v>
      </c>
      <c r="B6762">
        <v>185.89</v>
      </c>
      <c r="C6762">
        <v>4890.8999999999996</v>
      </c>
      <c r="D6762">
        <v>2.5</v>
      </c>
      <c r="E6762">
        <v>6608.37</v>
      </c>
      <c r="F6762">
        <v>20.933599999999998</v>
      </c>
    </row>
    <row r="6763" spans="1:6" x14ac:dyDescent="0.25">
      <c r="A6763">
        <v>149.52000000000001</v>
      </c>
      <c r="B6763">
        <v>185.89</v>
      </c>
      <c r="C6763">
        <v>4890.8999999999996</v>
      </c>
      <c r="D6763">
        <v>2.8</v>
      </c>
      <c r="E6763">
        <v>6488.8</v>
      </c>
      <c r="F6763">
        <v>18.745899999999999</v>
      </c>
    </row>
    <row r="6764" spans="1:6" x14ac:dyDescent="0.25">
      <c r="A6764">
        <v>149.52000000000001</v>
      </c>
      <c r="B6764">
        <v>185.89</v>
      </c>
      <c r="C6764">
        <v>4890.8999999999996</v>
      </c>
      <c r="D6764">
        <v>3.1</v>
      </c>
      <c r="E6764">
        <v>6409.41</v>
      </c>
      <c r="F6764">
        <v>18.652000000000001</v>
      </c>
    </row>
    <row r="6765" spans="1:6" x14ac:dyDescent="0.25">
      <c r="A6765">
        <v>149.52000000000001</v>
      </c>
      <c r="B6765">
        <v>185.89</v>
      </c>
      <c r="C6765">
        <v>4890.8999999999996</v>
      </c>
      <c r="D6765">
        <v>3.4</v>
      </c>
      <c r="E6765">
        <v>6370.29</v>
      </c>
      <c r="F6765">
        <v>18.764600000000002</v>
      </c>
    </row>
    <row r="6766" spans="1:6" x14ac:dyDescent="0.25">
      <c r="A6766">
        <v>149.52000000000001</v>
      </c>
      <c r="B6766">
        <v>185.89</v>
      </c>
      <c r="C6766">
        <v>4890.8999999999996</v>
      </c>
      <c r="D6766">
        <v>3.7</v>
      </c>
      <c r="E6766">
        <v>6225.68</v>
      </c>
      <c r="F6766">
        <v>18.8599</v>
      </c>
    </row>
    <row r="6767" spans="1:6" x14ac:dyDescent="0.25">
      <c r="A6767">
        <v>149.52000000000001</v>
      </c>
      <c r="B6767">
        <v>185.89</v>
      </c>
      <c r="C6767">
        <v>4890.8999999999996</v>
      </c>
      <c r="D6767">
        <v>4</v>
      </c>
      <c r="E6767">
        <v>6172.05</v>
      </c>
      <c r="F6767">
        <v>19.108499999999999</v>
      </c>
    </row>
    <row r="6768" spans="1:6" x14ac:dyDescent="0.25">
      <c r="A6768">
        <v>149.52000000000001</v>
      </c>
      <c r="B6768">
        <v>185.89</v>
      </c>
      <c r="C6768">
        <v>6436.35</v>
      </c>
      <c r="D6768">
        <v>1</v>
      </c>
      <c r="E6768">
        <v>10216.6</v>
      </c>
      <c r="F6768">
        <v>21.540199999999999</v>
      </c>
    </row>
    <row r="6769" spans="1:6" x14ac:dyDescent="0.25">
      <c r="A6769">
        <v>149.52000000000001</v>
      </c>
      <c r="B6769">
        <v>185.89</v>
      </c>
      <c r="C6769">
        <v>6436.35</v>
      </c>
      <c r="D6769">
        <v>1.3</v>
      </c>
      <c r="E6769">
        <v>9158.58</v>
      </c>
      <c r="F6769">
        <v>22.786100000000001</v>
      </c>
    </row>
    <row r="6770" spans="1:6" x14ac:dyDescent="0.25">
      <c r="A6770">
        <v>149.52000000000001</v>
      </c>
      <c r="B6770">
        <v>185.89</v>
      </c>
      <c r="C6770">
        <v>6436.35</v>
      </c>
      <c r="D6770">
        <v>1.6</v>
      </c>
      <c r="E6770">
        <v>8838.2900000000009</v>
      </c>
      <c r="F6770">
        <v>22.901700000000002</v>
      </c>
    </row>
    <row r="6771" spans="1:6" x14ac:dyDescent="0.25">
      <c r="A6771">
        <v>149.52000000000001</v>
      </c>
      <c r="B6771">
        <v>185.89</v>
      </c>
      <c r="C6771">
        <v>6436.35</v>
      </c>
      <c r="D6771">
        <v>1.9</v>
      </c>
      <c r="E6771">
        <v>8519.6299999999992</v>
      </c>
      <c r="F6771">
        <v>22.9786</v>
      </c>
    </row>
    <row r="6772" spans="1:6" x14ac:dyDescent="0.25">
      <c r="A6772">
        <v>149.52000000000001</v>
      </c>
      <c r="B6772">
        <v>185.89</v>
      </c>
      <c r="C6772">
        <v>6436.35</v>
      </c>
      <c r="D6772">
        <v>2.2000000000000002</v>
      </c>
      <c r="E6772">
        <v>8306.5400000000009</v>
      </c>
      <c r="F6772">
        <v>23.001799999999999</v>
      </c>
    </row>
    <row r="6773" spans="1:6" x14ac:dyDescent="0.25">
      <c r="A6773">
        <v>149.52000000000001</v>
      </c>
      <c r="B6773">
        <v>185.89</v>
      </c>
      <c r="C6773">
        <v>6436.35</v>
      </c>
      <c r="D6773">
        <v>2.5</v>
      </c>
      <c r="E6773">
        <v>8098.76</v>
      </c>
      <c r="F6773">
        <v>22.958500000000001</v>
      </c>
    </row>
    <row r="6774" spans="1:6" x14ac:dyDescent="0.25">
      <c r="A6774">
        <v>149.52000000000001</v>
      </c>
      <c r="B6774">
        <v>185.89</v>
      </c>
      <c r="C6774">
        <v>6436.35</v>
      </c>
      <c r="D6774">
        <v>2.8</v>
      </c>
      <c r="E6774">
        <v>7996.18</v>
      </c>
      <c r="F6774">
        <v>23.4129</v>
      </c>
    </row>
    <row r="6775" spans="1:6" x14ac:dyDescent="0.25">
      <c r="A6775">
        <v>149.52000000000001</v>
      </c>
      <c r="B6775">
        <v>185.89</v>
      </c>
      <c r="C6775">
        <v>6436.35</v>
      </c>
      <c r="D6775">
        <v>3.1</v>
      </c>
      <c r="E6775">
        <v>7799.29</v>
      </c>
      <c r="F6775">
        <v>23.518699999999999</v>
      </c>
    </row>
    <row r="6776" spans="1:6" x14ac:dyDescent="0.25">
      <c r="A6776">
        <v>149.52000000000001</v>
      </c>
      <c r="B6776">
        <v>185.89</v>
      </c>
      <c r="C6776">
        <v>6436.35</v>
      </c>
      <c r="D6776">
        <v>3.4</v>
      </c>
      <c r="E6776">
        <v>7710.62</v>
      </c>
      <c r="F6776">
        <v>23.622299999999999</v>
      </c>
    </row>
    <row r="6777" spans="1:6" x14ac:dyDescent="0.25">
      <c r="A6777">
        <v>149.52000000000001</v>
      </c>
      <c r="B6777">
        <v>185.89</v>
      </c>
      <c r="C6777">
        <v>6436.35</v>
      </c>
      <c r="D6777">
        <v>3.7</v>
      </c>
      <c r="E6777">
        <v>7597.17</v>
      </c>
      <c r="F6777">
        <v>23.678000000000001</v>
      </c>
    </row>
    <row r="6778" spans="1:6" x14ac:dyDescent="0.25">
      <c r="A6778">
        <v>149.52000000000001</v>
      </c>
      <c r="B6778">
        <v>185.89</v>
      </c>
      <c r="C6778">
        <v>6436.35</v>
      </c>
      <c r="D6778">
        <v>4</v>
      </c>
      <c r="E6778">
        <v>7530.08</v>
      </c>
      <c r="F6778">
        <v>23.7349</v>
      </c>
    </row>
    <row r="6779" spans="1:6" x14ac:dyDescent="0.25">
      <c r="A6779">
        <v>149.52000000000001</v>
      </c>
      <c r="B6779">
        <v>185.89</v>
      </c>
      <c r="C6779">
        <v>7981.8</v>
      </c>
      <c r="D6779">
        <v>1</v>
      </c>
      <c r="E6779">
        <v>11527.2</v>
      </c>
      <c r="F6779">
        <v>21.540199999999999</v>
      </c>
    </row>
    <row r="6780" spans="1:6" x14ac:dyDescent="0.25">
      <c r="A6780">
        <v>149.52000000000001</v>
      </c>
      <c r="B6780">
        <v>185.89</v>
      </c>
      <c r="C6780">
        <v>7981.8</v>
      </c>
      <c r="D6780">
        <v>1.3</v>
      </c>
      <c r="E6780">
        <v>10776.6</v>
      </c>
      <c r="F6780">
        <v>22.786100000000001</v>
      </c>
    </row>
    <row r="6781" spans="1:6" x14ac:dyDescent="0.25">
      <c r="A6781">
        <v>149.52000000000001</v>
      </c>
      <c r="B6781">
        <v>185.89</v>
      </c>
      <c r="C6781">
        <v>7981.8</v>
      </c>
      <c r="D6781">
        <v>1.6</v>
      </c>
      <c r="E6781">
        <v>10354.700000000001</v>
      </c>
      <c r="F6781">
        <v>22.901700000000002</v>
      </c>
    </row>
    <row r="6782" spans="1:6" x14ac:dyDescent="0.25">
      <c r="A6782">
        <v>149.52000000000001</v>
      </c>
      <c r="B6782">
        <v>185.89</v>
      </c>
      <c r="C6782">
        <v>7981.8</v>
      </c>
      <c r="D6782">
        <v>1.9</v>
      </c>
      <c r="E6782">
        <v>9957.7999999999993</v>
      </c>
      <c r="F6782">
        <v>22.9786</v>
      </c>
    </row>
    <row r="6783" spans="1:6" x14ac:dyDescent="0.25">
      <c r="A6783">
        <v>149.52000000000001</v>
      </c>
      <c r="B6783">
        <v>185.89</v>
      </c>
      <c r="C6783">
        <v>7981.8</v>
      </c>
      <c r="D6783">
        <v>2.2000000000000002</v>
      </c>
      <c r="E6783">
        <v>9848.14</v>
      </c>
      <c r="F6783">
        <v>23.001799999999999</v>
      </c>
    </row>
    <row r="6784" spans="1:6" x14ac:dyDescent="0.25">
      <c r="A6784">
        <v>149.52000000000001</v>
      </c>
      <c r="B6784">
        <v>185.89</v>
      </c>
      <c r="C6784">
        <v>7981.8</v>
      </c>
      <c r="D6784">
        <v>2.5</v>
      </c>
      <c r="E6784">
        <v>9616.2900000000009</v>
      </c>
      <c r="F6784">
        <v>22.958500000000001</v>
      </c>
    </row>
    <row r="6785" spans="1:6" x14ac:dyDescent="0.25">
      <c r="A6785">
        <v>149.52000000000001</v>
      </c>
      <c r="B6785">
        <v>185.89</v>
      </c>
      <c r="C6785">
        <v>7981.8</v>
      </c>
      <c r="D6785">
        <v>2.8</v>
      </c>
      <c r="E6785">
        <v>9479.75</v>
      </c>
      <c r="F6785">
        <v>23.4129</v>
      </c>
    </row>
    <row r="6786" spans="1:6" x14ac:dyDescent="0.25">
      <c r="A6786">
        <v>149.52000000000001</v>
      </c>
      <c r="B6786">
        <v>185.89</v>
      </c>
      <c r="C6786">
        <v>7981.8</v>
      </c>
      <c r="D6786">
        <v>3.1</v>
      </c>
      <c r="E6786">
        <v>9413.7099999999991</v>
      </c>
      <c r="F6786">
        <v>23.518699999999999</v>
      </c>
    </row>
    <row r="6787" spans="1:6" x14ac:dyDescent="0.25">
      <c r="A6787">
        <v>149.52000000000001</v>
      </c>
      <c r="B6787">
        <v>185.89</v>
      </c>
      <c r="C6787">
        <v>7981.8</v>
      </c>
      <c r="D6787">
        <v>3.4</v>
      </c>
      <c r="E6787">
        <v>9293.43</v>
      </c>
      <c r="F6787">
        <v>23.622299999999999</v>
      </c>
    </row>
    <row r="6788" spans="1:6" x14ac:dyDescent="0.25">
      <c r="A6788">
        <v>149.52000000000001</v>
      </c>
      <c r="B6788">
        <v>185.89</v>
      </c>
      <c r="C6788">
        <v>7981.8</v>
      </c>
      <c r="D6788">
        <v>3.7</v>
      </c>
      <c r="E6788">
        <v>9169.76</v>
      </c>
      <c r="F6788">
        <v>23.678000000000001</v>
      </c>
    </row>
    <row r="6789" spans="1:6" x14ac:dyDescent="0.25">
      <c r="A6789">
        <v>149.52000000000001</v>
      </c>
      <c r="B6789">
        <v>185.89</v>
      </c>
      <c r="C6789">
        <v>7981.8</v>
      </c>
      <c r="D6789">
        <v>4</v>
      </c>
      <c r="E6789">
        <v>9086.4</v>
      </c>
      <c r="F6789">
        <v>23.7349</v>
      </c>
    </row>
    <row r="6790" spans="1:6" x14ac:dyDescent="0.25">
      <c r="A6790">
        <v>149.52000000000001</v>
      </c>
      <c r="B6790">
        <v>185.89</v>
      </c>
      <c r="C6790">
        <v>9527.25</v>
      </c>
      <c r="D6790">
        <v>1</v>
      </c>
      <c r="E6790">
        <v>13300.8</v>
      </c>
      <c r="F6790">
        <v>21.540199999999999</v>
      </c>
    </row>
    <row r="6791" spans="1:6" x14ac:dyDescent="0.25">
      <c r="A6791">
        <v>149.52000000000001</v>
      </c>
      <c r="B6791">
        <v>185.89</v>
      </c>
      <c r="C6791">
        <v>9527.25</v>
      </c>
      <c r="D6791">
        <v>1.3</v>
      </c>
      <c r="E6791">
        <v>12468.6</v>
      </c>
      <c r="F6791">
        <v>22.786100000000001</v>
      </c>
    </row>
    <row r="6792" spans="1:6" x14ac:dyDescent="0.25">
      <c r="A6792">
        <v>149.52000000000001</v>
      </c>
      <c r="B6792">
        <v>185.89</v>
      </c>
      <c r="C6792">
        <v>9527.25</v>
      </c>
      <c r="D6792">
        <v>1.6</v>
      </c>
      <c r="E6792">
        <v>12026</v>
      </c>
      <c r="F6792">
        <v>22.901700000000002</v>
      </c>
    </row>
    <row r="6793" spans="1:6" x14ac:dyDescent="0.25">
      <c r="A6793">
        <v>149.52000000000001</v>
      </c>
      <c r="B6793">
        <v>185.89</v>
      </c>
      <c r="C6793">
        <v>9527.25</v>
      </c>
      <c r="D6793">
        <v>1.9</v>
      </c>
      <c r="E6793">
        <v>11594.2</v>
      </c>
      <c r="F6793">
        <v>22.9786</v>
      </c>
    </row>
    <row r="6794" spans="1:6" x14ac:dyDescent="0.25">
      <c r="A6794">
        <v>149.52000000000001</v>
      </c>
      <c r="B6794">
        <v>185.89</v>
      </c>
      <c r="C6794">
        <v>9527.25</v>
      </c>
      <c r="D6794">
        <v>2.2000000000000002</v>
      </c>
      <c r="E6794">
        <v>11300.1</v>
      </c>
      <c r="F6794">
        <v>23.001799999999999</v>
      </c>
    </row>
    <row r="6795" spans="1:6" x14ac:dyDescent="0.25">
      <c r="A6795">
        <v>149.52000000000001</v>
      </c>
      <c r="B6795">
        <v>185.89</v>
      </c>
      <c r="C6795">
        <v>9527.25</v>
      </c>
      <c r="D6795">
        <v>2.5</v>
      </c>
      <c r="E6795">
        <v>11092.4</v>
      </c>
      <c r="F6795">
        <v>22.958500000000001</v>
      </c>
    </row>
    <row r="6796" spans="1:6" x14ac:dyDescent="0.25">
      <c r="A6796">
        <v>149.52000000000001</v>
      </c>
      <c r="B6796">
        <v>185.89</v>
      </c>
      <c r="C6796">
        <v>9527.25</v>
      </c>
      <c r="D6796">
        <v>2.8</v>
      </c>
      <c r="E6796">
        <v>11164.9</v>
      </c>
      <c r="F6796">
        <v>23.4129</v>
      </c>
    </row>
    <row r="6797" spans="1:6" x14ac:dyDescent="0.25">
      <c r="A6797">
        <v>149.52000000000001</v>
      </c>
      <c r="B6797">
        <v>185.89</v>
      </c>
      <c r="C6797">
        <v>9527.25</v>
      </c>
      <c r="D6797">
        <v>3.1</v>
      </c>
      <c r="E6797">
        <v>11004.6</v>
      </c>
      <c r="F6797">
        <v>23.518699999999999</v>
      </c>
    </row>
    <row r="6798" spans="1:6" x14ac:dyDescent="0.25">
      <c r="A6798">
        <v>149.52000000000001</v>
      </c>
      <c r="B6798">
        <v>185.89</v>
      </c>
      <c r="C6798">
        <v>9527.25</v>
      </c>
      <c r="D6798">
        <v>3.4</v>
      </c>
      <c r="E6798">
        <v>10841.4</v>
      </c>
      <c r="F6798">
        <v>23.622299999999999</v>
      </c>
    </row>
    <row r="6799" spans="1:6" x14ac:dyDescent="0.25">
      <c r="A6799">
        <v>149.52000000000001</v>
      </c>
      <c r="B6799">
        <v>185.89</v>
      </c>
      <c r="C6799">
        <v>9527.25</v>
      </c>
      <c r="D6799">
        <v>3.7</v>
      </c>
      <c r="E6799">
        <v>10815.6</v>
      </c>
      <c r="F6799">
        <v>23.678000000000001</v>
      </c>
    </row>
    <row r="6800" spans="1:6" x14ac:dyDescent="0.25">
      <c r="A6800">
        <v>149.52000000000001</v>
      </c>
      <c r="B6800">
        <v>185.89</v>
      </c>
      <c r="C6800">
        <v>9527.25</v>
      </c>
      <c r="D6800">
        <v>4</v>
      </c>
      <c r="E6800">
        <v>10759.4</v>
      </c>
      <c r="F6800">
        <v>23.7349</v>
      </c>
    </row>
    <row r="6801" spans="1:6" x14ac:dyDescent="0.25">
      <c r="A6801">
        <v>149.52000000000001</v>
      </c>
      <c r="B6801">
        <v>185.89</v>
      </c>
      <c r="C6801">
        <v>11072.7</v>
      </c>
      <c r="D6801">
        <v>1</v>
      </c>
      <c r="E6801">
        <v>14626</v>
      </c>
      <c r="F6801">
        <v>21.540199999999999</v>
      </c>
    </row>
    <row r="6802" spans="1:6" x14ac:dyDescent="0.25">
      <c r="A6802">
        <v>149.52000000000001</v>
      </c>
      <c r="B6802">
        <v>185.89</v>
      </c>
      <c r="C6802">
        <v>11072.7</v>
      </c>
      <c r="D6802">
        <v>1.3</v>
      </c>
      <c r="E6802">
        <v>14174.5</v>
      </c>
      <c r="F6802">
        <v>22.786100000000001</v>
      </c>
    </row>
    <row r="6803" spans="1:6" x14ac:dyDescent="0.25">
      <c r="A6803">
        <v>149.52000000000001</v>
      </c>
      <c r="B6803">
        <v>185.89</v>
      </c>
      <c r="C6803">
        <v>11072.7</v>
      </c>
      <c r="D6803">
        <v>1.6</v>
      </c>
      <c r="E6803">
        <v>13358.9</v>
      </c>
      <c r="F6803">
        <v>22.901700000000002</v>
      </c>
    </row>
    <row r="6804" spans="1:6" x14ac:dyDescent="0.25">
      <c r="A6804">
        <v>149.52000000000001</v>
      </c>
      <c r="B6804">
        <v>185.89</v>
      </c>
      <c r="C6804">
        <v>11072.7</v>
      </c>
      <c r="D6804">
        <v>1.9</v>
      </c>
      <c r="E6804">
        <v>13071.3</v>
      </c>
      <c r="F6804">
        <v>22.9786</v>
      </c>
    </row>
    <row r="6805" spans="1:6" x14ac:dyDescent="0.25">
      <c r="A6805">
        <v>149.52000000000001</v>
      </c>
      <c r="B6805">
        <v>185.89</v>
      </c>
      <c r="C6805">
        <v>11072.7</v>
      </c>
      <c r="D6805">
        <v>2.2000000000000002</v>
      </c>
      <c r="E6805">
        <v>12998.7</v>
      </c>
      <c r="F6805">
        <v>23.001799999999999</v>
      </c>
    </row>
    <row r="6806" spans="1:6" x14ac:dyDescent="0.25">
      <c r="A6806">
        <v>149.52000000000001</v>
      </c>
      <c r="B6806">
        <v>185.89</v>
      </c>
      <c r="C6806">
        <v>11072.7</v>
      </c>
      <c r="D6806">
        <v>2.5</v>
      </c>
      <c r="E6806">
        <v>12745.3</v>
      </c>
      <c r="F6806">
        <v>22.958500000000001</v>
      </c>
    </row>
    <row r="6807" spans="1:6" x14ac:dyDescent="0.25">
      <c r="A6807">
        <v>149.52000000000001</v>
      </c>
      <c r="B6807">
        <v>185.89</v>
      </c>
      <c r="C6807">
        <v>11072.7</v>
      </c>
      <c r="D6807">
        <v>2.8</v>
      </c>
      <c r="E6807">
        <v>12543</v>
      </c>
      <c r="F6807">
        <v>23.4129</v>
      </c>
    </row>
    <row r="6808" spans="1:6" x14ac:dyDescent="0.25">
      <c r="A6808">
        <v>149.52000000000001</v>
      </c>
      <c r="B6808">
        <v>185.89</v>
      </c>
      <c r="C6808">
        <v>11072.7</v>
      </c>
      <c r="D6808">
        <v>3.1</v>
      </c>
      <c r="E6808">
        <v>12546.9</v>
      </c>
      <c r="F6808">
        <v>23.518699999999999</v>
      </c>
    </row>
    <row r="6809" spans="1:6" x14ac:dyDescent="0.25">
      <c r="A6809">
        <v>149.52000000000001</v>
      </c>
      <c r="B6809">
        <v>185.89</v>
      </c>
      <c r="C6809">
        <v>11072.7</v>
      </c>
      <c r="D6809">
        <v>3.4</v>
      </c>
      <c r="E6809">
        <v>12414.9</v>
      </c>
      <c r="F6809">
        <v>23.622299999999999</v>
      </c>
    </row>
    <row r="6810" spans="1:6" x14ac:dyDescent="0.25">
      <c r="A6810">
        <v>149.52000000000001</v>
      </c>
      <c r="B6810">
        <v>185.89</v>
      </c>
      <c r="C6810">
        <v>11072.7</v>
      </c>
      <c r="D6810">
        <v>3.7</v>
      </c>
      <c r="E6810">
        <v>12408.3</v>
      </c>
      <c r="F6810">
        <v>23.678000000000001</v>
      </c>
    </row>
    <row r="6811" spans="1:6" x14ac:dyDescent="0.25">
      <c r="A6811">
        <v>149.52000000000001</v>
      </c>
      <c r="B6811">
        <v>185.89</v>
      </c>
      <c r="C6811">
        <v>11072.7</v>
      </c>
      <c r="D6811">
        <v>4</v>
      </c>
      <c r="E6811">
        <v>12232.3</v>
      </c>
      <c r="F6811">
        <v>23.7349</v>
      </c>
    </row>
    <row r="6812" spans="1:6" x14ac:dyDescent="0.25">
      <c r="A6812">
        <v>149.52000000000001</v>
      </c>
      <c r="B6812">
        <v>185.89</v>
      </c>
      <c r="C6812">
        <v>12618.2</v>
      </c>
      <c r="D6812">
        <v>1</v>
      </c>
      <c r="E6812">
        <v>16376.1</v>
      </c>
      <c r="F6812">
        <v>21.540199999999999</v>
      </c>
    </row>
    <row r="6813" spans="1:6" x14ac:dyDescent="0.25">
      <c r="A6813">
        <v>149.52000000000001</v>
      </c>
      <c r="B6813">
        <v>185.89</v>
      </c>
      <c r="C6813">
        <v>12618.2</v>
      </c>
      <c r="D6813">
        <v>1.3</v>
      </c>
      <c r="E6813">
        <v>15609.8</v>
      </c>
      <c r="F6813">
        <v>22.786100000000001</v>
      </c>
    </row>
    <row r="6814" spans="1:6" x14ac:dyDescent="0.25">
      <c r="A6814">
        <v>149.52000000000001</v>
      </c>
      <c r="B6814">
        <v>185.89</v>
      </c>
      <c r="C6814">
        <v>12618.2</v>
      </c>
      <c r="D6814">
        <v>1.6</v>
      </c>
      <c r="E6814">
        <v>14974.3</v>
      </c>
      <c r="F6814">
        <v>22.901700000000002</v>
      </c>
    </row>
    <row r="6815" spans="1:6" x14ac:dyDescent="0.25">
      <c r="A6815">
        <v>149.52000000000001</v>
      </c>
      <c r="B6815">
        <v>185.89</v>
      </c>
      <c r="C6815">
        <v>12618.2</v>
      </c>
      <c r="D6815">
        <v>1.9</v>
      </c>
      <c r="E6815">
        <v>14756.4</v>
      </c>
      <c r="F6815">
        <v>22.9786</v>
      </c>
    </row>
    <row r="6816" spans="1:6" x14ac:dyDescent="0.25">
      <c r="A6816">
        <v>149.52000000000001</v>
      </c>
      <c r="B6816">
        <v>185.89</v>
      </c>
      <c r="C6816">
        <v>12618.2</v>
      </c>
      <c r="D6816">
        <v>2.2000000000000002</v>
      </c>
      <c r="E6816">
        <v>14453</v>
      </c>
      <c r="F6816">
        <v>23.001799999999999</v>
      </c>
    </row>
    <row r="6817" spans="1:6" x14ac:dyDescent="0.25">
      <c r="A6817">
        <v>149.52000000000001</v>
      </c>
      <c r="B6817">
        <v>185.89</v>
      </c>
      <c r="C6817">
        <v>12618.2</v>
      </c>
      <c r="D6817">
        <v>2.5</v>
      </c>
      <c r="E6817">
        <v>14202.8</v>
      </c>
      <c r="F6817">
        <v>22.958500000000001</v>
      </c>
    </row>
    <row r="6818" spans="1:6" x14ac:dyDescent="0.25">
      <c r="A6818">
        <v>149.52000000000001</v>
      </c>
      <c r="B6818">
        <v>185.89</v>
      </c>
      <c r="C6818">
        <v>12618.2</v>
      </c>
      <c r="D6818">
        <v>2.8</v>
      </c>
      <c r="E6818">
        <v>14137.8</v>
      </c>
      <c r="F6818">
        <v>23.4129</v>
      </c>
    </row>
    <row r="6819" spans="1:6" x14ac:dyDescent="0.25">
      <c r="A6819">
        <v>149.52000000000001</v>
      </c>
      <c r="B6819">
        <v>185.89</v>
      </c>
      <c r="C6819">
        <v>12618.2</v>
      </c>
      <c r="D6819">
        <v>3.1</v>
      </c>
      <c r="E6819">
        <v>13974.7</v>
      </c>
      <c r="F6819">
        <v>23.518699999999999</v>
      </c>
    </row>
    <row r="6820" spans="1:6" x14ac:dyDescent="0.25">
      <c r="A6820">
        <v>149.52000000000001</v>
      </c>
      <c r="B6820">
        <v>185.89</v>
      </c>
      <c r="C6820">
        <v>12618.2</v>
      </c>
      <c r="D6820">
        <v>3.4</v>
      </c>
      <c r="E6820">
        <v>14052.6</v>
      </c>
      <c r="F6820">
        <v>23.622299999999999</v>
      </c>
    </row>
    <row r="6821" spans="1:6" x14ac:dyDescent="0.25">
      <c r="A6821">
        <v>149.52000000000001</v>
      </c>
      <c r="B6821">
        <v>185.89</v>
      </c>
      <c r="C6821">
        <v>12618.2</v>
      </c>
      <c r="D6821">
        <v>3.7</v>
      </c>
      <c r="E6821">
        <v>13831</v>
      </c>
      <c r="F6821">
        <v>23.678000000000001</v>
      </c>
    </row>
    <row r="6822" spans="1:6" x14ac:dyDescent="0.25">
      <c r="A6822">
        <v>149.52000000000001</v>
      </c>
      <c r="B6822">
        <v>185.89</v>
      </c>
      <c r="C6822">
        <v>12618.2</v>
      </c>
      <c r="D6822">
        <v>4</v>
      </c>
      <c r="E6822">
        <v>13718.2</v>
      </c>
      <c r="F6822">
        <v>23.7349</v>
      </c>
    </row>
    <row r="6823" spans="1:6" x14ac:dyDescent="0.25">
      <c r="A6823">
        <v>149.52000000000001</v>
      </c>
      <c r="B6823">
        <v>185.89</v>
      </c>
      <c r="C6823">
        <v>14163.6</v>
      </c>
      <c r="D6823">
        <v>1</v>
      </c>
      <c r="E6823">
        <v>17897.5</v>
      </c>
      <c r="F6823">
        <v>21.540199999999999</v>
      </c>
    </row>
    <row r="6824" spans="1:6" x14ac:dyDescent="0.25">
      <c r="A6824">
        <v>149.52000000000001</v>
      </c>
      <c r="B6824">
        <v>185.89</v>
      </c>
      <c r="C6824">
        <v>14163.6</v>
      </c>
      <c r="D6824">
        <v>1.3</v>
      </c>
      <c r="E6824">
        <v>17211.7</v>
      </c>
      <c r="F6824">
        <v>22.786100000000001</v>
      </c>
    </row>
    <row r="6825" spans="1:6" x14ac:dyDescent="0.25">
      <c r="A6825">
        <v>149.52000000000001</v>
      </c>
      <c r="B6825">
        <v>185.89</v>
      </c>
      <c r="C6825">
        <v>14163.6</v>
      </c>
      <c r="D6825">
        <v>1.6</v>
      </c>
      <c r="E6825">
        <v>16717.599999999999</v>
      </c>
      <c r="F6825">
        <v>22.901700000000002</v>
      </c>
    </row>
    <row r="6826" spans="1:6" x14ac:dyDescent="0.25">
      <c r="A6826">
        <v>149.52000000000001</v>
      </c>
      <c r="B6826">
        <v>185.89</v>
      </c>
      <c r="C6826">
        <v>14163.6</v>
      </c>
      <c r="D6826">
        <v>1.9</v>
      </c>
      <c r="E6826">
        <v>16357.2</v>
      </c>
      <c r="F6826">
        <v>22.9786</v>
      </c>
    </row>
    <row r="6827" spans="1:6" x14ac:dyDescent="0.25">
      <c r="A6827">
        <v>149.52000000000001</v>
      </c>
      <c r="B6827">
        <v>185.89</v>
      </c>
      <c r="C6827">
        <v>14163.6</v>
      </c>
      <c r="D6827">
        <v>2.2000000000000002</v>
      </c>
      <c r="E6827">
        <v>15987</v>
      </c>
      <c r="F6827">
        <v>23.001799999999999</v>
      </c>
    </row>
    <row r="6828" spans="1:6" x14ac:dyDescent="0.25">
      <c r="A6828">
        <v>149.52000000000001</v>
      </c>
      <c r="B6828">
        <v>185.89</v>
      </c>
      <c r="C6828">
        <v>14163.6</v>
      </c>
      <c r="D6828">
        <v>2.5</v>
      </c>
      <c r="E6828">
        <v>15802.1</v>
      </c>
      <c r="F6828">
        <v>22.958500000000001</v>
      </c>
    </row>
    <row r="6829" spans="1:6" x14ac:dyDescent="0.25">
      <c r="A6829">
        <v>149.52000000000001</v>
      </c>
      <c r="B6829">
        <v>185.89</v>
      </c>
      <c r="C6829">
        <v>14163.6</v>
      </c>
      <c r="D6829">
        <v>2.8</v>
      </c>
      <c r="E6829">
        <v>15889.5</v>
      </c>
      <c r="F6829">
        <v>23.4129</v>
      </c>
    </row>
    <row r="6830" spans="1:6" x14ac:dyDescent="0.25">
      <c r="A6830">
        <v>149.52000000000001</v>
      </c>
      <c r="B6830">
        <v>185.89</v>
      </c>
      <c r="C6830">
        <v>14163.6</v>
      </c>
      <c r="D6830">
        <v>3.1</v>
      </c>
      <c r="E6830">
        <v>15630.4</v>
      </c>
      <c r="F6830">
        <v>23.518699999999999</v>
      </c>
    </row>
    <row r="6831" spans="1:6" x14ac:dyDescent="0.25">
      <c r="A6831">
        <v>149.52000000000001</v>
      </c>
      <c r="B6831">
        <v>185.89</v>
      </c>
      <c r="C6831">
        <v>14163.6</v>
      </c>
      <c r="D6831">
        <v>3.4</v>
      </c>
      <c r="E6831">
        <v>15595.1</v>
      </c>
      <c r="F6831">
        <v>23.622299999999999</v>
      </c>
    </row>
    <row r="6832" spans="1:6" x14ac:dyDescent="0.25">
      <c r="A6832">
        <v>149.52000000000001</v>
      </c>
      <c r="B6832">
        <v>185.89</v>
      </c>
      <c r="C6832">
        <v>14163.6</v>
      </c>
      <c r="D6832">
        <v>3.7</v>
      </c>
      <c r="E6832">
        <v>15418.9</v>
      </c>
      <c r="F6832">
        <v>23.678000000000001</v>
      </c>
    </row>
    <row r="6833" spans="1:6" x14ac:dyDescent="0.25">
      <c r="A6833">
        <v>149.52000000000001</v>
      </c>
      <c r="B6833">
        <v>185.89</v>
      </c>
      <c r="C6833">
        <v>14163.6</v>
      </c>
      <c r="D6833">
        <v>4</v>
      </c>
      <c r="E6833">
        <v>15375.8</v>
      </c>
      <c r="F6833">
        <v>23.7349</v>
      </c>
    </row>
    <row r="6834" spans="1:6" x14ac:dyDescent="0.25">
      <c r="A6834">
        <v>149.52000000000001</v>
      </c>
      <c r="B6834">
        <v>185.89</v>
      </c>
      <c r="C6834">
        <v>15709.1</v>
      </c>
      <c r="D6834">
        <v>1</v>
      </c>
      <c r="E6834">
        <v>19250.3</v>
      </c>
      <c r="F6834">
        <v>21.540199999999999</v>
      </c>
    </row>
    <row r="6835" spans="1:6" x14ac:dyDescent="0.25">
      <c r="A6835">
        <v>149.52000000000001</v>
      </c>
      <c r="B6835">
        <v>185.89</v>
      </c>
      <c r="C6835">
        <v>15709.1</v>
      </c>
      <c r="D6835">
        <v>1.3</v>
      </c>
      <c r="E6835">
        <v>18892.5</v>
      </c>
      <c r="F6835">
        <v>22.786100000000001</v>
      </c>
    </row>
    <row r="6836" spans="1:6" x14ac:dyDescent="0.25">
      <c r="A6836">
        <v>149.52000000000001</v>
      </c>
      <c r="B6836">
        <v>185.89</v>
      </c>
      <c r="C6836">
        <v>15709.1</v>
      </c>
      <c r="D6836">
        <v>1.6</v>
      </c>
      <c r="E6836">
        <v>18295.2</v>
      </c>
      <c r="F6836">
        <v>22.901700000000002</v>
      </c>
    </row>
    <row r="6837" spans="1:6" x14ac:dyDescent="0.25">
      <c r="A6837">
        <v>149.52000000000001</v>
      </c>
      <c r="B6837">
        <v>185.89</v>
      </c>
      <c r="C6837">
        <v>15709.1</v>
      </c>
      <c r="D6837">
        <v>1.9</v>
      </c>
      <c r="E6837">
        <v>17912.2</v>
      </c>
      <c r="F6837">
        <v>22.9786</v>
      </c>
    </row>
    <row r="6838" spans="1:6" x14ac:dyDescent="0.25">
      <c r="A6838">
        <v>149.52000000000001</v>
      </c>
      <c r="B6838">
        <v>185.89</v>
      </c>
      <c r="C6838">
        <v>15709.1</v>
      </c>
      <c r="D6838">
        <v>2.2000000000000002</v>
      </c>
      <c r="E6838">
        <v>17490.599999999999</v>
      </c>
      <c r="F6838">
        <v>23.001799999999999</v>
      </c>
    </row>
    <row r="6839" spans="1:6" x14ac:dyDescent="0.25">
      <c r="A6839">
        <v>149.52000000000001</v>
      </c>
      <c r="B6839">
        <v>185.89</v>
      </c>
      <c r="C6839">
        <v>15709.1</v>
      </c>
      <c r="D6839">
        <v>2.5</v>
      </c>
      <c r="E6839">
        <v>17371.3</v>
      </c>
      <c r="F6839">
        <v>22.958500000000001</v>
      </c>
    </row>
    <row r="6840" spans="1:6" x14ac:dyDescent="0.25">
      <c r="A6840">
        <v>149.52000000000001</v>
      </c>
      <c r="B6840">
        <v>185.89</v>
      </c>
      <c r="C6840">
        <v>15709.1</v>
      </c>
      <c r="D6840">
        <v>2.8</v>
      </c>
      <c r="E6840">
        <v>17321.8</v>
      </c>
      <c r="F6840">
        <v>23.4129</v>
      </c>
    </row>
    <row r="6841" spans="1:6" x14ac:dyDescent="0.25">
      <c r="A6841">
        <v>149.52000000000001</v>
      </c>
      <c r="B6841">
        <v>185.89</v>
      </c>
      <c r="C6841">
        <v>15709.1</v>
      </c>
      <c r="D6841">
        <v>3.1</v>
      </c>
      <c r="E6841">
        <v>17061.2</v>
      </c>
      <c r="F6841">
        <v>23.518699999999999</v>
      </c>
    </row>
    <row r="6842" spans="1:6" x14ac:dyDescent="0.25">
      <c r="A6842">
        <v>149.52000000000001</v>
      </c>
      <c r="B6842">
        <v>185.89</v>
      </c>
      <c r="C6842">
        <v>15709.1</v>
      </c>
      <c r="D6842">
        <v>3.4</v>
      </c>
      <c r="E6842">
        <v>17167.5</v>
      </c>
      <c r="F6842">
        <v>23.622299999999999</v>
      </c>
    </row>
    <row r="6843" spans="1:6" x14ac:dyDescent="0.25">
      <c r="A6843">
        <v>149.52000000000001</v>
      </c>
      <c r="B6843">
        <v>185.89</v>
      </c>
      <c r="C6843">
        <v>15709.1</v>
      </c>
      <c r="D6843">
        <v>3.7</v>
      </c>
      <c r="E6843">
        <v>16931.7</v>
      </c>
      <c r="F6843">
        <v>23.678000000000001</v>
      </c>
    </row>
    <row r="6844" spans="1:6" x14ac:dyDescent="0.25">
      <c r="A6844">
        <v>149.52000000000001</v>
      </c>
      <c r="B6844">
        <v>185.89</v>
      </c>
      <c r="C6844">
        <v>15709.1</v>
      </c>
      <c r="D6844">
        <v>4</v>
      </c>
      <c r="E6844">
        <v>16805.400000000001</v>
      </c>
      <c r="F6844">
        <v>23.7349</v>
      </c>
    </row>
    <row r="6845" spans="1:6" x14ac:dyDescent="0.25">
      <c r="A6845">
        <v>149.52000000000001</v>
      </c>
      <c r="B6845">
        <v>185.89</v>
      </c>
      <c r="C6845">
        <v>17254.5</v>
      </c>
      <c r="D6845">
        <v>1</v>
      </c>
      <c r="E6845">
        <v>20968.400000000001</v>
      </c>
      <c r="F6845">
        <v>21.540199999999999</v>
      </c>
    </row>
    <row r="6846" spans="1:6" x14ac:dyDescent="0.25">
      <c r="A6846">
        <v>149.52000000000001</v>
      </c>
      <c r="B6846">
        <v>185.89</v>
      </c>
      <c r="C6846">
        <v>17254.5</v>
      </c>
      <c r="D6846">
        <v>1.3</v>
      </c>
      <c r="E6846">
        <v>20052.3</v>
      </c>
      <c r="F6846">
        <v>22.786100000000001</v>
      </c>
    </row>
    <row r="6847" spans="1:6" x14ac:dyDescent="0.25">
      <c r="A6847">
        <v>149.52000000000001</v>
      </c>
      <c r="B6847">
        <v>185.89</v>
      </c>
      <c r="C6847">
        <v>17254.5</v>
      </c>
      <c r="D6847">
        <v>1.6</v>
      </c>
      <c r="E6847">
        <v>19672</v>
      </c>
      <c r="F6847">
        <v>22.901700000000002</v>
      </c>
    </row>
    <row r="6848" spans="1:6" x14ac:dyDescent="0.25">
      <c r="A6848">
        <v>149.52000000000001</v>
      </c>
      <c r="B6848">
        <v>185.89</v>
      </c>
      <c r="C6848">
        <v>17254.5</v>
      </c>
      <c r="D6848">
        <v>1.9</v>
      </c>
      <c r="E6848">
        <v>19193.3</v>
      </c>
      <c r="F6848">
        <v>22.9786</v>
      </c>
    </row>
    <row r="6849" spans="1:6" x14ac:dyDescent="0.25">
      <c r="A6849">
        <v>149.52000000000001</v>
      </c>
      <c r="B6849">
        <v>185.89</v>
      </c>
      <c r="C6849">
        <v>17254.5</v>
      </c>
      <c r="D6849">
        <v>2.2000000000000002</v>
      </c>
      <c r="E6849">
        <v>19109</v>
      </c>
      <c r="F6849">
        <v>23.001799999999999</v>
      </c>
    </row>
    <row r="6850" spans="1:6" x14ac:dyDescent="0.25">
      <c r="A6850">
        <v>149.52000000000001</v>
      </c>
      <c r="B6850">
        <v>185.89</v>
      </c>
      <c r="C6850">
        <v>17254.5</v>
      </c>
      <c r="D6850">
        <v>2.5</v>
      </c>
      <c r="E6850">
        <v>18815.5</v>
      </c>
      <c r="F6850">
        <v>22.958500000000001</v>
      </c>
    </row>
    <row r="6851" spans="1:6" x14ac:dyDescent="0.25">
      <c r="A6851">
        <v>149.52000000000001</v>
      </c>
      <c r="B6851">
        <v>185.89</v>
      </c>
      <c r="C6851">
        <v>17254.5</v>
      </c>
      <c r="D6851">
        <v>2.8</v>
      </c>
      <c r="E6851">
        <v>18883.900000000001</v>
      </c>
      <c r="F6851">
        <v>23.4129</v>
      </c>
    </row>
    <row r="6852" spans="1:6" x14ac:dyDescent="0.25">
      <c r="A6852">
        <v>149.52000000000001</v>
      </c>
      <c r="B6852">
        <v>185.89</v>
      </c>
      <c r="C6852">
        <v>17254.5</v>
      </c>
      <c r="D6852">
        <v>3.1</v>
      </c>
      <c r="E6852">
        <v>18663.2</v>
      </c>
      <c r="F6852">
        <v>23.518699999999999</v>
      </c>
    </row>
    <row r="6853" spans="1:6" x14ac:dyDescent="0.25">
      <c r="A6853">
        <v>149.52000000000001</v>
      </c>
      <c r="B6853">
        <v>185.89</v>
      </c>
      <c r="C6853">
        <v>17254.5</v>
      </c>
      <c r="D6853">
        <v>3.4</v>
      </c>
      <c r="E6853">
        <v>18550</v>
      </c>
      <c r="F6853">
        <v>23.622299999999999</v>
      </c>
    </row>
    <row r="6854" spans="1:6" x14ac:dyDescent="0.25">
      <c r="A6854">
        <v>149.52000000000001</v>
      </c>
      <c r="B6854">
        <v>185.89</v>
      </c>
      <c r="C6854">
        <v>17254.5</v>
      </c>
      <c r="D6854">
        <v>3.7</v>
      </c>
      <c r="E6854">
        <v>18575.5</v>
      </c>
      <c r="F6854">
        <v>23.678000000000001</v>
      </c>
    </row>
    <row r="6855" spans="1:6" x14ac:dyDescent="0.25">
      <c r="A6855">
        <v>149.52000000000001</v>
      </c>
      <c r="B6855">
        <v>185.89</v>
      </c>
      <c r="C6855">
        <v>17254.5</v>
      </c>
      <c r="D6855">
        <v>4</v>
      </c>
      <c r="E6855">
        <v>18384.599999999999</v>
      </c>
      <c r="F6855">
        <v>23.7349</v>
      </c>
    </row>
    <row r="6856" spans="1:6" x14ac:dyDescent="0.25">
      <c r="A6856">
        <v>149.52000000000001</v>
      </c>
      <c r="B6856">
        <v>185.89</v>
      </c>
      <c r="C6856">
        <v>18800</v>
      </c>
      <c r="D6856">
        <v>1</v>
      </c>
      <c r="E6856">
        <v>22605.4</v>
      </c>
      <c r="F6856">
        <v>21.540199999999999</v>
      </c>
    </row>
    <row r="6857" spans="1:6" x14ac:dyDescent="0.25">
      <c r="A6857">
        <v>149.52000000000001</v>
      </c>
      <c r="B6857">
        <v>185.89</v>
      </c>
      <c r="C6857">
        <v>18800</v>
      </c>
      <c r="D6857">
        <v>1.3</v>
      </c>
      <c r="E6857">
        <v>21545.599999999999</v>
      </c>
      <c r="F6857">
        <v>22.786100000000001</v>
      </c>
    </row>
    <row r="6858" spans="1:6" x14ac:dyDescent="0.25">
      <c r="A6858">
        <v>149.52000000000001</v>
      </c>
      <c r="B6858">
        <v>185.89</v>
      </c>
      <c r="C6858">
        <v>18800</v>
      </c>
      <c r="D6858">
        <v>1.6</v>
      </c>
      <c r="E6858">
        <v>21237.200000000001</v>
      </c>
      <c r="F6858">
        <v>22.901700000000002</v>
      </c>
    </row>
    <row r="6859" spans="1:6" x14ac:dyDescent="0.25">
      <c r="A6859">
        <v>149.52000000000001</v>
      </c>
      <c r="B6859">
        <v>185.89</v>
      </c>
      <c r="C6859">
        <v>18800</v>
      </c>
      <c r="D6859">
        <v>1.9</v>
      </c>
      <c r="E6859">
        <v>20839.7</v>
      </c>
      <c r="F6859">
        <v>22.9786</v>
      </c>
    </row>
    <row r="6860" spans="1:6" x14ac:dyDescent="0.25">
      <c r="A6860">
        <v>149.52000000000001</v>
      </c>
      <c r="B6860">
        <v>185.89</v>
      </c>
      <c r="C6860">
        <v>18800</v>
      </c>
      <c r="D6860">
        <v>2.2000000000000002</v>
      </c>
      <c r="E6860">
        <v>20641.099999999999</v>
      </c>
      <c r="F6860">
        <v>23.001799999999999</v>
      </c>
    </row>
    <row r="6861" spans="1:6" x14ac:dyDescent="0.25">
      <c r="A6861">
        <v>149.52000000000001</v>
      </c>
      <c r="B6861">
        <v>185.89</v>
      </c>
      <c r="C6861">
        <v>18800</v>
      </c>
      <c r="D6861">
        <v>2.5</v>
      </c>
      <c r="E6861">
        <v>20546</v>
      </c>
      <c r="F6861">
        <v>22.958500000000001</v>
      </c>
    </row>
    <row r="6862" spans="1:6" x14ac:dyDescent="0.25">
      <c r="A6862">
        <v>149.52000000000001</v>
      </c>
      <c r="B6862">
        <v>185.89</v>
      </c>
      <c r="C6862">
        <v>18800</v>
      </c>
      <c r="D6862">
        <v>2.8</v>
      </c>
      <c r="E6862">
        <v>20264.099999999999</v>
      </c>
      <c r="F6862">
        <v>23.4129</v>
      </c>
    </row>
    <row r="6863" spans="1:6" x14ac:dyDescent="0.25">
      <c r="A6863">
        <v>149.52000000000001</v>
      </c>
      <c r="B6863">
        <v>185.89</v>
      </c>
      <c r="C6863">
        <v>18800</v>
      </c>
      <c r="D6863">
        <v>3.1</v>
      </c>
      <c r="E6863">
        <v>20256.3</v>
      </c>
      <c r="F6863">
        <v>23.518699999999999</v>
      </c>
    </row>
    <row r="6864" spans="1:6" x14ac:dyDescent="0.25">
      <c r="A6864">
        <v>149.52000000000001</v>
      </c>
      <c r="B6864">
        <v>185.89</v>
      </c>
      <c r="C6864">
        <v>18800</v>
      </c>
      <c r="D6864">
        <v>3.4</v>
      </c>
      <c r="E6864">
        <v>20166.5</v>
      </c>
      <c r="F6864">
        <v>23.622299999999999</v>
      </c>
    </row>
    <row r="6865" spans="1:6" x14ac:dyDescent="0.25">
      <c r="A6865">
        <v>149.52000000000001</v>
      </c>
      <c r="B6865">
        <v>185.89</v>
      </c>
      <c r="C6865">
        <v>18800</v>
      </c>
      <c r="D6865">
        <v>3.7</v>
      </c>
      <c r="E6865">
        <v>19993.099999999999</v>
      </c>
      <c r="F6865">
        <v>23.678000000000001</v>
      </c>
    </row>
    <row r="6866" spans="1:6" x14ac:dyDescent="0.25">
      <c r="A6866">
        <v>149.52000000000001</v>
      </c>
      <c r="B6866">
        <v>185.89</v>
      </c>
      <c r="C6866">
        <v>18800</v>
      </c>
      <c r="D6866">
        <v>4</v>
      </c>
      <c r="E6866">
        <v>19922.7</v>
      </c>
      <c r="F6866">
        <v>23.7349</v>
      </c>
    </row>
    <row r="6867" spans="1:6" x14ac:dyDescent="0.25">
      <c r="A6867">
        <v>149.52000000000001</v>
      </c>
      <c r="B6867">
        <v>189.52</v>
      </c>
      <c r="C6867">
        <v>1800</v>
      </c>
      <c r="D6867">
        <v>1</v>
      </c>
      <c r="E6867">
        <v>5503.5</v>
      </c>
      <c r="F6867">
        <v>44.874200000000002</v>
      </c>
    </row>
    <row r="6868" spans="1:6" x14ac:dyDescent="0.25">
      <c r="A6868">
        <v>149.52000000000001</v>
      </c>
      <c r="B6868">
        <v>189.52</v>
      </c>
      <c r="C6868">
        <v>1800</v>
      </c>
      <c r="D6868">
        <v>1.3</v>
      </c>
      <c r="E6868">
        <v>4891.3100000000004</v>
      </c>
      <c r="F6868">
        <v>55.431100000000001</v>
      </c>
    </row>
    <row r="6869" spans="1:6" x14ac:dyDescent="0.25">
      <c r="A6869">
        <v>149.52000000000001</v>
      </c>
      <c r="B6869">
        <v>189.52</v>
      </c>
      <c r="C6869">
        <v>1800</v>
      </c>
      <c r="D6869">
        <v>1.6</v>
      </c>
      <c r="E6869">
        <v>4530.82</v>
      </c>
      <c r="F6869">
        <v>62.431699999999999</v>
      </c>
    </row>
    <row r="6870" spans="1:6" x14ac:dyDescent="0.25">
      <c r="A6870">
        <v>149.52000000000001</v>
      </c>
      <c r="B6870">
        <v>189.52</v>
      </c>
      <c r="C6870">
        <v>1800</v>
      </c>
      <c r="D6870">
        <v>1.9</v>
      </c>
      <c r="E6870">
        <v>4257.12</v>
      </c>
      <c r="F6870">
        <v>69.602599999999995</v>
      </c>
    </row>
    <row r="6871" spans="1:6" x14ac:dyDescent="0.25">
      <c r="A6871">
        <v>149.52000000000001</v>
      </c>
      <c r="B6871">
        <v>189.52</v>
      </c>
      <c r="C6871">
        <v>1800</v>
      </c>
      <c r="D6871">
        <v>2.2000000000000002</v>
      </c>
      <c r="E6871">
        <v>3989.19</v>
      </c>
      <c r="F6871">
        <v>77.256</v>
      </c>
    </row>
    <row r="6872" spans="1:6" x14ac:dyDescent="0.25">
      <c r="A6872">
        <v>149.52000000000001</v>
      </c>
      <c r="B6872">
        <v>189.52</v>
      </c>
      <c r="C6872">
        <v>1800</v>
      </c>
      <c r="D6872">
        <v>2.5</v>
      </c>
      <c r="E6872">
        <v>3855.53</v>
      </c>
      <c r="F6872">
        <v>86.096100000000007</v>
      </c>
    </row>
    <row r="6873" spans="1:6" x14ac:dyDescent="0.25">
      <c r="A6873">
        <v>149.52000000000001</v>
      </c>
      <c r="B6873">
        <v>189.52</v>
      </c>
      <c r="C6873">
        <v>1800</v>
      </c>
      <c r="D6873">
        <v>2.8</v>
      </c>
      <c r="E6873">
        <v>3745.01</v>
      </c>
      <c r="F6873">
        <v>90.547600000000003</v>
      </c>
    </row>
    <row r="6874" spans="1:6" x14ac:dyDescent="0.25">
      <c r="A6874">
        <v>149.52000000000001</v>
      </c>
      <c r="B6874">
        <v>189.52</v>
      </c>
      <c r="C6874">
        <v>1800</v>
      </c>
      <c r="D6874">
        <v>3.1</v>
      </c>
      <c r="E6874">
        <v>3637.01</v>
      </c>
      <c r="F6874">
        <v>93.584699999999998</v>
      </c>
    </row>
    <row r="6875" spans="1:6" x14ac:dyDescent="0.25">
      <c r="A6875">
        <v>149.52000000000001</v>
      </c>
      <c r="B6875">
        <v>189.52</v>
      </c>
      <c r="C6875">
        <v>1800</v>
      </c>
      <c r="D6875">
        <v>3.4</v>
      </c>
      <c r="E6875">
        <v>3580.5</v>
      </c>
      <c r="F6875">
        <v>97.739800000000002</v>
      </c>
    </row>
    <row r="6876" spans="1:6" x14ac:dyDescent="0.25">
      <c r="A6876">
        <v>149.52000000000001</v>
      </c>
      <c r="B6876">
        <v>189.52</v>
      </c>
      <c r="C6876">
        <v>1800</v>
      </c>
      <c r="D6876">
        <v>3.7</v>
      </c>
      <c r="E6876">
        <v>3501.36</v>
      </c>
      <c r="F6876">
        <v>98.248900000000006</v>
      </c>
    </row>
    <row r="6877" spans="1:6" x14ac:dyDescent="0.25">
      <c r="A6877">
        <v>149.52000000000001</v>
      </c>
      <c r="B6877">
        <v>189.52</v>
      </c>
      <c r="C6877">
        <v>1800</v>
      </c>
      <c r="D6877">
        <v>4</v>
      </c>
      <c r="E6877">
        <v>3430.35</v>
      </c>
      <c r="F6877">
        <v>103.331</v>
      </c>
    </row>
    <row r="6878" spans="1:6" x14ac:dyDescent="0.25">
      <c r="A6878">
        <v>149.52000000000001</v>
      </c>
      <c r="B6878">
        <v>189.52</v>
      </c>
      <c r="C6878">
        <v>3345.45</v>
      </c>
      <c r="D6878">
        <v>1</v>
      </c>
      <c r="E6878">
        <v>6783.38</v>
      </c>
      <c r="F6878">
        <v>17.0105</v>
      </c>
    </row>
    <row r="6879" spans="1:6" x14ac:dyDescent="0.25">
      <c r="A6879">
        <v>149.52000000000001</v>
      </c>
      <c r="B6879">
        <v>189.52</v>
      </c>
      <c r="C6879">
        <v>3345.45</v>
      </c>
      <c r="D6879">
        <v>1.3</v>
      </c>
      <c r="E6879">
        <v>6366.27</v>
      </c>
      <c r="F6879">
        <v>17.636600000000001</v>
      </c>
    </row>
    <row r="6880" spans="1:6" x14ac:dyDescent="0.25">
      <c r="A6880">
        <v>149.52000000000001</v>
      </c>
      <c r="B6880">
        <v>189.52</v>
      </c>
      <c r="C6880">
        <v>3345.45</v>
      </c>
      <c r="D6880">
        <v>1.6</v>
      </c>
      <c r="E6880">
        <v>5802.51</v>
      </c>
      <c r="F6880">
        <v>19.064499999999999</v>
      </c>
    </row>
    <row r="6881" spans="1:6" x14ac:dyDescent="0.25">
      <c r="A6881">
        <v>149.52000000000001</v>
      </c>
      <c r="B6881">
        <v>189.52</v>
      </c>
      <c r="C6881">
        <v>3345.45</v>
      </c>
      <c r="D6881">
        <v>1.9</v>
      </c>
      <c r="E6881">
        <v>5751.72</v>
      </c>
      <c r="F6881">
        <v>20.650600000000001</v>
      </c>
    </row>
    <row r="6882" spans="1:6" x14ac:dyDescent="0.25">
      <c r="A6882">
        <v>149.52000000000001</v>
      </c>
      <c r="B6882">
        <v>189.52</v>
      </c>
      <c r="C6882">
        <v>3345.45</v>
      </c>
      <c r="D6882">
        <v>2.2000000000000002</v>
      </c>
      <c r="E6882">
        <v>5437.08</v>
      </c>
      <c r="F6882">
        <v>23.1798</v>
      </c>
    </row>
    <row r="6883" spans="1:6" x14ac:dyDescent="0.25">
      <c r="A6883">
        <v>149.52000000000001</v>
      </c>
      <c r="B6883">
        <v>189.52</v>
      </c>
      <c r="C6883">
        <v>3345.45</v>
      </c>
      <c r="D6883">
        <v>2.5</v>
      </c>
      <c r="E6883">
        <v>5173.09</v>
      </c>
      <c r="F6883">
        <v>23.852900000000002</v>
      </c>
    </row>
    <row r="6884" spans="1:6" x14ac:dyDescent="0.25">
      <c r="A6884">
        <v>149.52000000000001</v>
      </c>
      <c r="B6884">
        <v>189.52</v>
      </c>
      <c r="C6884">
        <v>3345.45</v>
      </c>
      <c r="D6884">
        <v>2.8</v>
      </c>
      <c r="E6884">
        <v>5083.9399999999996</v>
      </c>
      <c r="F6884">
        <v>30.82</v>
      </c>
    </row>
    <row r="6885" spans="1:6" x14ac:dyDescent="0.25">
      <c r="A6885">
        <v>149.52000000000001</v>
      </c>
      <c r="B6885">
        <v>189.52</v>
      </c>
      <c r="C6885">
        <v>3345.45</v>
      </c>
      <c r="D6885">
        <v>3.1</v>
      </c>
      <c r="E6885">
        <v>5054.29</v>
      </c>
      <c r="F6885">
        <v>32.692</v>
      </c>
    </row>
    <row r="6886" spans="1:6" x14ac:dyDescent="0.25">
      <c r="A6886">
        <v>149.52000000000001</v>
      </c>
      <c r="B6886">
        <v>189.52</v>
      </c>
      <c r="C6886">
        <v>3345.45</v>
      </c>
      <c r="D6886">
        <v>3.4</v>
      </c>
      <c r="E6886">
        <v>4993.3599999999997</v>
      </c>
      <c r="F6886">
        <v>37.363599999999998</v>
      </c>
    </row>
    <row r="6887" spans="1:6" x14ac:dyDescent="0.25">
      <c r="A6887">
        <v>149.52000000000001</v>
      </c>
      <c r="B6887">
        <v>189.52</v>
      </c>
      <c r="C6887">
        <v>3345.45</v>
      </c>
      <c r="D6887">
        <v>3.7</v>
      </c>
      <c r="E6887">
        <v>4826.5</v>
      </c>
      <c r="F6887">
        <v>38.759099999999997</v>
      </c>
    </row>
    <row r="6888" spans="1:6" x14ac:dyDescent="0.25">
      <c r="A6888">
        <v>149.52000000000001</v>
      </c>
      <c r="B6888">
        <v>189.52</v>
      </c>
      <c r="C6888">
        <v>3345.45</v>
      </c>
      <c r="D6888">
        <v>4</v>
      </c>
      <c r="E6888">
        <v>4819.4399999999996</v>
      </c>
      <c r="F6888">
        <v>39.647399999999998</v>
      </c>
    </row>
    <row r="6889" spans="1:6" x14ac:dyDescent="0.25">
      <c r="A6889">
        <v>149.52000000000001</v>
      </c>
      <c r="B6889">
        <v>189.52</v>
      </c>
      <c r="C6889">
        <v>4890.8999999999996</v>
      </c>
      <c r="D6889">
        <v>1</v>
      </c>
      <c r="E6889">
        <v>8807.5499999999993</v>
      </c>
      <c r="F6889">
        <v>20.322199999999999</v>
      </c>
    </row>
    <row r="6890" spans="1:6" x14ac:dyDescent="0.25">
      <c r="A6890">
        <v>149.52000000000001</v>
      </c>
      <c r="B6890">
        <v>189.52</v>
      </c>
      <c r="C6890">
        <v>4890.8999999999996</v>
      </c>
      <c r="D6890">
        <v>1.3</v>
      </c>
      <c r="E6890">
        <v>7833.03</v>
      </c>
      <c r="F6890">
        <v>21.410900000000002</v>
      </c>
    </row>
    <row r="6891" spans="1:6" x14ac:dyDescent="0.25">
      <c r="A6891">
        <v>149.52000000000001</v>
      </c>
      <c r="B6891">
        <v>189.52</v>
      </c>
      <c r="C6891">
        <v>4890.8999999999996</v>
      </c>
      <c r="D6891">
        <v>1.6</v>
      </c>
      <c r="E6891">
        <v>7343.97</v>
      </c>
      <c r="F6891">
        <v>19.643599999999999</v>
      </c>
    </row>
    <row r="6892" spans="1:6" x14ac:dyDescent="0.25">
      <c r="A6892">
        <v>149.52000000000001</v>
      </c>
      <c r="B6892">
        <v>189.52</v>
      </c>
      <c r="C6892">
        <v>4890.8999999999996</v>
      </c>
      <c r="D6892">
        <v>1.9</v>
      </c>
      <c r="E6892">
        <v>7155.34</v>
      </c>
      <c r="F6892">
        <v>20.131399999999999</v>
      </c>
    </row>
    <row r="6893" spans="1:6" x14ac:dyDescent="0.25">
      <c r="A6893">
        <v>149.52000000000001</v>
      </c>
      <c r="B6893">
        <v>189.52</v>
      </c>
      <c r="C6893">
        <v>4890.8999999999996</v>
      </c>
      <c r="D6893">
        <v>2.2000000000000002</v>
      </c>
      <c r="E6893">
        <v>6882.75</v>
      </c>
      <c r="F6893">
        <v>20.537600000000001</v>
      </c>
    </row>
    <row r="6894" spans="1:6" x14ac:dyDescent="0.25">
      <c r="A6894">
        <v>149.52000000000001</v>
      </c>
      <c r="B6894">
        <v>189.52</v>
      </c>
      <c r="C6894">
        <v>4890.8999999999996</v>
      </c>
      <c r="D6894">
        <v>2.5</v>
      </c>
      <c r="E6894">
        <v>6608.37</v>
      </c>
      <c r="F6894">
        <v>20.933599999999998</v>
      </c>
    </row>
    <row r="6895" spans="1:6" x14ac:dyDescent="0.25">
      <c r="A6895">
        <v>149.52000000000001</v>
      </c>
      <c r="B6895">
        <v>189.52</v>
      </c>
      <c r="C6895">
        <v>4890.8999999999996</v>
      </c>
      <c r="D6895">
        <v>2.8</v>
      </c>
      <c r="E6895">
        <v>6488.8</v>
      </c>
      <c r="F6895">
        <v>18.745899999999999</v>
      </c>
    </row>
    <row r="6896" spans="1:6" x14ac:dyDescent="0.25">
      <c r="A6896">
        <v>149.52000000000001</v>
      </c>
      <c r="B6896">
        <v>189.52</v>
      </c>
      <c r="C6896">
        <v>4890.8999999999996</v>
      </c>
      <c r="D6896">
        <v>3.1</v>
      </c>
      <c r="E6896">
        <v>6409.41</v>
      </c>
      <c r="F6896">
        <v>18.652000000000001</v>
      </c>
    </row>
    <row r="6897" spans="1:6" x14ac:dyDescent="0.25">
      <c r="A6897">
        <v>149.52000000000001</v>
      </c>
      <c r="B6897">
        <v>189.52</v>
      </c>
      <c r="C6897">
        <v>4890.8999999999996</v>
      </c>
      <c r="D6897">
        <v>3.4</v>
      </c>
      <c r="E6897">
        <v>6232.97</v>
      </c>
      <c r="F6897">
        <v>18.764600000000002</v>
      </c>
    </row>
    <row r="6898" spans="1:6" x14ac:dyDescent="0.25">
      <c r="A6898">
        <v>149.52000000000001</v>
      </c>
      <c r="B6898">
        <v>189.52</v>
      </c>
      <c r="C6898">
        <v>4890.8999999999996</v>
      </c>
      <c r="D6898">
        <v>3.7</v>
      </c>
      <c r="E6898">
        <v>6169.64</v>
      </c>
      <c r="F6898">
        <v>18.8599</v>
      </c>
    </row>
    <row r="6899" spans="1:6" x14ac:dyDescent="0.25">
      <c r="A6899">
        <v>149.52000000000001</v>
      </c>
      <c r="B6899">
        <v>189.52</v>
      </c>
      <c r="C6899">
        <v>4890.8999999999996</v>
      </c>
      <c r="D6899">
        <v>4</v>
      </c>
      <c r="E6899">
        <v>6172.05</v>
      </c>
      <c r="F6899">
        <v>19.108499999999999</v>
      </c>
    </row>
    <row r="6900" spans="1:6" x14ac:dyDescent="0.25">
      <c r="A6900">
        <v>149.52000000000001</v>
      </c>
      <c r="B6900">
        <v>189.52</v>
      </c>
      <c r="C6900">
        <v>6436.35</v>
      </c>
      <c r="D6900">
        <v>1</v>
      </c>
      <c r="E6900">
        <v>10216.6</v>
      </c>
      <c r="F6900">
        <v>21.540199999999999</v>
      </c>
    </row>
    <row r="6901" spans="1:6" x14ac:dyDescent="0.25">
      <c r="A6901">
        <v>149.52000000000001</v>
      </c>
      <c r="B6901">
        <v>189.52</v>
      </c>
      <c r="C6901">
        <v>6436.35</v>
      </c>
      <c r="D6901">
        <v>1.3</v>
      </c>
      <c r="E6901">
        <v>9158.58</v>
      </c>
      <c r="F6901">
        <v>22.786100000000001</v>
      </c>
    </row>
    <row r="6902" spans="1:6" x14ac:dyDescent="0.25">
      <c r="A6902">
        <v>149.52000000000001</v>
      </c>
      <c r="B6902">
        <v>189.52</v>
      </c>
      <c r="C6902">
        <v>6436.35</v>
      </c>
      <c r="D6902">
        <v>1.6</v>
      </c>
      <c r="E6902">
        <v>8772.76</v>
      </c>
      <c r="F6902">
        <v>22.901700000000002</v>
      </c>
    </row>
    <row r="6903" spans="1:6" x14ac:dyDescent="0.25">
      <c r="A6903">
        <v>149.52000000000001</v>
      </c>
      <c r="B6903">
        <v>189.52</v>
      </c>
      <c r="C6903">
        <v>6436.35</v>
      </c>
      <c r="D6903">
        <v>1.9</v>
      </c>
      <c r="E6903">
        <v>8601.94</v>
      </c>
      <c r="F6903">
        <v>22.9786</v>
      </c>
    </row>
    <row r="6904" spans="1:6" x14ac:dyDescent="0.25">
      <c r="A6904">
        <v>149.52000000000001</v>
      </c>
      <c r="B6904">
        <v>189.52</v>
      </c>
      <c r="C6904">
        <v>6436.35</v>
      </c>
      <c r="D6904">
        <v>2.2000000000000002</v>
      </c>
      <c r="E6904">
        <v>8129.94</v>
      </c>
      <c r="F6904">
        <v>23.001799999999999</v>
      </c>
    </row>
    <row r="6905" spans="1:6" x14ac:dyDescent="0.25">
      <c r="A6905">
        <v>149.52000000000001</v>
      </c>
      <c r="B6905">
        <v>189.52</v>
      </c>
      <c r="C6905">
        <v>6436.35</v>
      </c>
      <c r="D6905">
        <v>2.5</v>
      </c>
      <c r="E6905">
        <v>8013.61</v>
      </c>
      <c r="F6905">
        <v>22.958500000000001</v>
      </c>
    </row>
    <row r="6906" spans="1:6" x14ac:dyDescent="0.25">
      <c r="A6906">
        <v>149.52000000000001</v>
      </c>
      <c r="B6906">
        <v>189.52</v>
      </c>
      <c r="C6906">
        <v>6436.35</v>
      </c>
      <c r="D6906">
        <v>2.8</v>
      </c>
      <c r="E6906">
        <v>7972.67</v>
      </c>
      <c r="F6906">
        <v>23.4129</v>
      </c>
    </row>
    <row r="6907" spans="1:6" x14ac:dyDescent="0.25">
      <c r="A6907">
        <v>149.52000000000001</v>
      </c>
      <c r="B6907">
        <v>189.52</v>
      </c>
      <c r="C6907">
        <v>6436.35</v>
      </c>
      <c r="D6907">
        <v>3.1</v>
      </c>
      <c r="E6907">
        <v>7781.49</v>
      </c>
      <c r="F6907">
        <v>23.518699999999999</v>
      </c>
    </row>
    <row r="6908" spans="1:6" x14ac:dyDescent="0.25">
      <c r="A6908">
        <v>149.52000000000001</v>
      </c>
      <c r="B6908">
        <v>189.52</v>
      </c>
      <c r="C6908">
        <v>6436.35</v>
      </c>
      <c r="D6908">
        <v>3.4</v>
      </c>
      <c r="E6908">
        <v>7691.5</v>
      </c>
      <c r="F6908">
        <v>23.622299999999999</v>
      </c>
    </row>
    <row r="6909" spans="1:6" x14ac:dyDescent="0.25">
      <c r="A6909">
        <v>149.52000000000001</v>
      </c>
      <c r="B6909">
        <v>189.52</v>
      </c>
      <c r="C6909">
        <v>6436.35</v>
      </c>
      <c r="D6909">
        <v>3.7</v>
      </c>
      <c r="E6909">
        <v>7614.58</v>
      </c>
      <c r="F6909">
        <v>23.678000000000001</v>
      </c>
    </row>
    <row r="6910" spans="1:6" x14ac:dyDescent="0.25">
      <c r="A6910">
        <v>149.52000000000001</v>
      </c>
      <c r="B6910">
        <v>189.52</v>
      </c>
      <c r="C6910">
        <v>6436.35</v>
      </c>
      <c r="D6910">
        <v>4</v>
      </c>
      <c r="E6910">
        <v>7595.46</v>
      </c>
      <c r="F6910">
        <v>23.7349</v>
      </c>
    </row>
    <row r="6911" spans="1:6" x14ac:dyDescent="0.25">
      <c r="A6911">
        <v>149.52000000000001</v>
      </c>
      <c r="B6911">
        <v>189.52</v>
      </c>
      <c r="C6911">
        <v>7981.8</v>
      </c>
      <c r="D6911">
        <v>1</v>
      </c>
      <c r="E6911">
        <v>11527.2</v>
      </c>
      <c r="F6911">
        <v>21.540199999999999</v>
      </c>
    </row>
    <row r="6912" spans="1:6" x14ac:dyDescent="0.25">
      <c r="A6912">
        <v>149.52000000000001</v>
      </c>
      <c r="B6912">
        <v>189.52</v>
      </c>
      <c r="C6912">
        <v>7981.8</v>
      </c>
      <c r="D6912">
        <v>1.3</v>
      </c>
      <c r="E6912">
        <v>10776.6</v>
      </c>
      <c r="F6912">
        <v>22.786100000000001</v>
      </c>
    </row>
    <row r="6913" spans="1:6" x14ac:dyDescent="0.25">
      <c r="A6913">
        <v>149.52000000000001</v>
      </c>
      <c r="B6913">
        <v>189.52</v>
      </c>
      <c r="C6913">
        <v>7981.8</v>
      </c>
      <c r="D6913">
        <v>1.6</v>
      </c>
      <c r="E6913">
        <v>10341.700000000001</v>
      </c>
      <c r="F6913">
        <v>22.901700000000002</v>
      </c>
    </row>
    <row r="6914" spans="1:6" x14ac:dyDescent="0.25">
      <c r="A6914">
        <v>149.52000000000001</v>
      </c>
      <c r="B6914">
        <v>189.52</v>
      </c>
      <c r="C6914">
        <v>7981.8</v>
      </c>
      <c r="D6914">
        <v>1.9</v>
      </c>
      <c r="E6914">
        <v>9953.9699999999993</v>
      </c>
      <c r="F6914">
        <v>22.9786</v>
      </c>
    </row>
    <row r="6915" spans="1:6" x14ac:dyDescent="0.25">
      <c r="A6915">
        <v>149.52000000000001</v>
      </c>
      <c r="B6915">
        <v>189.52</v>
      </c>
      <c r="C6915">
        <v>7981.8</v>
      </c>
      <c r="D6915">
        <v>2.2000000000000002</v>
      </c>
      <c r="E6915">
        <v>9848.14</v>
      </c>
      <c r="F6915">
        <v>23.001799999999999</v>
      </c>
    </row>
    <row r="6916" spans="1:6" x14ac:dyDescent="0.25">
      <c r="A6916">
        <v>149.52000000000001</v>
      </c>
      <c r="B6916">
        <v>189.52</v>
      </c>
      <c r="C6916">
        <v>7981.8</v>
      </c>
      <c r="D6916">
        <v>2.5</v>
      </c>
      <c r="E6916">
        <v>9616.2900000000009</v>
      </c>
      <c r="F6916">
        <v>22.958500000000001</v>
      </c>
    </row>
    <row r="6917" spans="1:6" x14ac:dyDescent="0.25">
      <c r="A6917">
        <v>149.52000000000001</v>
      </c>
      <c r="B6917">
        <v>189.52</v>
      </c>
      <c r="C6917">
        <v>7981.8</v>
      </c>
      <c r="D6917">
        <v>2.8</v>
      </c>
      <c r="E6917">
        <v>9462.81</v>
      </c>
      <c r="F6917">
        <v>23.4129</v>
      </c>
    </row>
    <row r="6918" spans="1:6" x14ac:dyDescent="0.25">
      <c r="A6918">
        <v>149.52000000000001</v>
      </c>
      <c r="B6918">
        <v>189.52</v>
      </c>
      <c r="C6918">
        <v>7981.8</v>
      </c>
      <c r="D6918">
        <v>3.1</v>
      </c>
      <c r="E6918">
        <v>9413.7099999999991</v>
      </c>
      <c r="F6918">
        <v>23.518699999999999</v>
      </c>
    </row>
    <row r="6919" spans="1:6" x14ac:dyDescent="0.25">
      <c r="A6919">
        <v>149.52000000000001</v>
      </c>
      <c r="B6919">
        <v>189.52</v>
      </c>
      <c r="C6919">
        <v>7981.8</v>
      </c>
      <c r="D6919">
        <v>3.4</v>
      </c>
      <c r="E6919">
        <v>9293.43</v>
      </c>
      <c r="F6919">
        <v>23.622299999999999</v>
      </c>
    </row>
    <row r="6920" spans="1:6" x14ac:dyDescent="0.25">
      <c r="A6920">
        <v>149.52000000000001</v>
      </c>
      <c r="B6920">
        <v>189.52</v>
      </c>
      <c r="C6920">
        <v>7981.8</v>
      </c>
      <c r="D6920">
        <v>3.7</v>
      </c>
      <c r="E6920">
        <v>9169.76</v>
      </c>
      <c r="F6920">
        <v>23.678000000000001</v>
      </c>
    </row>
    <row r="6921" spans="1:6" x14ac:dyDescent="0.25">
      <c r="A6921">
        <v>149.52000000000001</v>
      </c>
      <c r="B6921">
        <v>189.52</v>
      </c>
      <c r="C6921">
        <v>7981.8</v>
      </c>
      <c r="D6921">
        <v>4</v>
      </c>
      <c r="E6921">
        <v>9086.4</v>
      </c>
      <c r="F6921">
        <v>23.7349</v>
      </c>
    </row>
    <row r="6922" spans="1:6" x14ac:dyDescent="0.25">
      <c r="A6922">
        <v>149.52000000000001</v>
      </c>
      <c r="B6922">
        <v>189.52</v>
      </c>
      <c r="C6922">
        <v>9527.25</v>
      </c>
      <c r="D6922">
        <v>1</v>
      </c>
      <c r="E6922">
        <v>13293.7</v>
      </c>
      <c r="F6922">
        <v>21.540199999999999</v>
      </c>
    </row>
    <row r="6923" spans="1:6" x14ac:dyDescent="0.25">
      <c r="A6923">
        <v>149.52000000000001</v>
      </c>
      <c r="B6923">
        <v>189.52</v>
      </c>
      <c r="C6923">
        <v>9527.25</v>
      </c>
      <c r="D6923">
        <v>1.3</v>
      </c>
      <c r="E6923">
        <v>12468.6</v>
      </c>
      <c r="F6923">
        <v>22.786100000000001</v>
      </c>
    </row>
    <row r="6924" spans="1:6" x14ac:dyDescent="0.25">
      <c r="A6924">
        <v>149.52000000000001</v>
      </c>
      <c r="B6924">
        <v>189.52</v>
      </c>
      <c r="C6924">
        <v>9527.25</v>
      </c>
      <c r="D6924">
        <v>1.6</v>
      </c>
      <c r="E6924">
        <v>12026</v>
      </c>
      <c r="F6924">
        <v>22.901700000000002</v>
      </c>
    </row>
    <row r="6925" spans="1:6" x14ac:dyDescent="0.25">
      <c r="A6925">
        <v>149.52000000000001</v>
      </c>
      <c r="B6925">
        <v>189.52</v>
      </c>
      <c r="C6925">
        <v>9527.25</v>
      </c>
      <c r="D6925">
        <v>1.9</v>
      </c>
      <c r="E6925">
        <v>11594.2</v>
      </c>
      <c r="F6925">
        <v>22.9786</v>
      </c>
    </row>
    <row r="6926" spans="1:6" x14ac:dyDescent="0.25">
      <c r="A6926">
        <v>149.52000000000001</v>
      </c>
      <c r="B6926">
        <v>189.52</v>
      </c>
      <c r="C6926">
        <v>9527.25</v>
      </c>
      <c r="D6926">
        <v>2.2000000000000002</v>
      </c>
      <c r="E6926">
        <v>11300.1</v>
      </c>
      <c r="F6926">
        <v>23.001799999999999</v>
      </c>
    </row>
    <row r="6927" spans="1:6" x14ac:dyDescent="0.25">
      <c r="A6927">
        <v>149.52000000000001</v>
      </c>
      <c r="B6927">
        <v>189.52</v>
      </c>
      <c r="C6927">
        <v>9527.25</v>
      </c>
      <c r="D6927">
        <v>2.5</v>
      </c>
      <c r="E6927">
        <v>11092.4</v>
      </c>
      <c r="F6927">
        <v>22.958500000000001</v>
      </c>
    </row>
    <row r="6928" spans="1:6" x14ac:dyDescent="0.25">
      <c r="A6928">
        <v>149.52000000000001</v>
      </c>
      <c r="B6928">
        <v>189.52</v>
      </c>
      <c r="C6928">
        <v>9527.25</v>
      </c>
      <c r="D6928">
        <v>2.8</v>
      </c>
      <c r="E6928">
        <v>11098.2</v>
      </c>
      <c r="F6928">
        <v>23.4129</v>
      </c>
    </row>
    <row r="6929" spans="1:6" x14ac:dyDescent="0.25">
      <c r="A6929">
        <v>149.52000000000001</v>
      </c>
      <c r="B6929">
        <v>189.52</v>
      </c>
      <c r="C6929">
        <v>9527.25</v>
      </c>
      <c r="D6929">
        <v>3.1</v>
      </c>
      <c r="E6929">
        <v>10943</v>
      </c>
      <c r="F6929">
        <v>23.518699999999999</v>
      </c>
    </row>
    <row r="6930" spans="1:6" x14ac:dyDescent="0.25">
      <c r="A6930">
        <v>149.52000000000001</v>
      </c>
      <c r="B6930">
        <v>189.52</v>
      </c>
      <c r="C6930">
        <v>9527.25</v>
      </c>
      <c r="D6930">
        <v>3.4</v>
      </c>
      <c r="E6930">
        <v>10841.4</v>
      </c>
      <c r="F6930">
        <v>23.622299999999999</v>
      </c>
    </row>
    <row r="6931" spans="1:6" x14ac:dyDescent="0.25">
      <c r="A6931">
        <v>149.52000000000001</v>
      </c>
      <c r="B6931">
        <v>189.52</v>
      </c>
      <c r="C6931">
        <v>9527.25</v>
      </c>
      <c r="D6931">
        <v>3.7</v>
      </c>
      <c r="E6931">
        <v>10815.6</v>
      </c>
      <c r="F6931">
        <v>23.678000000000001</v>
      </c>
    </row>
    <row r="6932" spans="1:6" x14ac:dyDescent="0.25">
      <c r="A6932">
        <v>149.52000000000001</v>
      </c>
      <c r="B6932">
        <v>189.52</v>
      </c>
      <c r="C6932">
        <v>9527.25</v>
      </c>
      <c r="D6932">
        <v>4</v>
      </c>
      <c r="E6932">
        <v>10630.8</v>
      </c>
      <c r="F6932">
        <v>23.7349</v>
      </c>
    </row>
    <row r="6933" spans="1:6" x14ac:dyDescent="0.25">
      <c r="A6933">
        <v>149.52000000000001</v>
      </c>
      <c r="B6933">
        <v>189.52</v>
      </c>
      <c r="C6933">
        <v>11072.7</v>
      </c>
      <c r="D6933">
        <v>1</v>
      </c>
      <c r="E6933">
        <v>14626</v>
      </c>
      <c r="F6933">
        <v>21.540199999999999</v>
      </c>
    </row>
    <row r="6934" spans="1:6" x14ac:dyDescent="0.25">
      <c r="A6934">
        <v>149.52000000000001</v>
      </c>
      <c r="B6934">
        <v>189.52</v>
      </c>
      <c r="C6934">
        <v>11072.7</v>
      </c>
      <c r="D6934">
        <v>1.3</v>
      </c>
      <c r="E6934">
        <v>14030.8</v>
      </c>
      <c r="F6934">
        <v>22.786100000000001</v>
      </c>
    </row>
    <row r="6935" spans="1:6" x14ac:dyDescent="0.25">
      <c r="A6935">
        <v>149.52000000000001</v>
      </c>
      <c r="B6935">
        <v>189.52</v>
      </c>
      <c r="C6935">
        <v>11072.7</v>
      </c>
      <c r="D6935">
        <v>1.6</v>
      </c>
      <c r="E6935">
        <v>13566.8</v>
      </c>
      <c r="F6935">
        <v>22.901700000000002</v>
      </c>
    </row>
    <row r="6936" spans="1:6" x14ac:dyDescent="0.25">
      <c r="A6936">
        <v>149.52000000000001</v>
      </c>
      <c r="B6936">
        <v>189.52</v>
      </c>
      <c r="C6936">
        <v>11072.7</v>
      </c>
      <c r="D6936">
        <v>1.9</v>
      </c>
      <c r="E6936">
        <v>13064</v>
      </c>
      <c r="F6936">
        <v>22.9786</v>
      </c>
    </row>
    <row r="6937" spans="1:6" x14ac:dyDescent="0.25">
      <c r="A6937">
        <v>149.52000000000001</v>
      </c>
      <c r="B6937">
        <v>189.52</v>
      </c>
      <c r="C6937">
        <v>11072.7</v>
      </c>
      <c r="D6937">
        <v>2.2000000000000002</v>
      </c>
      <c r="E6937">
        <v>12903.7</v>
      </c>
      <c r="F6937">
        <v>23.001799999999999</v>
      </c>
    </row>
    <row r="6938" spans="1:6" x14ac:dyDescent="0.25">
      <c r="A6938">
        <v>149.52000000000001</v>
      </c>
      <c r="B6938">
        <v>189.52</v>
      </c>
      <c r="C6938">
        <v>11072.7</v>
      </c>
      <c r="D6938">
        <v>2.5</v>
      </c>
      <c r="E6938">
        <v>12636.9</v>
      </c>
      <c r="F6938">
        <v>22.958500000000001</v>
      </c>
    </row>
    <row r="6939" spans="1:6" x14ac:dyDescent="0.25">
      <c r="A6939">
        <v>149.52000000000001</v>
      </c>
      <c r="B6939">
        <v>189.52</v>
      </c>
      <c r="C6939">
        <v>11072.7</v>
      </c>
      <c r="D6939">
        <v>2.8</v>
      </c>
      <c r="E6939">
        <v>12541.1</v>
      </c>
      <c r="F6939">
        <v>23.4129</v>
      </c>
    </row>
    <row r="6940" spans="1:6" x14ac:dyDescent="0.25">
      <c r="A6940">
        <v>149.52000000000001</v>
      </c>
      <c r="B6940">
        <v>189.52</v>
      </c>
      <c r="C6940">
        <v>11072.7</v>
      </c>
      <c r="D6940">
        <v>3.1</v>
      </c>
      <c r="E6940">
        <v>12546.9</v>
      </c>
      <c r="F6940">
        <v>23.518699999999999</v>
      </c>
    </row>
    <row r="6941" spans="1:6" x14ac:dyDescent="0.25">
      <c r="A6941">
        <v>149.52000000000001</v>
      </c>
      <c r="B6941">
        <v>189.52</v>
      </c>
      <c r="C6941">
        <v>11072.7</v>
      </c>
      <c r="D6941">
        <v>3.4</v>
      </c>
      <c r="E6941">
        <v>12414.9</v>
      </c>
      <c r="F6941">
        <v>23.622299999999999</v>
      </c>
    </row>
    <row r="6942" spans="1:6" x14ac:dyDescent="0.25">
      <c r="A6942">
        <v>149.52000000000001</v>
      </c>
      <c r="B6942">
        <v>189.52</v>
      </c>
      <c r="C6942">
        <v>11072.7</v>
      </c>
      <c r="D6942">
        <v>3.7</v>
      </c>
      <c r="E6942">
        <v>12249.5</v>
      </c>
      <c r="F6942">
        <v>23.678000000000001</v>
      </c>
    </row>
    <row r="6943" spans="1:6" x14ac:dyDescent="0.25">
      <c r="A6943">
        <v>149.52000000000001</v>
      </c>
      <c r="B6943">
        <v>189.52</v>
      </c>
      <c r="C6943">
        <v>11072.7</v>
      </c>
      <c r="D6943">
        <v>4</v>
      </c>
      <c r="E6943">
        <v>12208.2</v>
      </c>
      <c r="F6943">
        <v>23.7349</v>
      </c>
    </row>
    <row r="6944" spans="1:6" x14ac:dyDescent="0.25">
      <c r="A6944">
        <v>149.52000000000001</v>
      </c>
      <c r="B6944">
        <v>189.52</v>
      </c>
      <c r="C6944">
        <v>12618.2</v>
      </c>
      <c r="D6944">
        <v>1</v>
      </c>
      <c r="E6944">
        <v>16376.1</v>
      </c>
      <c r="F6944">
        <v>21.540199999999999</v>
      </c>
    </row>
    <row r="6945" spans="1:6" x14ac:dyDescent="0.25">
      <c r="A6945">
        <v>149.52000000000001</v>
      </c>
      <c r="B6945">
        <v>189.52</v>
      </c>
      <c r="C6945">
        <v>12618.2</v>
      </c>
      <c r="D6945">
        <v>1.3</v>
      </c>
      <c r="E6945">
        <v>15609.8</v>
      </c>
      <c r="F6945">
        <v>22.786100000000001</v>
      </c>
    </row>
    <row r="6946" spans="1:6" x14ac:dyDescent="0.25">
      <c r="A6946">
        <v>149.52000000000001</v>
      </c>
      <c r="B6946">
        <v>189.52</v>
      </c>
      <c r="C6946">
        <v>12618.2</v>
      </c>
      <c r="D6946">
        <v>1.6</v>
      </c>
      <c r="E6946">
        <v>14954.6</v>
      </c>
      <c r="F6946">
        <v>22.901700000000002</v>
      </c>
    </row>
    <row r="6947" spans="1:6" x14ac:dyDescent="0.25">
      <c r="A6947">
        <v>149.52000000000001</v>
      </c>
      <c r="B6947">
        <v>189.52</v>
      </c>
      <c r="C6947">
        <v>12618.2</v>
      </c>
      <c r="D6947">
        <v>1.9</v>
      </c>
      <c r="E6947">
        <v>14645</v>
      </c>
      <c r="F6947">
        <v>22.9786</v>
      </c>
    </row>
    <row r="6948" spans="1:6" x14ac:dyDescent="0.25">
      <c r="A6948">
        <v>149.52000000000001</v>
      </c>
      <c r="B6948">
        <v>189.52</v>
      </c>
      <c r="C6948">
        <v>12618.2</v>
      </c>
      <c r="D6948">
        <v>2.2000000000000002</v>
      </c>
      <c r="E6948">
        <v>14453</v>
      </c>
      <c r="F6948">
        <v>23.001799999999999</v>
      </c>
    </row>
    <row r="6949" spans="1:6" x14ac:dyDescent="0.25">
      <c r="A6949">
        <v>149.52000000000001</v>
      </c>
      <c r="B6949">
        <v>189.52</v>
      </c>
      <c r="C6949">
        <v>12618.2</v>
      </c>
      <c r="D6949">
        <v>2.5</v>
      </c>
      <c r="E6949">
        <v>14202.8</v>
      </c>
      <c r="F6949">
        <v>22.958500000000001</v>
      </c>
    </row>
    <row r="6950" spans="1:6" x14ac:dyDescent="0.25">
      <c r="A6950">
        <v>149.52000000000001</v>
      </c>
      <c r="B6950">
        <v>189.52</v>
      </c>
      <c r="C6950">
        <v>12618.2</v>
      </c>
      <c r="D6950">
        <v>2.8</v>
      </c>
      <c r="E6950">
        <v>14196.1</v>
      </c>
      <c r="F6950">
        <v>23.4129</v>
      </c>
    </row>
    <row r="6951" spans="1:6" x14ac:dyDescent="0.25">
      <c r="A6951">
        <v>149.52000000000001</v>
      </c>
      <c r="B6951">
        <v>189.52</v>
      </c>
      <c r="C6951">
        <v>12618.2</v>
      </c>
      <c r="D6951">
        <v>3.1</v>
      </c>
      <c r="E6951">
        <v>13962.5</v>
      </c>
      <c r="F6951">
        <v>23.518699999999999</v>
      </c>
    </row>
    <row r="6952" spans="1:6" x14ac:dyDescent="0.25">
      <c r="A6952">
        <v>149.52000000000001</v>
      </c>
      <c r="B6952">
        <v>189.52</v>
      </c>
      <c r="C6952">
        <v>12618.2</v>
      </c>
      <c r="D6952">
        <v>3.4</v>
      </c>
      <c r="E6952">
        <v>13881.9</v>
      </c>
      <c r="F6952">
        <v>23.622299999999999</v>
      </c>
    </row>
    <row r="6953" spans="1:6" x14ac:dyDescent="0.25">
      <c r="A6953">
        <v>149.52000000000001</v>
      </c>
      <c r="B6953">
        <v>189.52</v>
      </c>
      <c r="C6953">
        <v>12618.2</v>
      </c>
      <c r="D6953">
        <v>3.7</v>
      </c>
      <c r="E6953">
        <v>13876.5</v>
      </c>
      <c r="F6953">
        <v>23.678000000000001</v>
      </c>
    </row>
    <row r="6954" spans="1:6" x14ac:dyDescent="0.25">
      <c r="A6954">
        <v>149.52000000000001</v>
      </c>
      <c r="B6954">
        <v>189.52</v>
      </c>
      <c r="C6954">
        <v>12618.2</v>
      </c>
      <c r="D6954">
        <v>4</v>
      </c>
      <c r="E6954">
        <v>13718.2</v>
      </c>
      <c r="F6954">
        <v>23.7349</v>
      </c>
    </row>
    <row r="6955" spans="1:6" x14ac:dyDescent="0.25">
      <c r="A6955">
        <v>149.52000000000001</v>
      </c>
      <c r="B6955">
        <v>189.52</v>
      </c>
      <c r="C6955">
        <v>14163.6</v>
      </c>
      <c r="D6955">
        <v>1</v>
      </c>
      <c r="E6955">
        <v>17897.5</v>
      </c>
      <c r="F6955">
        <v>21.540199999999999</v>
      </c>
    </row>
    <row r="6956" spans="1:6" x14ac:dyDescent="0.25">
      <c r="A6956">
        <v>149.52000000000001</v>
      </c>
      <c r="B6956">
        <v>189.52</v>
      </c>
      <c r="C6956">
        <v>14163.6</v>
      </c>
      <c r="D6956">
        <v>1.3</v>
      </c>
      <c r="E6956">
        <v>17153.8</v>
      </c>
      <c r="F6956">
        <v>22.786100000000001</v>
      </c>
    </row>
    <row r="6957" spans="1:6" x14ac:dyDescent="0.25">
      <c r="A6957">
        <v>149.52000000000001</v>
      </c>
      <c r="B6957">
        <v>189.52</v>
      </c>
      <c r="C6957">
        <v>14163.6</v>
      </c>
      <c r="D6957">
        <v>1.6</v>
      </c>
      <c r="E6957">
        <v>16601.3</v>
      </c>
      <c r="F6957">
        <v>22.901700000000002</v>
      </c>
    </row>
    <row r="6958" spans="1:6" x14ac:dyDescent="0.25">
      <c r="A6958">
        <v>149.52000000000001</v>
      </c>
      <c r="B6958">
        <v>189.52</v>
      </c>
      <c r="C6958">
        <v>14163.6</v>
      </c>
      <c r="D6958">
        <v>1.9</v>
      </c>
      <c r="E6958">
        <v>16203.3</v>
      </c>
      <c r="F6958">
        <v>22.9786</v>
      </c>
    </row>
    <row r="6959" spans="1:6" x14ac:dyDescent="0.25">
      <c r="A6959">
        <v>149.52000000000001</v>
      </c>
      <c r="B6959">
        <v>189.52</v>
      </c>
      <c r="C6959">
        <v>14163.6</v>
      </c>
      <c r="D6959">
        <v>2.2000000000000002</v>
      </c>
      <c r="E6959">
        <v>15950.9</v>
      </c>
      <c r="F6959">
        <v>23.001799999999999</v>
      </c>
    </row>
    <row r="6960" spans="1:6" x14ac:dyDescent="0.25">
      <c r="A6960">
        <v>149.52000000000001</v>
      </c>
      <c r="B6960">
        <v>189.52</v>
      </c>
      <c r="C6960">
        <v>14163.6</v>
      </c>
      <c r="D6960">
        <v>2.5</v>
      </c>
      <c r="E6960">
        <v>15744.1</v>
      </c>
      <c r="F6960">
        <v>22.958500000000001</v>
      </c>
    </row>
    <row r="6961" spans="1:6" x14ac:dyDescent="0.25">
      <c r="A6961">
        <v>149.52000000000001</v>
      </c>
      <c r="B6961">
        <v>189.52</v>
      </c>
      <c r="C6961">
        <v>14163.6</v>
      </c>
      <c r="D6961">
        <v>2.8</v>
      </c>
      <c r="E6961">
        <v>15666.9</v>
      </c>
      <c r="F6961">
        <v>23.4129</v>
      </c>
    </row>
    <row r="6962" spans="1:6" x14ac:dyDescent="0.25">
      <c r="A6962">
        <v>149.52000000000001</v>
      </c>
      <c r="B6962">
        <v>189.52</v>
      </c>
      <c r="C6962">
        <v>14163.6</v>
      </c>
      <c r="D6962">
        <v>3.1</v>
      </c>
      <c r="E6962">
        <v>15637.2</v>
      </c>
      <c r="F6962">
        <v>23.518699999999999</v>
      </c>
    </row>
    <row r="6963" spans="1:6" x14ac:dyDescent="0.25">
      <c r="A6963">
        <v>149.52000000000001</v>
      </c>
      <c r="B6963">
        <v>189.52</v>
      </c>
      <c r="C6963">
        <v>14163.6</v>
      </c>
      <c r="D6963">
        <v>3.4</v>
      </c>
      <c r="E6963">
        <v>15432.1</v>
      </c>
      <c r="F6963">
        <v>23.622299999999999</v>
      </c>
    </row>
    <row r="6964" spans="1:6" x14ac:dyDescent="0.25">
      <c r="A6964">
        <v>149.52000000000001</v>
      </c>
      <c r="B6964">
        <v>189.52</v>
      </c>
      <c r="C6964">
        <v>14163.6</v>
      </c>
      <c r="D6964">
        <v>3.7</v>
      </c>
      <c r="E6964">
        <v>15407</v>
      </c>
      <c r="F6964">
        <v>23.678000000000001</v>
      </c>
    </row>
    <row r="6965" spans="1:6" x14ac:dyDescent="0.25">
      <c r="A6965">
        <v>149.52000000000001</v>
      </c>
      <c r="B6965">
        <v>189.52</v>
      </c>
      <c r="C6965">
        <v>14163.6</v>
      </c>
      <c r="D6965">
        <v>4</v>
      </c>
      <c r="E6965">
        <v>15306.5</v>
      </c>
      <c r="F6965">
        <v>23.7349</v>
      </c>
    </row>
    <row r="6966" spans="1:6" x14ac:dyDescent="0.25">
      <c r="A6966">
        <v>149.52000000000001</v>
      </c>
      <c r="B6966">
        <v>189.52</v>
      </c>
      <c r="C6966">
        <v>15709.1</v>
      </c>
      <c r="D6966">
        <v>1</v>
      </c>
      <c r="E6966">
        <v>19266.5</v>
      </c>
      <c r="F6966">
        <v>21.540199999999999</v>
      </c>
    </row>
    <row r="6967" spans="1:6" x14ac:dyDescent="0.25">
      <c r="A6967">
        <v>149.52000000000001</v>
      </c>
      <c r="B6967">
        <v>189.52</v>
      </c>
      <c r="C6967">
        <v>15709.1</v>
      </c>
      <c r="D6967">
        <v>1.3</v>
      </c>
      <c r="E6967">
        <v>18734.599999999999</v>
      </c>
      <c r="F6967">
        <v>22.786100000000001</v>
      </c>
    </row>
    <row r="6968" spans="1:6" x14ac:dyDescent="0.25">
      <c r="A6968">
        <v>149.52000000000001</v>
      </c>
      <c r="B6968">
        <v>189.52</v>
      </c>
      <c r="C6968">
        <v>15709.1</v>
      </c>
      <c r="D6968">
        <v>1.6</v>
      </c>
      <c r="E6968">
        <v>18167.400000000001</v>
      </c>
      <c r="F6968">
        <v>22.901700000000002</v>
      </c>
    </row>
    <row r="6969" spans="1:6" x14ac:dyDescent="0.25">
      <c r="A6969">
        <v>149.52000000000001</v>
      </c>
      <c r="B6969">
        <v>189.52</v>
      </c>
      <c r="C6969">
        <v>15709.1</v>
      </c>
      <c r="D6969">
        <v>1.9</v>
      </c>
      <c r="E6969">
        <v>17776.099999999999</v>
      </c>
      <c r="F6969">
        <v>22.9786</v>
      </c>
    </row>
    <row r="6970" spans="1:6" x14ac:dyDescent="0.25">
      <c r="A6970">
        <v>149.52000000000001</v>
      </c>
      <c r="B6970">
        <v>189.52</v>
      </c>
      <c r="C6970">
        <v>15709.1</v>
      </c>
      <c r="D6970">
        <v>2.2000000000000002</v>
      </c>
      <c r="E6970">
        <v>17506.400000000001</v>
      </c>
      <c r="F6970">
        <v>23.001799999999999</v>
      </c>
    </row>
    <row r="6971" spans="1:6" x14ac:dyDescent="0.25">
      <c r="A6971">
        <v>149.52000000000001</v>
      </c>
      <c r="B6971">
        <v>189.52</v>
      </c>
      <c r="C6971">
        <v>15709.1</v>
      </c>
      <c r="D6971">
        <v>2.5</v>
      </c>
      <c r="E6971">
        <v>17231.900000000001</v>
      </c>
      <c r="F6971">
        <v>22.958500000000001</v>
      </c>
    </row>
    <row r="6972" spans="1:6" x14ac:dyDescent="0.25">
      <c r="A6972">
        <v>149.52000000000001</v>
      </c>
      <c r="B6972">
        <v>189.52</v>
      </c>
      <c r="C6972">
        <v>15709.1</v>
      </c>
      <c r="D6972">
        <v>2.8</v>
      </c>
      <c r="E6972">
        <v>17325.5</v>
      </c>
      <c r="F6972">
        <v>23.4129</v>
      </c>
    </row>
    <row r="6973" spans="1:6" x14ac:dyDescent="0.25">
      <c r="A6973">
        <v>149.52000000000001</v>
      </c>
      <c r="B6973">
        <v>189.52</v>
      </c>
      <c r="C6973">
        <v>15709.1</v>
      </c>
      <c r="D6973">
        <v>3.1</v>
      </c>
      <c r="E6973">
        <v>17137.099999999999</v>
      </c>
      <c r="F6973">
        <v>23.518699999999999</v>
      </c>
    </row>
    <row r="6974" spans="1:6" x14ac:dyDescent="0.25">
      <c r="A6974">
        <v>149.52000000000001</v>
      </c>
      <c r="B6974">
        <v>189.52</v>
      </c>
      <c r="C6974">
        <v>15709.1</v>
      </c>
      <c r="D6974">
        <v>3.4</v>
      </c>
      <c r="E6974">
        <v>17024.5</v>
      </c>
      <c r="F6974">
        <v>23.622299999999999</v>
      </c>
    </row>
    <row r="6975" spans="1:6" x14ac:dyDescent="0.25">
      <c r="A6975">
        <v>149.52000000000001</v>
      </c>
      <c r="B6975">
        <v>189.52</v>
      </c>
      <c r="C6975">
        <v>15709.1</v>
      </c>
      <c r="D6975">
        <v>3.7</v>
      </c>
      <c r="E6975">
        <v>16931.7</v>
      </c>
      <c r="F6975">
        <v>23.678000000000001</v>
      </c>
    </row>
    <row r="6976" spans="1:6" x14ac:dyDescent="0.25">
      <c r="A6976">
        <v>149.52000000000001</v>
      </c>
      <c r="B6976">
        <v>189.52</v>
      </c>
      <c r="C6976">
        <v>15709.1</v>
      </c>
      <c r="D6976">
        <v>4</v>
      </c>
      <c r="E6976">
        <v>16805.400000000001</v>
      </c>
      <c r="F6976">
        <v>23.7349</v>
      </c>
    </row>
    <row r="6977" spans="1:6" x14ac:dyDescent="0.25">
      <c r="A6977">
        <v>149.52000000000001</v>
      </c>
      <c r="B6977">
        <v>189.52</v>
      </c>
      <c r="C6977">
        <v>17254.5</v>
      </c>
      <c r="D6977">
        <v>1</v>
      </c>
      <c r="E6977">
        <v>20968.400000000001</v>
      </c>
      <c r="F6977">
        <v>21.540199999999999</v>
      </c>
    </row>
    <row r="6978" spans="1:6" x14ac:dyDescent="0.25">
      <c r="A6978">
        <v>149.52000000000001</v>
      </c>
      <c r="B6978">
        <v>189.52</v>
      </c>
      <c r="C6978">
        <v>17254.5</v>
      </c>
      <c r="D6978">
        <v>1.3</v>
      </c>
      <c r="E6978">
        <v>20052.3</v>
      </c>
      <c r="F6978">
        <v>22.786100000000001</v>
      </c>
    </row>
    <row r="6979" spans="1:6" x14ac:dyDescent="0.25">
      <c r="A6979">
        <v>149.52000000000001</v>
      </c>
      <c r="B6979">
        <v>189.52</v>
      </c>
      <c r="C6979">
        <v>17254.5</v>
      </c>
      <c r="D6979">
        <v>1.6</v>
      </c>
      <c r="E6979">
        <v>19672</v>
      </c>
      <c r="F6979">
        <v>22.901700000000002</v>
      </c>
    </row>
    <row r="6980" spans="1:6" x14ac:dyDescent="0.25">
      <c r="A6980">
        <v>149.52000000000001</v>
      </c>
      <c r="B6980">
        <v>189.52</v>
      </c>
      <c r="C6980">
        <v>17254.5</v>
      </c>
      <c r="D6980">
        <v>1.9</v>
      </c>
      <c r="E6980">
        <v>19383.900000000001</v>
      </c>
      <c r="F6980">
        <v>22.9786</v>
      </c>
    </row>
    <row r="6981" spans="1:6" x14ac:dyDescent="0.25">
      <c r="A6981">
        <v>149.52000000000001</v>
      </c>
      <c r="B6981">
        <v>189.52</v>
      </c>
      <c r="C6981">
        <v>17254.5</v>
      </c>
      <c r="D6981">
        <v>2.2000000000000002</v>
      </c>
      <c r="E6981">
        <v>19017.599999999999</v>
      </c>
      <c r="F6981">
        <v>23.001799999999999</v>
      </c>
    </row>
    <row r="6982" spans="1:6" x14ac:dyDescent="0.25">
      <c r="A6982">
        <v>149.52000000000001</v>
      </c>
      <c r="B6982">
        <v>189.52</v>
      </c>
      <c r="C6982">
        <v>17254.5</v>
      </c>
      <c r="D6982">
        <v>2.5</v>
      </c>
      <c r="E6982">
        <v>18822.599999999999</v>
      </c>
      <c r="F6982">
        <v>22.958500000000001</v>
      </c>
    </row>
    <row r="6983" spans="1:6" x14ac:dyDescent="0.25">
      <c r="A6983">
        <v>149.52000000000001</v>
      </c>
      <c r="B6983">
        <v>189.52</v>
      </c>
      <c r="C6983">
        <v>17254.5</v>
      </c>
      <c r="D6983">
        <v>2.8</v>
      </c>
      <c r="E6983">
        <v>18883.900000000001</v>
      </c>
      <c r="F6983">
        <v>23.4129</v>
      </c>
    </row>
    <row r="6984" spans="1:6" x14ac:dyDescent="0.25">
      <c r="A6984">
        <v>149.52000000000001</v>
      </c>
      <c r="B6984">
        <v>189.52</v>
      </c>
      <c r="C6984">
        <v>17254.5</v>
      </c>
      <c r="D6984">
        <v>3.1</v>
      </c>
      <c r="E6984">
        <v>18663.2</v>
      </c>
      <c r="F6984">
        <v>23.518699999999999</v>
      </c>
    </row>
    <row r="6985" spans="1:6" x14ac:dyDescent="0.25">
      <c r="A6985">
        <v>149.52000000000001</v>
      </c>
      <c r="B6985">
        <v>189.52</v>
      </c>
      <c r="C6985">
        <v>17254.5</v>
      </c>
      <c r="D6985">
        <v>3.4</v>
      </c>
      <c r="E6985">
        <v>18550.900000000001</v>
      </c>
      <c r="F6985">
        <v>23.622299999999999</v>
      </c>
    </row>
    <row r="6986" spans="1:6" x14ac:dyDescent="0.25">
      <c r="A6986">
        <v>149.52000000000001</v>
      </c>
      <c r="B6986">
        <v>189.52</v>
      </c>
      <c r="C6986">
        <v>17254.5</v>
      </c>
      <c r="D6986">
        <v>3.7</v>
      </c>
      <c r="E6986">
        <v>18465.099999999999</v>
      </c>
      <c r="F6986">
        <v>23.678000000000001</v>
      </c>
    </row>
    <row r="6987" spans="1:6" x14ac:dyDescent="0.25">
      <c r="A6987">
        <v>149.52000000000001</v>
      </c>
      <c r="B6987">
        <v>189.52</v>
      </c>
      <c r="C6987">
        <v>17254.5</v>
      </c>
      <c r="D6987">
        <v>4</v>
      </c>
      <c r="E6987">
        <v>18392.7</v>
      </c>
      <c r="F6987">
        <v>23.7349</v>
      </c>
    </row>
    <row r="6988" spans="1:6" x14ac:dyDescent="0.25">
      <c r="A6988">
        <v>149.52000000000001</v>
      </c>
      <c r="B6988">
        <v>189.52</v>
      </c>
      <c r="C6988">
        <v>18800</v>
      </c>
      <c r="D6988">
        <v>1</v>
      </c>
      <c r="E6988">
        <v>22588.6</v>
      </c>
      <c r="F6988">
        <v>21.540199999999999</v>
      </c>
    </row>
    <row r="6989" spans="1:6" x14ac:dyDescent="0.25">
      <c r="A6989">
        <v>149.52000000000001</v>
      </c>
      <c r="B6989">
        <v>189.52</v>
      </c>
      <c r="C6989">
        <v>18800</v>
      </c>
      <c r="D6989">
        <v>1.3</v>
      </c>
      <c r="E6989">
        <v>21766.400000000001</v>
      </c>
      <c r="F6989">
        <v>22.786100000000001</v>
      </c>
    </row>
    <row r="6990" spans="1:6" x14ac:dyDescent="0.25">
      <c r="A6990">
        <v>149.52000000000001</v>
      </c>
      <c r="B6990">
        <v>189.52</v>
      </c>
      <c r="C6990">
        <v>18800</v>
      </c>
      <c r="D6990">
        <v>1.6</v>
      </c>
      <c r="E6990">
        <v>21215.3</v>
      </c>
      <c r="F6990">
        <v>22.901700000000002</v>
      </c>
    </row>
    <row r="6991" spans="1:6" x14ac:dyDescent="0.25">
      <c r="A6991">
        <v>149.52000000000001</v>
      </c>
      <c r="B6991">
        <v>189.52</v>
      </c>
      <c r="C6991">
        <v>18800</v>
      </c>
      <c r="D6991">
        <v>1.9</v>
      </c>
      <c r="E6991">
        <v>20805.900000000001</v>
      </c>
      <c r="F6991">
        <v>22.9786</v>
      </c>
    </row>
    <row r="6992" spans="1:6" x14ac:dyDescent="0.25">
      <c r="A6992">
        <v>149.52000000000001</v>
      </c>
      <c r="B6992">
        <v>189.52</v>
      </c>
      <c r="C6992">
        <v>18800</v>
      </c>
      <c r="D6992">
        <v>2.2000000000000002</v>
      </c>
      <c r="E6992">
        <v>20554.8</v>
      </c>
      <c r="F6992">
        <v>23.001799999999999</v>
      </c>
    </row>
    <row r="6993" spans="1:6" x14ac:dyDescent="0.25">
      <c r="A6993">
        <v>149.52000000000001</v>
      </c>
      <c r="B6993">
        <v>189.52</v>
      </c>
      <c r="C6993">
        <v>18800</v>
      </c>
      <c r="D6993">
        <v>2.5</v>
      </c>
      <c r="E6993">
        <v>20546</v>
      </c>
      <c r="F6993">
        <v>22.958500000000001</v>
      </c>
    </row>
    <row r="6994" spans="1:6" x14ac:dyDescent="0.25">
      <c r="A6994">
        <v>149.52000000000001</v>
      </c>
      <c r="B6994">
        <v>189.52</v>
      </c>
      <c r="C6994">
        <v>18800</v>
      </c>
      <c r="D6994">
        <v>2.8</v>
      </c>
      <c r="E6994">
        <v>20269.7</v>
      </c>
      <c r="F6994">
        <v>23.4129</v>
      </c>
    </row>
    <row r="6995" spans="1:6" x14ac:dyDescent="0.25">
      <c r="A6995">
        <v>149.52000000000001</v>
      </c>
      <c r="B6995">
        <v>189.52</v>
      </c>
      <c r="C6995">
        <v>18800</v>
      </c>
      <c r="D6995">
        <v>3.1</v>
      </c>
      <c r="E6995">
        <v>20244.099999999999</v>
      </c>
      <c r="F6995">
        <v>23.518699999999999</v>
      </c>
    </row>
    <row r="6996" spans="1:6" x14ac:dyDescent="0.25">
      <c r="A6996">
        <v>149.52000000000001</v>
      </c>
      <c r="B6996">
        <v>189.52</v>
      </c>
      <c r="C6996">
        <v>18800</v>
      </c>
      <c r="D6996">
        <v>3.4</v>
      </c>
      <c r="E6996">
        <v>20161.900000000001</v>
      </c>
      <c r="F6996">
        <v>23.622299999999999</v>
      </c>
    </row>
    <row r="6997" spans="1:6" x14ac:dyDescent="0.25">
      <c r="A6997">
        <v>149.52000000000001</v>
      </c>
      <c r="B6997">
        <v>189.52</v>
      </c>
      <c r="C6997">
        <v>18800</v>
      </c>
      <c r="D6997">
        <v>3.7</v>
      </c>
      <c r="E6997">
        <v>20066.7</v>
      </c>
      <c r="F6997">
        <v>23.678000000000001</v>
      </c>
    </row>
    <row r="6998" spans="1:6" x14ac:dyDescent="0.25">
      <c r="A6998">
        <v>149.52000000000001</v>
      </c>
      <c r="B6998">
        <v>189.52</v>
      </c>
      <c r="C6998">
        <v>18800</v>
      </c>
      <c r="D6998">
        <v>4</v>
      </c>
      <c r="E6998">
        <v>19914.099999999999</v>
      </c>
      <c r="F6998">
        <v>23.7349</v>
      </c>
    </row>
    <row r="6999" spans="1:6" x14ac:dyDescent="0.25">
      <c r="A6999">
        <v>149.52000000000001</v>
      </c>
      <c r="B6999">
        <v>193.15</v>
      </c>
      <c r="C6999">
        <v>1800</v>
      </c>
      <c r="D6999">
        <v>1</v>
      </c>
      <c r="E6999">
        <v>5503.5</v>
      </c>
      <c r="F6999">
        <v>44.874200000000002</v>
      </c>
    </row>
    <row r="7000" spans="1:6" x14ac:dyDescent="0.25">
      <c r="A7000">
        <v>149.52000000000001</v>
      </c>
      <c r="B7000">
        <v>193.15</v>
      </c>
      <c r="C7000">
        <v>1800</v>
      </c>
      <c r="D7000">
        <v>1.3</v>
      </c>
      <c r="E7000">
        <v>4891.3100000000004</v>
      </c>
      <c r="F7000">
        <v>55.431100000000001</v>
      </c>
    </row>
    <row r="7001" spans="1:6" x14ac:dyDescent="0.25">
      <c r="A7001">
        <v>149.52000000000001</v>
      </c>
      <c r="B7001">
        <v>193.15</v>
      </c>
      <c r="C7001">
        <v>1800</v>
      </c>
      <c r="D7001">
        <v>1.6</v>
      </c>
      <c r="E7001">
        <v>4563.2</v>
      </c>
      <c r="F7001">
        <v>62.431699999999999</v>
      </c>
    </row>
    <row r="7002" spans="1:6" x14ac:dyDescent="0.25">
      <c r="A7002">
        <v>149.52000000000001</v>
      </c>
      <c r="B7002">
        <v>193.15</v>
      </c>
      <c r="C7002">
        <v>1800</v>
      </c>
      <c r="D7002">
        <v>1.9</v>
      </c>
      <c r="E7002">
        <v>4190.95</v>
      </c>
      <c r="F7002">
        <v>69.602599999999995</v>
      </c>
    </row>
    <row r="7003" spans="1:6" x14ac:dyDescent="0.25">
      <c r="A7003">
        <v>149.52000000000001</v>
      </c>
      <c r="B7003">
        <v>193.15</v>
      </c>
      <c r="C7003">
        <v>1800</v>
      </c>
      <c r="D7003">
        <v>2.2000000000000002</v>
      </c>
      <c r="E7003">
        <v>3994.61</v>
      </c>
      <c r="F7003">
        <v>75.814800000000005</v>
      </c>
    </row>
    <row r="7004" spans="1:6" x14ac:dyDescent="0.25">
      <c r="A7004">
        <v>149.52000000000001</v>
      </c>
      <c r="B7004">
        <v>193.15</v>
      </c>
      <c r="C7004">
        <v>1800</v>
      </c>
      <c r="D7004">
        <v>2.5</v>
      </c>
      <c r="E7004">
        <v>3860.43</v>
      </c>
      <c r="F7004">
        <v>83.060100000000006</v>
      </c>
    </row>
    <row r="7005" spans="1:6" x14ac:dyDescent="0.25">
      <c r="A7005">
        <v>149.52000000000001</v>
      </c>
      <c r="B7005">
        <v>193.15</v>
      </c>
      <c r="C7005">
        <v>1800</v>
      </c>
      <c r="D7005">
        <v>2.8</v>
      </c>
      <c r="E7005">
        <v>3700.3</v>
      </c>
      <c r="F7005">
        <v>88.089200000000005</v>
      </c>
    </row>
    <row r="7006" spans="1:6" x14ac:dyDescent="0.25">
      <c r="A7006">
        <v>149.52000000000001</v>
      </c>
      <c r="B7006">
        <v>193.15</v>
      </c>
      <c r="C7006">
        <v>1800</v>
      </c>
      <c r="D7006">
        <v>3.1</v>
      </c>
      <c r="E7006">
        <v>3574.79</v>
      </c>
      <c r="F7006">
        <v>90.127600000000001</v>
      </c>
    </row>
    <row r="7007" spans="1:6" x14ac:dyDescent="0.25">
      <c r="A7007">
        <v>149.52000000000001</v>
      </c>
      <c r="B7007">
        <v>193.15</v>
      </c>
      <c r="C7007">
        <v>1800</v>
      </c>
      <c r="D7007">
        <v>3.4</v>
      </c>
      <c r="E7007">
        <v>3512.93</v>
      </c>
      <c r="F7007">
        <v>96.6999</v>
      </c>
    </row>
    <row r="7008" spans="1:6" x14ac:dyDescent="0.25">
      <c r="A7008">
        <v>149.52000000000001</v>
      </c>
      <c r="B7008">
        <v>193.15</v>
      </c>
      <c r="C7008">
        <v>1800</v>
      </c>
      <c r="D7008">
        <v>3.7</v>
      </c>
      <c r="E7008">
        <v>3437.92</v>
      </c>
      <c r="F7008">
        <v>99.867599999999996</v>
      </c>
    </row>
    <row r="7009" spans="1:6" x14ac:dyDescent="0.25">
      <c r="A7009">
        <v>149.52000000000001</v>
      </c>
      <c r="B7009">
        <v>193.15</v>
      </c>
      <c r="C7009">
        <v>1800</v>
      </c>
      <c r="D7009">
        <v>4</v>
      </c>
      <c r="E7009">
        <v>3393.05</v>
      </c>
      <c r="F7009">
        <v>103.88</v>
      </c>
    </row>
    <row r="7010" spans="1:6" x14ac:dyDescent="0.25">
      <c r="A7010">
        <v>149.52000000000001</v>
      </c>
      <c r="B7010">
        <v>193.15</v>
      </c>
      <c r="C7010">
        <v>3345.45</v>
      </c>
      <c r="D7010">
        <v>1</v>
      </c>
      <c r="E7010">
        <v>6783.38</v>
      </c>
      <c r="F7010">
        <v>17.0105</v>
      </c>
    </row>
    <row r="7011" spans="1:6" x14ac:dyDescent="0.25">
      <c r="A7011">
        <v>149.52000000000001</v>
      </c>
      <c r="B7011">
        <v>193.15</v>
      </c>
      <c r="C7011">
        <v>3345.45</v>
      </c>
      <c r="D7011">
        <v>1.3</v>
      </c>
      <c r="E7011">
        <v>6366.27</v>
      </c>
      <c r="F7011">
        <v>17.636600000000001</v>
      </c>
    </row>
    <row r="7012" spans="1:6" x14ac:dyDescent="0.25">
      <c r="A7012">
        <v>149.52000000000001</v>
      </c>
      <c r="B7012">
        <v>193.15</v>
      </c>
      <c r="C7012">
        <v>3345.45</v>
      </c>
      <c r="D7012">
        <v>1.6</v>
      </c>
      <c r="E7012">
        <v>5802.51</v>
      </c>
      <c r="F7012">
        <v>19.064499999999999</v>
      </c>
    </row>
    <row r="7013" spans="1:6" x14ac:dyDescent="0.25">
      <c r="A7013">
        <v>149.52000000000001</v>
      </c>
      <c r="B7013">
        <v>193.15</v>
      </c>
      <c r="C7013">
        <v>3345.45</v>
      </c>
      <c r="D7013">
        <v>1.9</v>
      </c>
      <c r="E7013">
        <v>5751.72</v>
      </c>
      <c r="F7013">
        <v>20.650600000000001</v>
      </c>
    </row>
    <row r="7014" spans="1:6" x14ac:dyDescent="0.25">
      <c r="A7014">
        <v>149.52000000000001</v>
      </c>
      <c r="B7014">
        <v>193.15</v>
      </c>
      <c r="C7014">
        <v>3345.45</v>
      </c>
      <c r="D7014">
        <v>2.2000000000000002</v>
      </c>
      <c r="E7014">
        <v>5437.08</v>
      </c>
      <c r="F7014">
        <v>23.1798</v>
      </c>
    </row>
    <row r="7015" spans="1:6" x14ac:dyDescent="0.25">
      <c r="A7015">
        <v>149.52000000000001</v>
      </c>
      <c r="B7015">
        <v>193.15</v>
      </c>
      <c r="C7015">
        <v>3345.45</v>
      </c>
      <c r="D7015">
        <v>2.5</v>
      </c>
      <c r="E7015">
        <v>5173.09</v>
      </c>
      <c r="F7015">
        <v>23.053799999999999</v>
      </c>
    </row>
    <row r="7016" spans="1:6" x14ac:dyDescent="0.25">
      <c r="A7016">
        <v>149.52000000000001</v>
      </c>
      <c r="B7016">
        <v>193.15</v>
      </c>
      <c r="C7016">
        <v>3345.45</v>
      </c>
      <c r="D7016">
        <v>2.8</v>
      </c>
      <c r="E7016">
        <v>5083.9399999999996</v>
      </c>
      <c r="F7016">
        <v>28.723600000000001</v>
      </c>
    </row>
    <row r="7017" spans="1:6" x14ac:dyDescent="0.25">
      <c r="A7017">
        <v>149.52000000000001</v>
      </c>
      <c r="B7017">
        <v>193.15</v>
      </c>
      <c r="C7017">
        <v>3345.45</v>
      </c>
      <c r="D7017">
        <v>3.1</v>
      </c>
      <c r="E7017">
        <v>4921.8900000000003</v>
      </c>
      <c r="F7017">
        <v>30.470300000000002</v>
      </c>
    </row>
    <row r="7018" spans="1:6" x14ac:dyDescent="0.25">
      <c r="A7018">
        <v>149.52000000000001</v>
      </c>
      <c r="B7018">
        <v>193.15</v>
      </c>
      <c r="C7018">
        <v>3345.45</v>
      </c>
      <c r="D7018">
        <v>3.4</v>
      </c>
      <c r="E7018">
        <v>4933.66</v>
      </c>
      <c r="F7018">
        <v>33.560299999999998</v>
      </c>
    </row>
    <row r="7019" spans="1:6" x14ac:dyDescent="0.25">
      <c r="A7019">
        <v>149.52000000000001</v>
      </c>
      <c r="B7019">
        <v>193.15</v>
      </c>
      <c r="C7019">
        <v>3345.45</v>
      </c>
      <c r="D7019">
        <v>3.7</v>
      </c>
      <c r="E7019">
        <v>4755.97</v>
      </c>
      <c r="F7019">
        <v>38.320700000000002</v>
      </c>
    </row>
    <row r="7020" spans="1:6" x14ac:dyDescent="0.25">
      <c r="A7020">
        <v>149.52000000000001</v>
      </c>
      <c r="B7020">
        <v>193.15</v>
      </c>
      <c r="C7020">
        <v>3345.45</v>
      </c>
      <c r="D7020">
        <v>4</v>
      </c>
      <c r="E7020">
        <v>4690.6000000000004</v>
      </c>
      <c r="F7020">
        <v>38.020899999999997</v>
      </c>
    </row>
    <row r="7021" spans="1:6" x14ac:dyDescent="0.25">
      <c r="A7021">
        <v>149.52000000000001</v>
      </c>
      <c r="B7021">
        <v>193.15</v>
      </c>
      <c r="C7021">
        <v>4890.8999999999996</v>
      </c>
      <c r="D7021">
        <v>1</v>
      </c>
      <c r="E7021">
        <v>8807.5499999999993</v>
      </c>
      <c r="F7021">
        <v>20.322199999999999</v>
      </c>
    </row>
    <row r="7022" spans="1:6" x14ac:dyDescent="0.25">
      <c r="A7022">
        <v>149.52000000000001</v>
      </c>
      <c r="B7022">
        <v>193.15</v>
      </c>
      <c r="C7022">
        <v>4890.8999999999996</v>
      </c>
      <c r="D7022">
        <v>1.3</v>
      </c>
      <c r="E7022">
        <v>7833.03</v>
      </c>
      <c r="F7022">
        <v>21.410900000000002</v>
      </c>
    </row>
    <row r="7023" spans="1:6" x14ac:dyDescent="0.25">
      <c r="A7023">
        <v>149.52000000000001</v>
      </c>
      <c r="B7023">
        <v>193.15</v>
      </c>
      <c r="C7023">
        <v>4890.8999999999996</v>
      </c>
      <c r="D7023">
        <v>1.6</v>
      </c>
      <c r="E7023">
        <v>7343.97</v>
      </c>
      <c r="F7023">
        <v>19.643599999999999</v>
      </c>
    </row>
    <row r="7024" spans="1:6" x14ac:dyDescent="0.25">
      <c r="A7024">
        <v>149.52000000000001</v>
      </c>
      <c r="B7024">
        <v>193.15</v>
      </c>
      <c r="C7024">
        <v>4890.8999999999996</v>
      </c>
      <c r="D7024">
        <v>1.9</v>
      </c>
      <c r="E7024">
        <v>7155.34</v>
      </c>
      <c r="F7024">
        <v>20.131399999999999</v>
      </c>
    </row>
    <row r="7025" spans="1:6" x14ac:dyDescent="0.25">
      <c r="A7025">
        <v>149.52000000000001</v>
      </c>
      <c r="B7025">
        <v>193.15</v>
      </c>
      <c r="C7025">
        <v>4890.8999999999996</v>
      </c>
      <c r="D7025">
        <v>2.2000000000000002</v>
      </c>
      <c r="E7025">
        <v>6882.75</v>
      </c>
      <c r="F7025">
        <v>20.537600000000001</v>
      </c>
    </row>
    <row r="7026" spans="1:6" x14ac:dyDescent="0.25">
      <c r="A7026">
        <v>149.52000000000001</v>
      </c>
      <c r="B7026">
        <v>193.15</v>
      </c>
      <c r="C7026">
        <v>4890.8999999999996</v>
      </c>
      <c r="D7026">
        <v>2.5</v>
      </c>
      <c r="E7026">
        <v>6608.37</v>
      </c>
      <c r="F7026">
        <v>20.933599999999998</v>
      </c>
    </row>
    <row r="7027" spans="1:6" x14ac:dyDescent="0.25">
      <c r="A7027">
        <v>149.52000000000001</v>
      </c>
      <c r="B7027">
        <v>193.15</v>
      </c>
      <c r="C7027">
        <v>4890.8999999999996</v>
      </c>
      <c r="D7027">
        <v>2.8</v>
      </c>
      <c r="E7027">
        <v>6423.46</v>
      </c>
      <c r="F7027">
        <v>18.745899999999999</v>
      </c>
    </row>
    <row r="7028" spans="1:6" x14ac:dyDescent="0.25">
      <c r="A7028">
        <v>149.52000000000001</v>
      </c>
      <c r="B7028">
        <v>193.15</v>
      </c>
      <c r="C7028">
        <v>4890.8999999999996</v>
      </c>
      <c r="D7028">
        <v>3.1</v>
      </c>
      <c r="E7028">
        <v>6409.41</v>
      </c>
      <c r="F7028">
        <v>18.652000000000001</v>
      </c>
    </row>
    <row r="7029" spans="1:6" x14ac:dyDescent="0.25">
      <c r="A7029">
        <v>149.52000000000001</v>
      </c>
      <c r="B7029">
        <v>193.15</v>
      </c>
      <c r="C7029">
        <v>4890.8999999999996</v>
      </c>
      <c r="D7029">
        <v>3.4</v>
      </c>
      <c r="E7029">
        <v>6199.1</v>
      </c>
      <c r="F7029">
        <v>18.764600000000002</v>
      </c>
    </row>
    <row r="7030" spans="1:6" x14ac:dyDescent="0.25">
      <c r="A7030">
        <v>149.52000000000001</v>
      </c>
      <c r="B7030">
        <v>193.15</v>
      </c>
      <c r="C7030">
        <v>4890.8999999999996</v>
      </c>
      <c r="D7030">
        <v>3.7</v>
      </c>
      <c r="E7030">
        <v>6169.64</v>
      </c>
      <c r="F7030">
        <v>18.8599</v>
      </c>
    </row>
    <row r="7031" spans="1:6" x14ac:dyDescent="0.25">
      <c r="A7031">
        <v>149.52000000000001</v>
      </c>
      <c r="B7031">
        <v>193.15</v>
      </c>
      <c r="C7031">
        <v>4890.8999999999996</v>
      </c>
      <c r="D7031">
        <v>4</v>
      </c>
      <c r="E7031">
        <v>6172.05</v>
      </c>
      <c r="F7031">
        <v>19.108499999999999</v>
      </c>
    </row>
    <row r="7032" spans="1:6" x14ac:dyDescent="0.25">
      <c r="A7032">
        <v>149.52000000000001</v>
      </c>
      <c r="B7032">
        <v>193.15</v>
      </c>
      <c r="C7032">
        <v>6436.35</v>
      </c>
      <c r="D7032">
        <v>1</v>
      </c>
      <c r="E7032">
        <v>10216.6</v>
      </c>
      <c r="F7032">
        <v>21.540199999999999</v>
      </c>
    </row>
    <row r="7033" spans="1:6" x14ac:dyDescent="0.25">
      <c r="A7033">
        <v>149.52000000000001</v>
      </c>
      <c r="B7033">
        <v>193.15</v>
      </c>
      <c r="C7033">
        <v>6436.35</v>
      </c>
      <c r="D7033">
        <v>1.3</v>
      </c>
      <c r="E7033">
        <v>9158.58</v>
      </c>
      <c r="F7033">
        <v>22.786100000000001</v>
      </c>
    </row>
    <row r="7034" spans="1:6" x14ac:dyDescent="0.25">
      <c r="A7034">
        <v>149.52000000000001</v>
      </c>
      <c r="B7034">
        <v>193.15</v>
      </c>
      <c r="C7034">
        <v>6436.35</v>
      </c>
      <c r="D7034">
        <v>1.6</v>
      </c>
      <c r="E7034">
        <v>8778.93</v>
      </c>
      <c r="F7034">
        <v>22.901700000000002</v>
      </c>
    </row>
    <row r="7035" spans="1:6" x14ac:dyDescent="0.25">
      <c r="A7035">
        <v>149.52000000000001</v>
      </c>
      <c r="B7035">
        <v>193.15</v>
      </c>
      <c r="C7035">
        <v>6436.35</v>
      </c>
      <c r="D7035">
        <v>1.9</v>
      </c>
      <c r="E7035">
        <v>8566.09</v>
      </c>
      <c r="F7035">
        <v>22.9786</v>
      </c>
    </row>
    <row r="7036" spans="1:6" x14ac:dyDescent="0.25">
      <c r="A7036">
        <v>149.52000000000001</v>
      </c>
      <c r="B7036">
        <v>193.15</v>
      </c>
      <c r="C7036">
        <v>6436.35</v>
      </c>
      <c r="D7036">
        <v>2.2000000000000002</v>
      </c>
      <c r="E7036">
        <v>8138.3</v>
      </c>
      <c r="F7036">
        <v>23.001799999999999</v>
      </c>
    </row>
    <row r="7037" spans="1:6" x14ac:dyDescent="0.25">
      <c r="A7037">
        <v>149.52000000000001</v>
      </c>
      <c r="B7037">
        <v>193.15</v>
      </c>
      <c r="C7037">
        <v>6436.35</v>
      </c>
      <c r="D7037">
        <v>2.5</v>
      </c>
      <c r="E7037">
        <v>8013.61</v>
      </c>
      <c r="F7037">
        <v>22.958500000000001</v>
      </c>
    </row>
    <row r="7038" spans="1:6" x14ac:dyDescent="0.25">
      <c r="A7038">
        <v>149.52000000000001</v>
      </c>
      <c r="B7038">
        <v>193.15</v>
      </c>
      <c r="C7038">
        <v>6436.35</v>
      </c>
      <c r="D7038">
        <v>2.8</v>
      </c>
      <c r="E7038">
        <v>7899.8</v>
      </c>
      <c r="F7038">
        <v>23.4129</v>
      </c>
    </row>
    <row r="7039" spans="1:6" x14ac:dyDescent="0.25">
      <c r="A7039">
        <v>149.52000000000001</v>
      </c>
      <c r="B7039">
        <v>193.15</v>
      </c>
      <c r="C7039">
        <v>6436.35</v>
      </c>
      <c r="D7039">
        <v>3.1</v>
      </c>
      <c r="E7039">
        <v>7768.41</v>
      </c>
      <c r="F7039">
        <v>23.518699999999999</v>
      </c>
    </row>
    <row r="7040" spans="1:6" x14ac:dyDescent="0.25">
      <c r="A7040">
        <v>149.52000000000001</v>
      </c>
      <c r="B7040">
        <v>193.15</v>
      </c>
      <c r="C7040">
        <v>6436.35</v>
      </c>
      <c r="D7040">
        <v>3.4</v>
      </c>
      <c r="E7040">
        <v>7677</v>
      </c>
      <c r="F7040">
        <v>23.622299999999999</v>
      </c>
    </row>
    <row r="7041" spans="1:6" x14ac:dyDescent="0.25">
      <c r="A7041">
        <v>149.52000000000001</v>
      </c>
      <c r="B7041">
        <v>193.15</v>
      </c>
      <c r="C7041">
        <v>6436.35</v>
      </c>
      <c r="D7041">
        <v>3.7</v>
      </c>
      <c r="E7041">
        <v>7599.11</v>
      </c>
      <c r="F7041">
        <v>23.678000000000001</v>
      </c>
    </row>
    <row r="7042" spans="1:6" x14ac:dyDescent="0.25">
      <c r="A7042">
        <v>149.52000000000001</v>
      </c>
      <c r="B7042">
        <v>193.15</v>
      </c>
      <c r="C7042">
        <v>6436.35</v>
      </c>
      <c r="D7042">
        <v>4</v>
      </c>
      <c r="E7042">
        <v>7531.29</v>
      </c>
      <c r="F7042">
        <v>23.7349</v>
      </c>
    </row>
    <row r="7043" spans="1:6" x14ac:dyDescent="0.25">
      <c r="A7043">
        <v>149.52000000000001</v>
      </c>
      <c r="B7043">
        <v>193.15</v>
      </c>
      <c r="C7043">
        <v>7981.8</v>
      </c>
      <c r="D7043">
        <v>1</v>
      </c>
      <c r="E7043">
        <v>11527.2</v>
      </c>
      <c r="F7043">
        <v>21.540199999999999</v>
      </c>
    </row>
    <row r="7044" spans="1:6" x14ac:dyDescent="0.25">
      <c r="A7044">
        <v>149.52000000000001</v>
      </c>
      <c r="B7044">
        <v>193.15</v>
      </c>
      <c r="C7044">
        <v>7981.8</v>
      </c>
      <c r="D7044">
        <v>1.3</v>
      </c>
      <c r="E7044">
        <v>10776.6</v>
      </c>
      <c r="F7044">
        <v>22.786100000000001</v>
      </c>
    </row>
    <row r="7045" spans="1:6" x14ac:dyDescent="0.25">
      <c r="A7045">
        <v>149.52000000000001</v>
      </c>
      <c r="B7045">
        <v>193.15</v>
      </c>
      <c r="C7045">
        <v>7981.8</v>
      </c>
      <c r="D7045">
        <v>1.6</v>
      </c>
      <c r="E7045">
        <v>10341.700000000001</v>
      </c>
      <c r="F7045">
        <v>22.901700000000002</v>
      </c>
    </row>
    <row r="7046" spans="1:6" x14ac:dyDescent="0.25">
      <c r="A7046">
        <v>149.52000000000001</v>
      </c>
      <c r="B7046">
        <v>193.15</v>
      </c>
      <c r="C7046">
        <v>7981.8</v>
      </c>
      <c r="D7046">
        <v>1.9</v>
      </c>
      <c r="E7046">
        <v>9953.9699999999993</v>
      </c>
      <c r="F7046">
        <v>22.9786</v>
      </c>
    </row>
    <row r="7047" spans="1:6" x14ac:dyDescent="0.25">
      <c r="A7047">
        <v>149.52000000000001</v>
      </c>
      <c r="B7047">
        <v>193.15</v>
      </c>
      <c r="C7047">
        <v>7981.8</v>
      </c>
      <c r="D7047">
        <v>2.2000000000000002</v>
      </c>
      <c r="E7047">
        <v>9848.14</v>
      </c>
      <c r="F7047">
        <v>23.001799999999999</v>
      </c>
    </row>
    <row r="7048" spans="1:6" x14ac:dyDescent="0.25">
      <c r="A7048">
        <v>149.52000000000001</v>
      </c>
      <c r="B7048">
        <v>193.15</v>
      </c>
      <c r="C7048">
        <v>7981.8</v>
      </c>
      <c r="D7048">
        <v>2.5</v>
      </c>
      <c r="E7048">
        <v>9616.2900000000009</v>
      </c>
      <c r="F7048">
        <v>22.958500000000001</v>
      </c>
    </row>
    <row r="7049" spans="1:6" x14ac:dyDescent="0.25">
      <c r="A7049">
        <v>149.52000000000001</v>
      </c>
      <c r="B7049">
        <v>193.15</v>
      </c>
      <c r="C7049">
        <v>7981.8</v>
      </c>
      <c r="D7049">
        <v>2.8</v>
      </c>
      <c r="E7049">
        <v>9462.81</v>
      </c>
      <c r="F7049">
        <v>23.4129</v>
      </c>
    </row>
    <row r="7050" spans="1:6" x14ac:dyDescent="0.25">
      <c r="A7050">
        <v>149.52000000000001</v>
      </c>
      <c r="B7050">
        <v>193.15</v>
      </c>
      <c r="C7050">
        <v>7981.8</v>
      </c>
      <c r="D7050">
        <v>3.1</v>
      </c>
      <c r="E7050">
        <v>9357.4599999999991</v>
      </c>
      <c r="F7050">
        <v>23.518699999999999</v>
      </c>
    </row>
    <row r="7051" spans="1:6" x14ac:dyDescent="0.25">
      <c r="A7051">
        <v>149.52000000000001</v>
      </c>
      <c r="B7051">
        <v>193.15</v>
      </c>
      <c r="C7051">
        <v>7981.8</v>
      </c>
      <c r="D7051">
        <v>3.4</v>
      </c>
      <c r="E7051">
        <v>9244.8700000000008</v>
      </c>
      <c r="F7051">
        <v>23.622299999999999</v>
      </c>
    </row>
    <row r="7052" spans="1:6" x14ac:dyDescent="0.25">
      <c r="A7052">
        <v>149.52000000000001</v>
      </c>
      <c r="B7052">
        <v>193.15</v>
      </c>
      <c r="C7052">
        <v>7981.8</v>
      </c>
      <c r="D7052">
        <v>3.7</v>
      </c>
      <c r="E7052">
        <v>9169.76</v>
      </c>
      <c r="F7052">
        <v>23.678000000000001</v>
      </c>
    </row>
    <row r="7053" spans="1:6" x14ac:dyDescent="0.25">
      <c r="A7053">
        <v>149.52000000000001</v>
      </c>
      <c r="B7053">
        <v>193.15</v>
      </c>
      <c r="C7053">
        <v>7981.8</v>
      </c>
      <c r="D7053">
        <v>4</v>
      </c>
      <c r="E7053">
        <v>9086.4</v>
      </c>
      <c r="F7053">
        <v>23.7349</v>
      </c>
    </row>
    <row r="7054" spans="1:6" x14ac:dyDescent="0.25">
      <c r="A7054">
        <v>149.52000000000001</v>
      </c>
      <c r="B7054">
        <v>193.15</v>
      </c>
      <c r="C7054">
        <v>9527.25</v>
      </c>
      <c r="D7054">
        <v>1</v>
      </c>
      <c r="E7054">
        <v>13293.7</v>
      </c>
      <c r="F7054">
        <v>21.540199999999999</v>
      </c>
    </row>
    <row r="7055" spans="1:6" x14ac:dyDescent="0.25">
      <c r="A7055">
        <v>149.52000000000001</v>
      </c>
      <c r="B7055">
        <v>193.15</v>
      </c>
      <c r="C7055">
        <v>9527.25</v>
      </c>
      <c r="D7055">
        <v>1.3</v>
      </c>
      <c r="E7055">
        <v>12468.6</v>
      </c>
      <c r="F7055">
        <v>22.786100000000001</v>
      </c>
    </row>
    <row r="7056" spans="1:6" x14ac:dyDescent="0.25">
      <c r="A7056">
        <v>149.52000000000001</v>
      </c>
      <c r="B7056">
        <v>193.15</v>
      </c>
      <c r="C7056">
        <v>9527.25</v>
      </c>
      <c r="D7056">
        <v>1.6</v>
      </c>
      <c r="E7056">
        <v>12026</v>
      </c>
      <c r="F7056">
        <v>22.901700000000002</v>
      </c>
    </row>
    <row r="7057" spans="1:6" x14ac:dyDescent="0.25">
      <c r="A7057">
        <v>149.52000000000001</v>
      </c>
      <c r="B7057">
        <v>193.15</v>
      </c>
      <c r="C7057">
        <v>9527.25</v>
      </c>
      <c r="D7057">
        <v>1.9</v>
      </c>
      <c r="E7057">
        <v>11594.2</v>
      </c>
      <c r="F7057">
        <v>22.9786</v>
      </c>
    </row>
    <row r="7058" spans="1:6" x14ac:dyDescent="0.25">
      <c r="A7058">
        <v>149.52000000000001</v>
      </c>
      <c r="B7058">
        <v>193.15</v>
      </c>
      <c r="C7058">
        <v>9527.25</v>
      </c>
      <c r="D7058">
        <v>2.2000000000000002</v>
      </c>
      <c r="E7058">
        <v>11300.1</v>
      </c>
      <c r="F7058">
        <v>23.001799999999999</v>
      </c>
    </row>
    <row r="7059" spans="1:6" x14ac:dyDescent="0.25">
      <c r="A7059">
        <v>149.52000000000001</v>
      </c>
      <c r="B7059">
        <v>193.15</v>
      </c>
      <c r="C7059">
        <v>9527.25</v>
      </c>
      <c r="D7059">
        <v>2.5</v>
      </c>
      <c r="E7059">
        <v>11092.4</v>
      </c>
      <c r="F7059">
        <v>22.958500000000001</v>
      </c>
    </row>
    <row r="7060" spans="1:6" x14ac:dyDescent="0.25">
      <c r="A7060">
        <v>149.52000000000001</v>
      </c>
      <c r="B7060">
        <v>193.15</v>
      </c>
      <c r="C7060">
        <v>9527.25</v>
      </c>
      <c r="D7060">
        <v>2.8</v>
      </c>
      <c r="E7060">
        <v>11098.2</v>
      </c>
      <c r="F7060">
        <v>23.4129</v>
      </c>
    </row>
    <row r="7061" spans="1:6" x14ac:dyDescent="0.25">
      <c r="A7061">
        <v>149.52000000000001</v>
      </c>
      <c r="B7061">
        <v>193.15</v>
      </c>
      <c r="C7061">
        <v>9527.25</v>
      </c>
      <c r="D7061">
        <v>3.1</v>
      </c>
      <c r="E7061">
        <v>10914.6</v>
      </c>
      <c r="F7061">
        <v>23.518699999999999</v>
      </c>
    </row>
    <row r="7062" spans="1:6" x14ac:dyDescent="0.25">
      <c r="A7062">
        <v>149.52000000000001</v>
      </c>
      <c r="B7062">
        <v>193.15</v>
      </c>
      <c r="C7062">
        <v>9527.25</v>
      </c>
      <c r="D7062">
        <v>3.4</v>
      </c>
      <c r="E7062">
        <v>10794.9</v>
      </c>
      <c r="F7062">
        <v>23.622299999999999</v>
      </c>
    </row>
    <row r="7063" spans="1:6" x14ac:dyDescent="0.25">
      <c r="A7063">
        <v>149.52000000000001</v>
      </c>
      <c r="B7063">
        <v>193.15</v>
      </c>
      <c r="C7063">
        <v>9527.25</v>
      </c>
      <c r="D7063">
        <v>3.7</v>
      </c>
      <c r="E7063">
        <v>10815.6</v>
      </c>
      <c r="F7063">
        <v>23.678000000000001</v>
      </c>
    </row>
    <row r="7064" spans="1:6" x14ac:dyDescent="0.25">
      <c r="A7064">
        <v>149.52000000000001</v>
      </c>
      <c r="B7064">
        <v>193.15</v>
      </c>
      <c r="C7064">
        <v>9527.25</v>
      </c>
      <c r="D7064">
        <v>4</v>
      </c>
      <c r="E7064">
        <v>10623.2</v>
      </c>
      <c r="F7064">
        <v>23.7349</v>
      </c>
    </row>
    <row r="7065" spans="1:6" x14ac:dyDescent="0.25">
      <c r="A7065">
        <v>149.52000000000001</v>
      </c>
      <c r="B7065">
        <v>193.15</v>
      </c>
      <c r="C7065">
        <v>11072.7</v>
      </c>
      <c r="D7065">
        <v>1</v>
      </c>
      <c r="E7065">
        <v>14626</v>
      </c>
      <c r="F7065">
        <v>21.540199999999999</v>
      </c>
    </row>
    <row r="7066" spans="1:6" x14ac:dyDescent="0.25">
      <c r="A7066">
        <v>149.52000000000001</v>
      </c>
      <c r="B7066">
        <v>193.15</v>
      </c>
      <c r="C7066">
        <v>11072.7</v>
      </c>
      <c r="D7066">
        <v>1.3</v>
      </c>
      <c r="E7066">
        <v>14030.8</v>
      </c>
      <c r="F7066">
        <v>22.786100000000001</v>
      </c>
    </row>
    <row r="7067" spans="1:6" x14ac:dyDescent="0.25">
      <c r="A7067">
        <v>149.52000000000001</v>
      </c>
      <c r="B7067">
        <v>193.15</v>
      </c>
      <c r="C7067">
        <v>11072.7</v>
      </c>
      <c r="D7067">
        <v>1.6</v>
      </c>
      <c r="E7067">
        <v>13566.8</v>
      </c>
      <c r="F7067">
        <v>22.901700000000002</v>
      </c>
    </row>
    <row r="7068" spans="1:6" x14ac:dyDescent="0.25">
      <c r="A7068">
        <v>149.52000000000001</v>
      </c>
      <c r="B7068">
        <v>193.15</v>
      </c>
      <c r="C7068">
        <v>11072.7</v>
      </c>
      <c r="D7068">
        <v>1.9</v>
      </c>
      <c r="E7068">
        <v>13064</v>
      </c>
      <c r="F7068">
        <v>22.9786</v>
      </c>
    </row>
    <row r="7069" spans="1:6" x14ac:dyDescent="0.25">
      <c r="A7069">
        <v>149.52000000000001</v>
      </c>
      <c r="B7069">
        <v>193.15</v>
      </c>
      <c r="C7069">
        <v>11072.7</v>
      </c>
      <c r="D7069">
        <v>2.2000000000000002</v>
      </c>
      <c r="E7069">
        <v>12893.9</v>
      </c>
      <c r="F7069">
        <v>23.001799999999999</v>
      </c>
    </row>
    <row r="7070" spans="1:6" x14ac:dyDescent="0.25">
      <c r="A7070">
        <v>149.52000000000001</v>
      </c>
      <c r="B7070">
        <v>193.15</v>
      </c>
      <c r="C7070">
        <v>11072.7</v>
      </c>
      <c r="D7070">
        <v>2.5</v>
      </c>
      <c r="E7070">
        <v>12636.9</v>
      </c>
      <c r="F7070">
        <v>22.958500000000001</v>
      </c>
    </row>
    <row r="7071" spans="1:6" x14ac:dyDescent="0.25">
      <c r="A7071">
        <v>149.52000000000001</v>
      </c>
      <c r="B7071">
        <v>193.15</v>
      </c>
      <c r="C7071">
        <v>11072.7</v>
      </c>
      <c r="D7071">
        <v>2.8</v>
      </c>
      <c r="E7071">
        <v>12541.1</v>
      </c>
      <c r="F7071">
        <v>23.4129</v>
      </c>
    </row>
    <row r="7072" spans="1:6" x14ac:dyDescent="0.25">
      <c r="A7072">
        <v>149.52000000000001</v>
      </c>
      <c r="B7072">
        <v>193.15</v>
      </c>
      <c r="C7072">
        <v>11072.7</v>
      </c>
      <c r="D7072">
        <v>3.1</v>
      </c>
      <c r="E7072">
        <v>12546.9</v>
      </c>
      <c r="F7072">
        <v>23.518699999999999</v>
      </c>
    </row>
    <row r="7073" spans="1:6" x14ac:dyDescent="0.25">
      <c r="A7073">
        <v>149.52000000000001</v>
      </c>
      <c r="B7073">
        <v>193.15</v>
      </c>
      <c r="C7073">
        <v>11072.7</v>
      </c>
      <c r="D7073">
        <v>3.4</v>
      </c>
      <c r="E7073">
        <v>12414.9</v>
      </c>
      <c r="F7073">
        <v>23.622299999999999</v>
      </c>
    </row>
    <row r="7074" spans="1:6" x14ac:dyDescent="0.25">
      <c r="A7074">
        <v>149.52000000000001</v>
      </c>
      <c r="B7074">
        <v>193.15</v>
      </c>
      <c r="C7074">
        <v>11072.7</v>
      </c>
      <c r="D7074">
        <v>3.7</v>
      </c>
      <c r="E7074">
        <v>12246.1</v>
      </c>
      <c r="F7074">
        <v>23.678000000000001</v>
      </c>
    </row>
    <row r="7075" spans="1:6" x14ac:dyDescent="0.25">
      <c r="A7075">
        <v>149.52000000000001</v>
      </c>
      <c r="B7075">
        <v>193.15</v>
      </c>
      <c r="C7075">
        <v>11072.7</v>
      </c>
      <c r="D7075">
        <v>4</v>
      </c>
      <c r="E7075">
        <v>12181.9</v>
      </c>
      <c r="F7075">
        <v>23.7349</v>
      </c>
    </row>
    <row r="7076" spans="1:6" x14ac:dyDescent="0.25">
      <c r="A7076">
        <v>149.52000000000001</v>
      </c>
      <c r="B7076">
        <v>193.15</v>
      </c>
      <c r="C7076">
        <v>12618.2</v>
      </c>
      <c r="D7076">
        <v>1</v>
      </c>
      <c r="E7076">
        <v>16376.1</v>
      </c>
      <c r="F7076">
        <v>21.540199999999999</v>
      </c>
    </row>
    <row r="7077" spans="1:6" x14ac:dyDescent="0.25">
      <c r="A7077">
        <v>149.52000000000001</v>
      </c>
      <c r="B7077">
        <v>193.15</v>
      </c>
      <c r="C7077">
        <v>12618.2</v>
      </c>
      <c r="D7077">
        <v>1.3</v>
      </c>
      <c r="E7077">
        <v>15609.8</v>
      </c>
      <c r="F7077">
        <v>22.786100000000001</v>
      </c>
    </row>
    <row r="7078" spans="1:6" x14ac:dyDescent="0.25">
      <c r="A7078">
        <v>149.52000000000001</v>
      </c>
      <c r="B7078">
        <v>193.15</v>
      </c>
      <c r="C7078">
        <v>12618.2</v>
      </c>
      <c r="D7078">
        <v>1.6</v>
      </c>
      <c r="E7078">
        <v>14954.6</v>
      </c>
      <c r="F7078">
        <v>22.901700000000002</v>
      </c>
    </row>
    <row r="7079" spans="1:6" x14ac:dyDescent="0.25">
      <c r="A7079">
        <v>149.52000000000001</v>
      </c>
      <c r="B7079">
        <v>193.15</v>
      </c>
      <c r="C7079">
        <v>12618.2</v>
      </c>
      <c r="D7079">
        <v>1.9</v>
      </c>
      <c r="E7079">
        <v>14645</v>
      </c>
      <c r="F7079">
        <v>22.9786</v>
      </c>
    </row>
    <row r="7080" spans="1:6" x14ac:dyDescent="0.25">
      <c r="A7080">
        <v>149.52000000000001</v>
      </c>
      <c r="B7080">
        <v>193.15</v>
      </c>
      <c r="C7080">
        <v>12618.2</v>
      </c>
      <c r="D7080">
        <v>2.2000000000000002</v>
      </c>
      <c r="E7080">
        <v>14453</v>
      </c>
      <c r="F7080">
        <v>23.001799999999999</v>
      </c>
    </row>
    <row r="7081" spans="1:6" x14ac:dyDescent="0.25">
      <c r="A7081">
        <v>149.52000000000001</v>
      </c>
      <c r="B7081">
        <v>193.15</v>
      </c>
      <c r="C7081">
        <v>12618.2</v>
      </c>
      <c r="D7081">
        <v>2.5</v>
      </c>
      <c r="E7081">
        <v>14202.8</v>
      </c>
      <c r="F7081">
        <v>22.958500000000001</v>
      </c>
    </row>
    <row r="7082" spans="1:6" x14ac:dyDescent="0.25">
      <c r="A7082">
        <v>149.52000000000001</v>
      </c>
      <c r="B7082">
        <v>193.15</v>
      </c>
      <c r="C7082">
        <v>12618.2</v>
      </c>
      <c r="D7082">
        <v>2.8</v>
      </c>
      <c r="E7082">
        <v>14166.7</v>
      </c>
      <c r="F7082">
        <v>23.4129</v>
      </c>
    </row>
    <row r="7083" spans="1:6" x14ac:dyDescent="0.25">
      <c r="A7083">
        <v>149.52000000000001</v>
      </c>
      <c r="B7083">
        <v>193.15</v>
      </c>
      <c r="C7083">
        <v>12618.2</v>
      </c>
      <c r="D7083">
        <v>3.1</v>
      </c>
      <c r="E7083">
        <v>13957</v>
      </c>
      <c r="F7083">
        <v>23.518699999999999</v>
      </c>
    </row>
    <row r="7084" spans="1:6" x14ac:dyDescent="0.25">
      <c r="A7084">
        <v>149.52000000000001</v>
      </c>
      <c r="B7084">
        <v>193.15</v>
      </c>
      <c r="C7084">
        <v>12618.2</v>
      </c>
      <c r="D7084">
        <v>3.4</v>
      </c>
      <c r="E7084">
        <v>13881.9</v>
      </c>
      <c r="F7084">
        <v>23.622299999999999</v>
      </c>
    </row>
    <row r="7085" spans="1:6" x14ac:dyDescent="0.25">
      <c r="A7085">
        <v>149.52000000000001</v>
      </c>
      <c r="B7085">
        <v>193.15</v>
      </c>
      <c r="C7085">
        <v>12618.2</v>
      </c>
      <c r="D7085">
        <v>3.7</v>
      </c>
      <c r="E7085">
        <v>13848.8</v>
      </c>
      <c r="F7085">
        <v>23.678000000000001</v>
      </c>
    </row>
    <row r="7086" spans="1:6" x14ac:dyDescent="0.25">
      <c r="A7086">
        <v>149.52000000000001</v>
      </c>
      <c r="B7086">
        <v>193.15</v>
      </c>
      <c r="C7086">
        <v>12618.2</v>
      </c>
      <c r="D7086">
        <v>4</v>
      </c>
      <c r="E7086">
        <v>13766</v>
      </c>
      <c r="F7086">
        <v>23.7349</v>
      </c>
    </row>
    <row r="7087" spans="1:6" x14ac:dyDescent="0.25">
      <c r="A7087">
        <v>149.52000000000001</v>
      </c>
      <c r="B7087">
        <v>193.15</v>
      </c>
      <c r="C7087">
        <v>14163.6</v>
      </c>
      <c r="D7087">
        <v>1</v>
      </c>
      <c r="E7087">
        <v>17897.5</v>
      </c>
      <c r="F7087">
        <v>21.540199999999999</v>
      </c>
    </row>
    <row r="7088" spans="1:6" x14ac:dyDescent="0.25">
      <c r="A7088">
        <v>149.52000000000001</v>
      </c>
      <c r="B7088">
        <v>193.15</v>
      </c>
      <c r="C7088">
        <v>14163.6</v>
      </c>
      <c r="D7088">
        <v>1.3</v>
      </c>
      <c r="E7088">
        <v>17137.2</v>
      </c>
      <c r="F7088">
        <v>22.786100000000001</v>
      </c>
    </row>
    <row r="7089" spans="1:6" x14ac:dyDescent="0.25">
      <c r="A7089">
        <v>149.52000000000001</v>
      </c>
      <c r="B7089">
        <v>193.15</v>
      </c>
      <c r="C7089">
        <v>14163.6</v>
      </c>
      <c r="D7089">
        <v>1.6</v>
      </c>
      <c r="E7089">
        <v>16552.2</v>
      </c>
      <c r="F7089">
        <v>22.901700000000002</v>
      </c>
    </row>
    <row r="7090" spans="1:6" x14ac:dyDescent="0.25">
      <c r="A7090">
        <v>149.52000000000001</v>
      </c>
      <c r="B7090">
        <v>193.15</v>
      </c>
      <c r="C7090">
        <v>14163.6</v>
      </c>
      <c r="D7090">
        <v>1.9</v>
      </c>
      <c r="E7090">
        <v>16163.9</v>
      </c>
      <c r="F7090">
        <v>22.9786</v>
      </c>
    </row>
    <row r="7091" spans="1:6" x14ac:dyDescent="0.25">
      <c r="A7091">
        <v>149.52000000000001</v>
      </c>
      <c r="B7091">
        <v>193.15</v>
      </c>
      <c r="C7091">
        <v>14163.6</v>
      </c>
      <c r="D7091">
        <v>2.2000000000000002</v>
      </c>
      <c r="E7091">
        <v>15969.4</v>
      </c>
      <c r="F7091">
        <v>23.001799999999999</v>
      </c>
    </row>
    <row r="7092" spans="1:6" x14ac:dyDescent="0.25">
      <c r="A7092">
        <v>149.52000000000001</v>
      </c>
      <c r="B7092">
        <v>193.15</v>
      </c>
      <c r="C7092">
        <v>14163.6</v>
      </c>
      <c r="D7092">
        <v>2.5</v>
      </c>
      <c r="E7092">
        <v>15721</v>
      </c>
      <c r="F7092">
        <v>22.958500000000001</v>
      </c>
    </row>
    <row r="7093" spans="1:6" x14ac:dyDescent="0.25">
      <c r="A7093">
        <v>149.52000000000001</v>
      </c>
      <c r="B7093">
        <v>193.15</v>
      </c>
      <c r="C7093">
        <v>14163.6</v>
      </c>
      <c r="D7093">
        <v>2.8</v>
      </c>
      <c r="E7093">
        <v>15649.9</v>
      </c>
      <c r="F7093">
        <v>23.4129</v>
      </c>
    </row>
    <row r="7094" spans="1:6" x14ac:dyDescent="0.25">
      <c r="A7094">
        <v>149.52000000000001</v>
      </c>
      <c r="B7094">
        <v>193.15</v>
      </c>
      <c r="C7094">
        <v>14163.6</v>
      </c>
      <c r="D7094">
        <v>3.1</v>
      </c>
      <c r="E7094">
        <v>15644.1</v>
      </c>
      <c r="F7094">
        <v>23.518699999999999</v>
      </c>
    </row>
    <row r="7095" spans="1:6" x14ac:dyDescent="0.25">
      <c r="A7095">
        <v>149.52000000000001</v>
      </c>
      <c r="B7095">
        <v>193.15</v>
      </c>
      <c r="C7095">
        <v>14163.6</v>
      </c>
      <c r="D7095">
        <v>3.4</v>
      </c>
      <c r="E7095">
        <v>15435.4</v>
      </c>
      <c r="F7095">
        <v>23.622299999999999</v>
      </c>
    </row>
    <row r="7096" spans="1:6" x14ac:dyDescent="0.25">
      <c r="A7096">
        <v>149.52000000000001</v>
      </c>
      <c r="B7096">
        <v>193.15</v>
      </c>
      <c r="C7096">
        <v>14163.6</v>
      </c>
      <c r="D7096">
        <v>3.7</v>
      </c>
      <c r="E7096">
        <v>15407</v>
      </c>
      <c r="F7096">
        <v>23.678000000000001</v>
      </c>
    </row>
    <row r="7097" spans="1:6" x14ac:dyDescent="0.25">
      <c r="A7097">
        <v>149.52000000000001</v>
      </c>
      <c r="B7097">
        <v>193.15</v>
      </c>
      <c r="C7097">
        <v>14163.6</v>
      </c>
      <c r="D7097">
        <v>4</v>
      </c>
      <c r="E7097">
        <v>15265.3</v>
      </c>
      <c r="F7097">
        <v>23.7349</v>
      </c>
    </row>
    <row r="7098" spans="1:6" x14ac:dyDescent="0.25">
      <c r="A7098">
        <v>149.52000000000001</v>
      </c>
      <c r="B7098">
        <v>193.15</v>
      </c>
      <c r="C7098">
        <v>15709.1</v>
      </c>
      <c r="D7098">
        <v>1</v>
      </c>
      <c r="E7098">
        <v>19266.5</v>
      </c>
      <c r="F7098">
        <v>21.540199999999999</v>
      </c>
    </row>
    <row r="7099" spans="1:6" x14ac:dyDescent="0.25">
      <c r="A7099">
        <v>149.52000000000001</v>
      </c>
      <c r="B7099">
        <v>193.15</v>
      </c>
      <c r="C7099">
        <v>15709.1</v>
      </c>
      <c r="D7099">
        <v>1.3</v>
      </c>
      <c r="E7099">
        <v>18495.2</v>
      </c>
      <c r="F7099">
        <v>22.786100000000001</v>
      </c>
    </row>
    <row r="7100" spans="1:6" x14ac:dyDescent="0.25">
      <c r="A7100">
        <v>149.52000000000001</v>
      </c>
      <c r="B7100">
        <v>193.15</v>
      </c>
      <c r="C7100">
        <v>15709.1</v>
      </c>
      <c r="D7100">
        <v>1.6</v>
      </c>
      <c r="E7100">
        <v>18173.3</v>
      </c>
      <c r="F7100">
        <v>22.901700000000002</v>
      </c>
    </row>
    <row r="7101" spans="1:6" x14ac:dyDescent="0.25">
      <c r="A7101">
        <v>149.52000000000001</v>
      </c>
      <c r="B7101">
        <v>193.15</v>
      </c>
      <c r="C7101">
        <v>15709.1</v>
      </c>
      <c r="D7101">
        <v>1.9</v>
      </c>
      <c r="E7101">
        <v>17751.900000000001</v>
      </c>
      <c r="F7101">
        <v>22.9786</v>
      </c>
    </row>
    <row r="7102" spans="1:6" x14ac:dyDescent="0.25">
      <c r="A7102">
        <v>149.52000000000001</v>
      </c>
      <c r="B7102">
        <v>193.15</v>
      </c>
      <c r="C7102">
        <v>15709.1</v>
      </c>
      <c r="D7102">
        <v>2.2000000000000002</v>
      </c>
      <c r="E7102">
        <v>17529</v>
      </c>
      <c r="F7102">
        <v>23.001799999999999</v>
      </c>
    </row>
    <row r="7103" spans="1:6" x14ac:dyDescent="0.25">
      <c r="A7103">
        <v>149.52000000000001</v>
      </c>
      <c r="B7103">
        <v>193.15</v>
      </c>
      <c r="C7103">
        <v>15709.1</v>
      </c>
      <c r="D7103">
        <v>2.5</v>
      </c>
      <c r="E7103">
        <v>17342.599999999999</v>
      </c>
      <c r="F7103">
        <v>22.958500000000001</v>
      </c>
    </row>
    <row r="7104" spans="1:6" x14ac:dyDescent="0.25">
      <c r="A7104">
        <v>149.52000000000001</v>
      </c>
      <c r="B7104">
        <v>193.15</v>
      </c>
      <c r="C7104">
        <v>15709.1</v>
      </c>
      <c r="D7104">
        <v>2.8</v>
      </c>
      <c r="E7104">
        <v>17329.3</v>
      </c>
      <c r="F7104">
        <v>23.4129</v>
      </c>
    </row>
    <row r="7105" spans="1:6" x14ac:dyDescent="0.25">
      <c r="A7105">
        <v>149.52000000000001</v>
      </c>
      <c r="B7105">
        <v>193.15</v>
      </c>
      <c r="C7105">
        <v>15709.1</v>
      </c>
      <c r="D7105">
        <v>3.1</v>
      </c>
      <c r="E7105">
        <v>17126.7</v>
      </c>
      <c r="F7105">
        <v>23.518699999999999</v>
      </c>
    </row>
    <row r="7106" spans="1:6" x14ac:dyDescent="0.25">
      <c r="A7106">
        <v>149.52000000000001</v>
      </c>
      <c r="B7106">
        <v>193.15</v>
      </c>
      <c r="C7106">
        <v>15709.1</v>
      </c>
      <c r="D7106">
        <v>3.4</v>
      </c>
      <c r="E7106">
        <v>17004.7</v>
      </c>
      <c r="F7106">
        <v>23.622299999999999</v>
      </c>
    </row>
    <row r="7107" spans="1:6" x14ac:dyDescent="0.25">
      <c r="A7107">
        <v>149.52000000000001</v>
      </c>
      <c r="B7107">
        <v>193.15</v>
      </c>
      <c r="C7107">
        <v>15709.1</v>
      </c>
      <c r="D7107">
        <v>3.7</v>
      </c>
      <c r="E7107">
        <v>16931.7</v>
      </c>
      <c r="F7107">
        <v>23.678000000000001</v>
      </c>
    </row>
    <row r="7108" spans="1:6" x14ac:dyDescent="0.25">
      <c r="A7108">
        <v>149.52000000000001</v>
      </c>
      <c r="B7108">
        <v>193.15</v>
      </c>
      <c r="C7108">
        <v>15709.1</v>
      </c>
      <c r="D7108">
        <v>4</v>
      </c>
      <c r="E7108">
        <v>16850.099999999999</v>
      </c>
      <c r="F7108">
        <v>23.7349</v>
      </c>
    </row>
    <row r="7109" spans="1:6" x14ac:dyDescent="0.25">
      <c r="A7109">
        <v>149.52000000000001</v>
      </c>
      <c r="B7109">
        <v>193.15</v>
      </c>
      <c r="C7109">
        <v>17254.5</v>
      </c>
      <c r="D7109">
        <v>1</v>
      </c>
      <c r="E7109">
        <v>20968.400000000001</v>
      </c>
      <c r="F7109">
        <v>21.540199999999999</v>
      </c>
    </row>
    <row r="7110" spans="1:6" x14ac:dyDescent="0.25">
      <c r="A7110">
        <v>149.52000000000001</v>
      </c>
      <c r="B7110">
        <v>193.15</v>
      </c>
      <c r="C7110">
        <v>17254.5</v>
      </c>
      <c r="D7110">
        <v>1.3</v>
      </c>
      <c r="E7110">
        <v>20052.3</v>
      </c>
      <c r="F7110">
        <v>22.786100000000001</v>
      </c>
    </row>
    <row r="7111" spans="1:6" x14ac:dyDescent="0.25">
      <c r="A7111">
        <v>149.52000000000001</v>
      </c>
      <c r="B7111">
        <v>193.15</v>
      </c>
      <c r="C7111">
        <v>17254.5</v>
      </c>
      <c r="D7111">
        <v>1.6</v>
      </c>
      <c r="E7111">
        <v>19672</v>
      </c>
      <c r="F7111">
        <v>22.901700000000002</v>
      </c>
    </row>
    <row r="7112" spans="1:6" x14ac:dyDescent="0.25">
      <c r="A7112">
        <v>149.52000000000001</v>
      </c>
      <c r="B7112">
        <v>193.15</v>
      </c>
      <c r="C7112">
        <v>17254.5</v>
      </c>
      <c r="D7112">
        <v>1.9</v>
      </c>
      <c r="E7112">
        <v>19383.900000000001</v>
      </c>
      <c r="F7112">
        <v>22.9786</v>
      </c>
    </row>
    <row r="7113" spans="1:6" x14ac:dyDescent="0.25">
      <c r="A7113">
        <v>149.52000000000001</v>
      </c>
      <c r="B7113">
        <v>193.15</v>
      </c>
      <c r="C7113">
        <v>17254.5</v>
      </c>
      <c r="D7113">
        <v>2.2000000000000002</v>
      </c>
      <c r="E7113">
        <v>19021.900000000001</v>
      </c>
      <c r="F7113">
        <v>23.001799999999999</v>
      </c>
    </row>
    <row r="7114" spans="1:6" x14ac:dyDescent="0.25">
      <c r="A7114">
        <v>149.52000000000001</v>
      </c>
      <c r="B7114">
        <v>193.15</v>
      </c>
      <c r="C7114">
        <v>17254.5</v>
      </c>
      <c r="D7114">
        <v>2.5</v>
      </c>
      <c r="E7114">
        <v>18829.8</v>
      </c>
      <c r="F7114">
        <v>22.958500000000001</v>
      </c>
    </row>
    <row r="7115" spans="1:6" x14ac:dyDescent="0.25">
      <c r="A7115">
        <v>149.52000000000001</v>
      </c>
      <c r="B7115">
        <v>193.15</v>
      </c>
      <c r="C7115">
        <v>17254.5</v>
      </c>
      <c r="D7115">
        <v>2.8</v>
      </c>
      <c r="E7115">
        <v>18883.900000000001</v>
      </c>
      <c r="F7115">
        <v>23.4129</v>
      </c>
    </row>
    <row r="7116" spans="1:6" x14ac:dyDescent="0.25">
      <c r="A7116">
        <v>149.52000000000001</v>
      </c>
      <c r="B7116">
        <v>193.15</v>
      </c>
      <c r="C7116">
        <v>17254.5</v>
      </c>
      <c r="D7116">
        <v>3.1</v>
      </c>
      <c r="E7116">
        <v>18597.2</v>
      </c>
      <c r="F7116">
        <v>23.518699999999999</v>
      </c>
    </row>
    <row r="7117" spans="1:6" x14ac:dyDescent="0.25">
      <c r="A7117">
        <v>149.52000000000001</v>
      </c>
      <c r="B7117">
        <v>193.15</v>
      </c>
      <c r="C7117">
        <v>17254.5</v>
      </c>
      <c r="D7117">
        <v>3.4</v>
      </c>
      <c r="E7117">
        <v>18619.599999999999</v>
      </c>
      <c r="F7117">
        <v>23.622299999999999</v>
      </c>
    </row>
    <row r="7118" spans="1:6" x14ac:dyDescent="0.25">
      <c r="A7118">
        <v>149.52000000000001</v>
      </c>
      <c r="B7118">
        <v>193.15</v>
      </c>
      <c r="C7118">
        <v>17254.5</v>
      </c>
      <c r="D7118">
        <v>3.7</v>
      </c>
      <c r="E7118">
        <v>18501.599999999999</v>
      </c>
      <c r="F7118">
        <v>23.678000000000001</v>
      </c>
    </row>
    <row r="7119" spans="1:6" x14ac:dyDescent="0.25">
      <c r="A7119">
        <v>149.52000000000001</v>
      </c>
      <c r="B7119">
        <v>193.15</v>
      </c>
      <c r="C7119">
        <v>17254.5</v>
      </c>
      <c r="D7119">
        <v>4</v>
      </c>
      <c r="E7119">
        <v>18436.8</v>
      </c>
      <c r="F7119">
        <v>23.7349</v>
      </c>
    </row>
    <row r="7120" spans="1:6" x14ac:dyDescent="0.25">
      <c r="A7120">
        <v>149.52000000000001</v>
      </c>
      <c r="B7120">
        <v>193.15</v>
      </c>
      <c r="C7120">
        <v>18800</v>
      </c>
      <c r="D7120">
        <v>1</v>
      </c>
      <c r="E7120">
        <v>22588.6</v>
      </c>
      <c r="F7120">
        <v>21.540199999999999</v>
      </c>
    </row>
    <row r="7121" spans="1:6" x14ac:dyDescent="0.25">
      <c r="A7121">
        <v>149.52000000000001</v>
      </c>
      <c r="B7121">
        <v>193.15</v>
      </c>
      <c r="C7121">
        <v>18800</v>
      </c>
      <c r="D7121">
        <v>1.3</v>
      </c>
      <c r="E7121">
        <v>21706.3</v>
      </c>
      <c r="F7121">
        <v>22.786100000000001</v>
      </c>
    </row>
    <row r="7122" spans="1:6" x14ac:dyDescent="0.25">
      <c r="A7122">
        <v>149.52000000000001</v>
      </c>
      <c r="B7122">
        <v>193.15</v>
      </c>
      <c r="C7122">
        <v>18800</v>
      </c>
      <c r="D7122">
        <v>1.6</v>
      </c>
      <c r="E7122">
        <v>21237.200000000001</v>
      </c>
      <c r="F7122">
        <v>22.901700000000002</v>
      </c>
    </row>
    <row r="7123" spans="1:6" x14ac:dyDescent="0.25">
      <c r="A7123">
        <v>149.52000000000001</v>
      </c>
      <c r="B7123">
        <v>193.15</v>
      </c>
      <c r="C7123">
        <v>18800</v>
      </c>
      <c r="D7123">
        <v>1.9</v>
      </c>
      <c r="E7123">
        <v>20845.7</v>
      </c>
      <c r="F7123">
        <v>22.9786</v>
      </c>
    </row>
    <row r="7124" spans="1:6" x14ac:dyDescent="0.25">
      <c r="A7124">
        <v>149.52000000000001</v>
      </c>
      <c r="B7124">
        <v>193.15</v>
      </c>
      <c r="C7124">
        <v>18800</v>
      </c>
      <c r="D7124">
        <v>2.2000000000000002</v>
      </c>
      <c r="E7124">
        <v>20553.7</v>
      </c>
      <c r="F7124">
        <v>23.001799999999999</v>
      </c>
    </row>
    <row r="7125" spans="1:6" x14ac:dyDescent="0.25">
      <c r="A7125">
        <v>149.52000000000001</v>
      </c>
      <c r="B7125">
        <v>193.15</v>
      </c>
      <c r="C7125">
        <v>18800</v>
      </c>
      <c r="D7125">
        <v>2.5</v>
      </c>
      <c r="E7125">
        <v>20467.3</v>
      </c>
      <c r="F7125">
        <v>22.958500000000001</v>
      </c>
    </row>
    <row r="7126" spans="1:6" x14ac:dyDescent="0.25">
      <c r="A7126">
        <v>149.52000000000001</v>
      </c>
      <c r="B7126">
        <v>193.15</v>
      </c>
      <c r="C7126">
        <v>18800</v>
      </c>
      <c r="D7126">
        <v>2.8</v>
      </c>
      <c r="E7126">
        <v>20319.900000000001</v>
      </c>
      <c r="F7126">
        <v>23.4129</v>
      </c>
    </row>
    <row r="7127" spans="1:6" x14ac:dyDescent="0.25">
      <c r="A7127">
        <v>149.52000000000001</v>
      </c>
      <c r="B7127">
        <v>193.15</v>
      </c>
      <c r="C7127">
        <v>18800</v>
      </c>
      <c r="D7127">
        <v>3.1</v>
      </c>
      <c r="E7127">
        <v>20188.099999999999</v>
      </c>
      <c r="F7127">
        <v>23.518699999999999</v>
      </c>
    </row>
    <row r="7128" spans="1:6" x14ac:dyDescent="0.25">
      <c r="A7128">
        <v>149.52000000000001</v>
      </c>
      <c r="B7128">
        <v>193.15</v>
      </c>
      <c r="C7128">
        <v>18800</v>
      </c>
      <c r="D7128">
        <v>3.4</v>
      </c>
      <c r="E7128">
        <v>20054.7</v>
      </c>
      <c r="F7128">
        <v>23.622299999999999</v>
      </c>
    </row>
    <row r="7129" spans="1:6" x14ac:dyDescent="0.25">
      <c r="A7129">
        <v>149.52000000000001</v>
      </c>
      <c r="B7129">
        <v>193.15</v>
      </c>
      <c r="C7129">
        <v>18800</v>
      </c>
      <c r="D7129">
        <v>3.7</v>
      </c>
      <c r="E7129">
        <v>20050.8</v>
      </c>
      <c r="F7129">
        <v>23.678000000000001</v>
      </c>
    </row>
    <row r="7130" spans="1:6" x14ac:dyDescent="0.25">
      <c r="A7130">
        <v>149.52000000000001</v>
      </c>
      <c r="B7130">
        <v>193.15</v>
      </c>
      <c r="C7130">
        <v>18800</v>
      </c>
      <c r="D7130">
        <v>4</v>
      </c>
      <c r="E7130">
        <v>19988.599999999999</v>
      </c>
      <c r="F7130">
        <v>23.7349</v>
      </c>
    </row>
    <row r="7131" spans="1:6" x14ac:dyDescent="0.25">
      <c r="A7131">
        <v>149.52000000000001</v>
      </c>
      <c r="B7131">
        <v>196.78</v>
      </c>
      <c r="C7131">
        <v>1800</v>
      </c>
      <c r="D7131">
        <v>1</v>
      </c>
      <c r="E7131">
        <v>5503.5</v>
      </c>
      <c r="F7131">
        <v>44.874200000000002</v>
      </c>
    </row>
    <row r="7132" spans="1:6" x14ac:dyDescent="0.25">
      <c r="A7132">
        <v>149.52000000000001</v>
      </c>
      <c r="B7132">
        <v>196.78</v>
      </c>
      <c r="C7132">
        <v>1800</v>
      </c>
      <c r="D7132">
        <v>1.3</v>
      </c>
      <c r="E7132">
        <v>4891.3100000000004</v>
      </c>
      <c r="F7132">
        <v>55.431100000000001</v>
      </c>
    </row>
    <row r="7133" spans="1:6" x14ac:dyDescent="0.25">
      <c r="A7133">
        <v>149.52000000000001</v>
      </c>
      <c r="B7133">
        <v>196.78</v>
      </c>
      <c r="C7133">
        <v>1800</v>
      </c>
      <c r="D7133">
        <v>1.6</v>
      </c>
      <c r="E7133">
        <v>4563.2</v>
      </c>
      <c r="F7133">
        <v>62.431699999999999</v>
      </c>
    </row>
    <row r="7134" spans="1:6" x14ac:dyDescent="0.25">
      <c r="A7134">
        <v>149.52000000000001</v>
      </c>
      <c r="B7134">
        <v>196.78</v>
      </c>
      <c r="C7134">
        <v>1800</v>
      </c>
      <c r="D7134">
        <v>1.9</v>
      </c>
      <c r="E7134">
        <v>4219.84</v>
      </c>
      <c r="F7134">
        <v>69.602599999999995</v>
      </c>
    </row>
    <row r="7135" spans="1:6" x14ac:dyDescent="0.25">
      <c r="A7135">
        <v>149.52000000000001</v>
      </c>
      <c r="B7135">
        <v>196.78</v>
      </c>
      <c r="C7135">
        <v>1800</v>
      </c>
      <c r="D7135">
        <v>2.2000000000000002</v>
      </c>
      <c r="E7135">
        <v>4000.42</v>
      </c>
      <c r="F7135">
        <v>75.814800000000005</v>
      </c>
    </row>
    <row r="7136" spans="1:6" x14ac:dyDescent="0.25">
      <c r="A7136">
        <v>149.52000000000001</v>
      </c>
      <c r="B7136">
        <v>196.78</v>
      </c>
      <c r="C7136">
        <v>1800</v>
      </c>
      <c r="D7136">
        <v>2.5</v>
      </c>
      <c r="E7136">
        <v>3810.46</v>
      </c>
      <c r="F7136">
        <v>80.787300000000002</v>
      </c>
    </row>
    <row r="7137" spans="1:6" x14ac:dyDescent="0.25">
      <c r="A7137">
        <v>149.52000000000001</v>
      </c>
      <c r="B7137">
        <v>196.78</v>
      </c>
      <c r="C7137">
        <v>1800</v>
      </c>
      <c r="D7137">
        <v>2.8</v>
      </c>
      <c r="E7137">
        <v>3652.95</v>
      </c>
      <c r="F7137">
        <v>84.800799999999995</v>
      </c>
    </row>
    <row r="7138" spans="1:6" x14ac:dyDescent="0.25">
      <c r="A7138">
        <v>149.52000000000001</v>
      </c>
      <c r="B7138">
        <v>196.78</v>
      </c>
      <c r="C7138">
        <v>1800</v>
      </c>
      <c r="D7138">
        <v>3.1</v>
      </c>
      <c r="E7138">
        <v>3542.77</v>
      </c>
      <c r="F7138">
        <v>87.421700000000001</v>
      </c>
    </row>
    <row r="7139" spans="1:6" x14ac:dyDescent="0.25">
      <c r="A7139">
        <v>149.52000000000001</v>
      </c>
      <c r="B7139">
        <v>196.78</v>
      </c>
      <c r="C7139">
        <v>1800</v>
      </c>
      <c r="D7139">
        <v>3.4</v>
      </c>
      <c r="E7139">
        <v>3463.7</v>
      </c>
      <c r="F7139">
        <v>94.471699999999998</v>
      </c>
    </row>
    <row r="7140" spans="1:6" x14ac:dyDescent="0.25">
      <c r="A7140">
        <v>149.52000000000001</v>
      </c>
      <c r="B7140">
        <v>196.78</v>
      </c>
      <c r="C7140">
        <v>1800</v>
      </c>
      <c r="D7140">
        <v>3.7</v>
      </c>
      <c r="E7140">
        <v>3394.12</v>
      </c>
      <c r="F7140">
        <v>98.428299999999993</v>
      </c>
    </row>
    <row r="7141" spans="1:6" x14ac:dyDescent="0.25">
      <c r="A7141">
        <v>149.52000000000001</v>
      </c>
      <c r="B7141">
        <v>196.78</v>
      </c>
      <c r="C7141">
        <v>1800</v>
      </c>
      <c r="D7141">
        <v>4</v>
      </c>
      <c r="E7141">
        <v>3323.32</v>
      </c>
      <c r="F7141">
        <v>99.4178</v>
      </c>
    </row>
    <row r="7142" spans="1:6" x14ac:dyDescent="0.25">
      <c r="A7142">
        <v>149.52000000000001</v>
      </c>
      <c r="B7142">
        <v>196.78</v>
      </c>
      <c r="C7142">
        <v>3345.45</v>
      </c>
      <c r="D7142">
        <v>1</v>
      </c>
      <c r="E7142">
        <v>6783.38</v>
      </c>
      <c r="F7142">
        <v>17.0105</v>
      </c>
    </row>
    <row r="7143" spans="1:6" x14ac:dyDescent="0.25">
      <c r="A7143">
        <v>149.52000000000001</v>
      </c>
      <c r="B7143">
        <v>196.78</v>
      </c>
      <c r="C7143">
        <v>3345.45</v>
      </c>
      <c r="D7143">
        <v>1.3</v>
      </c>
      <c r="E7143">
        <v>6366.27</v>
      </c>
      <c r="F7143">
        <v>17.636600000000001</v>
      </c>
    </row>
    <row r="7144" spans="1:6" x14ac:dyDescent="0.25">
      <c r="A7144">
        <v>149.52000000000001</v>
      </c>
      <c r="B7144">
        <v>196.78</v>
      </c>
      <c r="C7144">
        <v>3345.45</v>
      </c>
      <c r="D7144">
        <v>1.6</v>
      </c>
      <c r="E7144">
        <v>5802.51</v>
      </c>
      <c r="F7144">
        <v>19.064499999999999</v>
      </c>
    </row>
    <row r="7145" spans="1:6" x14ac:dyDescent="0.25">
      <c r="A7145">
        <v>149.52000000000001</v>
      </c>
      <c r="B7145">
        <v>196.78</v>
      </c>
      <c r="C7145">
        <v>3345.45</v>
      </c>
      <c r="D7145">
        <v>1.9</v>
      </c>
      <c r="E7145">
        <v>5751.72</v>
      </c>
      <c r="F7145">
        <v>20.650600000000001</v>
      </c>
    </row>
    <row r="7146" spans="1:6" x14ac:dyDescent="0.25">
      <c r="A7146">
        <v>149.52000000000001</v>
      </c>
      <c r="B7146">
        <v>196.78</v>
      </c>
      <c r="C7146">
        <v>3345.45</v>
      </c>
      <c r="D7146">
        <v>2.2000000000000002</v>
      </c>
      <c r="E7146">
        <v>5437.08</v>
      </c>
      <c r="F7146">
        <v>23.1798</v>
      </c>
    </row>
    <row r="7147" spans="1:6" x14ac:dyDescent="0.25">
      <c r="A7147">
        <v>149.52000000000001</v>
      </c>
      <c r="B7147">
        <v>196.78</v>
      </c>
      <c r="C7147">
        <v>3345.45</v>
      </c>
      <c r="D7147">
        <v>2.5</v>
      </c>
      <c r="E7147">
        <v>5173.09</v>
      </c>
      <c r="F7147">
        <v>23.053799999999999</v>
      </c>
    </row>
    <row r="7148" spans="1:6" x14ac:dyDescent="0.25">
      <c r="A7148">
        <v>149.52000000000001</v>
      </c>
      <c r="B7148">
        <v>196.78</v>
      </c>
      <c r="C7148">
        <v>3345.45</v>
      </c>
      <c r="D7148">
        <v>2.8</v>
      </c>
      <c r="E7148">
        <v>5083.9399999999996</v>
      </c>
      <c r="F7148">
        <v>26.015000000000001</v>
      </c>
    </row>
    <row r="7149" spans="1:6" x14ac:dyDescent="0.25">
      <c r="A7149">
        <v>149.52000000000001</v>
      </c>
      <c r="B7149">
        <v>196.78</v>
      </c>
      <c r="C7149">
        <v>3345.45</v>
      </c>
      <c r="D7149">
        <v>3.1</v>
      </c>
      <c r="E7149">
        <v>4921.8900000000003</v>
      </c>
      <c r="F7149">
        <v>27.7713</v>
      </c>
    </row>
    <row r="7150" spans="1:6" x14ac:dyDescent="0.25">
      <c r="A7150">
        <v>149.52000000000001</v>
      </c>
      <c r="B7150">
        <v>196.78</v>
      </c>
      <c r="C7150">
        <v>3345.45</v>
      </c>
      <c r="D7150">
        <v>3.4</v>
      </c>
      <c r="E7150">
        <v>4919.6899999999996</v>
      </c>
      <c r="F7150">
        <v>30.920500000000001</v>
      </c>
    </row>
    <row r="7151" spans="1:6" x14ac:dyDescent="0.25">
      <c r="A7151">
        <v>149.52000000000001</v>
      </c>
      <c r="B7151">
        <v>196.78</v>
      </c>
      <c r="C7151">
        <v>3345.45</v>
      </c>
      <c r="D7151">
        <v>3.7</v>
      </c>
      <c r="E7151">
        <v>4829.01</v>
      </c>
      <c r="F7151">
        <v>34.091099999999997</v>
      </c>
    </row>
    <row r="7152" spans="1:6" x14ac:dyDescent="0.25">
      <c r="A7152">
        <v>149.52000000000001</v>
      </c>
      <c r="B7152">
        <v>196.78</v>
      </c>
      <c r="C7152">
        <v>3345.45</v>
      </c>
      <c r="D7152">
        <v>4</v>
      </c>
      <c r="E7152">
        <v>4690.6000000000004</v>
      </c>
      <c r="F7152">
        <v>35.945900000000002</v>
      </c>
    </row>
    <row r="7153" spans="1:6" x14ac:dyDescent="0.25">
      <c r="A7153">
        <v>149.52000000000001</v>
      </c>
      <c r="B7153">
        <v>196.78</v>
      </c>
      <c r="C7153">
        <v>4890.8999999999996</v>
      </c>
      <c r="D7153">
        <v>1</v>
      </c>
      <c r="E7153">
        <v>8807.5499999999993</v>
      </c>
      <c r="F7153">
        <v>20.322199999999999</v>
      </c>
    </row>
    <row r="7154" spans="1:6" x14ac:dyDescent="0.25">
      <c r="A7154">
        <v>149.52000000000001</v>
      </c>
      <c r="B7154">
        <v>196.78</v>
      </c>
      <c r="C7154">
        <v>4890.8999999999996</v>
      </c>
      <c r="D7154">
        <v>1.3</v>
      </c>
      <c r="E7154">
        <v>7833.03</v>
      </c>
      <c r="F7154">
        <v>21.410900000000002</v>
      </c>
    </row>
    <row r="7155" spans="1:6" x14ac:dyDescent="0.25">
      <c r="A7155">
        <v>149.52000000000001</v>
      </c>
      <c r="B7155">
        <v>196.78</v>
      </c>
      <c r="C7155">
        <v>4890.8999999999996</v>
      </c>
      <c r="D7155">
        <v>1.6</v>
      </c>
      <c r="E7155">
        <v>7343.97</v>
      </c>
      <c r="F7155">
        <v>19.643599999999999</v>
      </c>
    </row>
    <row r="7156" spans="1:6" x14ac:dyDescent="0.25">
      <c r="A7156">
        <v>149.52000000000001</v>
      </c>
      <c r="B7156">
        <v>196.78</v>
      </c>
      <c r="C7156">
        <v>4890.8999999999996</v>
      </c>
      <c r="D7156">
        <v>1.9</v>
      </c>
      <c r="E7156">
        <v>7155.34</v>
      </c>
      <c r="F7156">
        <v>20.131399999999999</v>
      </c>
    </row>
    <row r="7157" spans="1:6" x14ac:dyDescent="0.25">
      <c r="A7157">
        <v>149.52000000000001</v>
      </c>
      <c r="B7157">
        <v>196.78</v>
      </c>
      <c r="C7157">
        <v>4890.8999999999996</v>
      </c>
      <c r="D7157">
        <v>2.2000000000000002</v>
      </c>
      <c r="E7157">
        <v>6882.75</v>
      </c>
      <c r="F7157">
        <v>20.537600000000001</v>
      </c>
    </row>
    <row r="7158" spans="1:6" x14ac:dyDescent="0.25">
      <c r="A7158">
        <v>149.52000000000001</v>
      </c>
      <c r="B7158">
        <v>196.78</v>
      </c>
      <c r="C7158">
        <v>4890.8999999999996</v>
      </c>
      <c r="D7158">
        <v>2.5</v>
      </c>
      <c r="E7158">
        <v>6608.37</v>
      </c>
      <c r="F7158">
        <v>20.933599999999998</v>
      </c>
    </row>
    <row r="7159" spans="1:6" x14ac:dyDescent="0.25">
      <c r="A7159">
        <v>149.52000000000001</v>
      </c>
      <c r="B7159">
        <v>196.78</v>
      </c>
      <c r="C7159">
        <v>4890.8999999999996</v>
      </c>
      <c r="D7159">
        <v>2.8</v>
      </c>
      <c r="E7159">
        <v>6544.61</v>
      </c>
      <c r="F7159">
        <v>18.745899999999999</v>
      </c>
    </row>
    <row r="7160" spans="1:6" x14ac:dyDescent="0.25">
      <c r="A7160">
        <v>149.52000000000001</v>
      </c>
      <c r="B7160">
        <v>196.78</v>
      </c>
      <c r="C7160">
        <v>4890.8999999999996</v>
      </c>
      <c r="D7160">
        <v>3.1</v>
      </c>
      <c r="E7160">
        <v>6355.26</v>
      </c>
      <c r="F7160">
        <v>18.652000000000001</v>
      </c>
    </row>
    <row r="7161" spans="1:6" x14ac:dyDescent="0.25">
      <c r="A7161">
        <v>149.52000000000001</v>
      </c>
      <c r="B7161">
        <v>196.78</v>
      </c>
      <c r="C7161">
        <v>4890.8999999999996</v>
      </c>
      <c r="D7161">
        <v>3.4</v>
      </c>
      <c r="E7161">
        <v>6199.1</v>
      </c>
      <c r="F7161">
        <v>18.764600000000002</v>
      </c>
    </row>
    <row r="7162" spans="1:6" x14ac:dyDescent="0.25">
      <c r="A7162">
        <v>149.52000000000001</v>
      </c>
      <c r="B7162">
        <v>196.78</v>
      </c>
      <c r="C7162">
        <v>4890.8999999999996</v>
      </c>
      <c r="D7162">
        <v>3.7</v>
      </c>
      <c r="E7162">
        <v>6169.64</v>
      </c>
      <c r="F7162">
        <v>18.8599</v>
      </c>
    </row>
    <row r="7163" spans="1:6" x14ac:dyDescent="0.25">
      <c r="A7163">
        <v>149.52000000000001</v>
      </c>
      <c r="B7163">
        <v>196.78</v>
      </c>
      <c r="C7163">
        <v>4890.8999999999996</v>
      </c>
      <c r="D7163">
        <v>4</v>
      </c>
      <c r="E7163">
        <v>6172.05</v>
      </c>
      <c r="F7163">
        <v>19.108499999999999</v>
      </c>
    </row>
    <row r="7164" spans="1:6" x14ac:dyDescent="0.25">
      <c r="A7164">
        <v>149.52000000000001</v>
      </c>
      <c r="B7164">
        <v>196.78</v>
      </c>
      <c r="C7164">
        <v>6436.35</v>
      </c>
      <c r="D7164">
        <v>1</v>
      </c>
      <c r="E7164">
        <v>10216.6</v>
      </c>
      <c r="F7164">
        <v>21.540199999999999</v>
      </c>
    </row>
    <row r="7165" spans="1:6" x14ac:dyDescent="0.25">
      <c r="A7165">
        <v>149.52000000000001</v>
      </c>
      <c r="B7165">
        <v>196.78</v>
      </c>
      <c r="C7165">
        <v>6436.35</v>
      </c>
      <c r="D7165">
        <v>1.3</v>
      </c>
      <c r="E7165">
        <v>9158.58</v>
      </c>
      <c r="F7165">
        <v>22.786100000000001</v>
      </c>
    </row>
    <row r="7166" spans="1:6" x14ac:dyDescent="0.25">
      <c r="A7166">
        <v>149.52000000000001</v>
      </c>
      <c r="B7166">
        <v>196.78</v>
      </c>
      <c r="C7166">
        <v>6436.35</v>
      </c>
      <c r="D7166">
        <v>1.6</v>
      </c>
      <c r="E7166">
        <v>8761.01</v>
      </c>
      <c r="F7166">
        <v>22.901700000000002</v>
      </c>
    </row>
    <row r="7167" spans="1:6" x14ac:dyDescent="0.25">
      <c r="A7167">
        <v>149.52000000000001</v>
      </c>
      <c r="B7167">
        <v>196.78</v>
      </c>
      <c r="C7167">
        <v>6436.35</v>
      </c>
      <c r="D7167">
        <v>1.9</v>
      </c>
      <c r="E7167">
        <v>8516.19</v>
      </c>
      <c r="F7167">
        <v>22.9786</v>
      </c>
    </row>
    <row r="7168" spans="1:6" x14ac:dyDescent="0.25">
      <c r="A7168">
        <v>149.52000000000001</v>
      </c>
      <c r="B7168">
        <v>196.78</v>
      </c>
      <c r="C7168">
        <v>6436.35</v>
      </c>
      <c r="D7168">
        <v>2.2000000000000002</v>
      </c>
      <c r="E7168">
        <v>8171.82</v>
      </c>
      <c r="F7168">
        <v>23.001799999999999</v>
      </c>
    </row>
    <row r="7169" spans="1:6" x14ac:dyDescent="0.25">
      <c r="A7169">
        <v>149.52000000000001</v>
      </c>
      <c r="B7169">
        <v>196.78</v>
      </c>
      <c r="C7169">
        <v>6436.35</v>
      </c>
      <c r="D7169">
        <v>2.5</v>
      </c>
      <c r="E7169">
        <v>8013.61</v>
      </c>
      <c r="F7169">
        <v>22.958500000000001</v>
      </c>
    </row>
    <row r="7170" spans="1:6" x14ac:dyDescent="0.25">
      <c r="A7170">
        <v>149.52000000000001</v>
      </c>
      <c r="B7170">
        <v>196.78</v>
      </c>
      <c r="C7170">
        <v>6436.35</v>
      </c>
      <c r="D7170">
        <v>2.8</v>
      </c>
      <c r="E7170">
        <v>8013.96</v>
      </c>
      <c r="F7170">
        <v>23.4129</v>
      </c>
    </row>
    <row r="7171" spans="1:6" x14ac:dyDescent="0.25">
      <c r="A7171">
        <v>149.52000000000001</v>
      </c>
      <c r="B7171">
        <v>196.78</v>
      </c>
      <c r="C7171">
        <v>6436.35</v>
      </c>
      <c r="D7171">
        <v>3.1</v>
      </c>
      <c r="E7171">
        <v>7779.72</v>
      </c>
      <c r="F7171">
        <v>23.518699999999999</v>
      </c>
    </row>
    <row r="7172" spans="1:6" x14ac:dyDescent="0.25">
      <c r="A7172">
        <v>149.52000000000001</v>
      </c>
      <c r="B7172">
        <v>196.78</v>
      </c>
      <c r="C7172">
        <v>6436.35</v>
      </c>
      <c r="D7172">
        <v>3.4</v>
      </c>
      <c r="E7172">
        <v>7666.02</v>
      </c>
      <c r="F7172">
        <v>23.622299999999999</v>
      </c>
    </row>
    <row r="7173" spans="1:6" x14ac:dyDescent="0.25">
      <c r="A7173">
        <v>149.52000000000001</v>
      </c>
      <c r="B7173">
        <v>196.78</v>
      </c>
      <c r="C7173">
        <v>6436.35</v>
      </c>
      <c r="D7173">
        <v>3.7</v>
      </c>
      <c r="E7173">
        <v>7587.09</v>
      </c>
      <c r="F7173">
        <v>23.678000000000001</v>
      </c>
    </row>
    <row r="7174" spans="1:6" x14ac:dyDescent="0.25">
      <c r="A7174">
        <v>149.52000000000001</v>
      </c>
      <c r="B7174">
        <v>196.78</v>
      </c>
      <c r="C7174">
        <v>6436.35</v>
      </c>
      <c r="D7174">
        <v>4</v>
      </c>
      <c r="E7174">
        <v>7518.55</v>
      </c>
      <c r="F7174">
        <v>23.7349</v>
      </c>
    </row>
    <row r="7175" spans="1:6" x14ac:dyDescent="0.25">
      <c r="A7175">
        <v>149.52000000000001</v>
      </c>
      <c r="B7175">
        <v>196.78</v>
      </c>
      <c r="C7175">
        <v>7981.8</v>
      </c>
      <c r="D7175">
        <v>1</v>
      </c>
      <c r="E7175">
        <v>11527.2</v>
      </c>
      <c r="F7175">
        <v>21.540199999999999</v>
      </c>
    </row>
    <row r="7176" spans="1:6" x14ac:dyDescent="0.25">
      <c r="A7176">
        <v>149.52000000000001</v>
      </c>
      <c r="B7176">
        <v>196.78</v>
      </c>
      <c r="C7176">
        <v>7981.8</v>
      </c>
      <c r="D7176">
        <v>1.3</v>
      </c>
      <c r="E7176">
        <v>10776.6</v>
      </c>
      <c r="F7176">
        <v>22.786100000000001</v>
      </c>
    </row>
    <row r="7177" spans="1:6" x14ac:dyDescent="0.25">
      <c r="A7177">
        <v>149.52000000000001</v>
      </c>
      <c r="B7177">
        <v>196.78</v>
      </c>
      <c r="C7177">
        <v>7981.8</v>
      </c>
      <c r="D7177">
        <v>1.6</v>
      </c>
      <c r="E7177">
        <v>10341.700000000001</v>
      </c>
      <c r="F7177">
        <v>22.901700000000002</v>
      </c>
    </row>
    <row r="7178" spans="1:6" x14ac:dyDescent="0.25">
      <c r="A7178">
        <v>149.52000000000001</v>
      </c>
      <c r="B7178">
        <v>196.78</v>
      </c>
      <c r="C7178">
        <v>7981.8</v>
      </c>
      <c r="D7178">
        <v>1.9</v>
      </c>
      <c r="E7178">
        <v>9953.9699999999993</v>
      </c>
      <c r="F7178">
        <v>22.9786</v>
      </c>
    </row>
    <row r="7179" spans="1:6" x14ac:dyDescent="0.25">
      <c r="A7179">
        <v>149.52000000000001</v>
      </c>
      <c r="B7179">
        <v>196.78</v>
      </c>
      <c r="C7179">
        <v>7981.8</v>
      </c>
      <c r="D7179">
        <v>2.2000000000000002</v>
      </c>
      <c r="E7179">
        <v>9848.14</v>
      </c>
      <c r="F7179">
        <v>23.001799999999999</v>
      </c>
    </row>
    <row r="7180" spans="1:6" x14ac:dyDescent="0.25">
      <c r="A7180">
        <v>149.52000000000001</v>
      </c>
      <c r="B7180">
        <v>196.78</v>
      </c>
      <c r="C7180">
        <v>7981.8</v>
      </c>
      <c r="D7180">
        <v>2.5</v>
      </c>
      <c r="E7180">
        <v>9616.2900000000009</v>
      </c>
      <c r="F7180">
        <v>22.958500000000001</v>
      </c>
    </row>
    <row r="7181" spans="1:6" x14ac:dyDescent="0.25">
      <c r="A7181">
        <v>149.52000000000001</v>
      </c>
      <c r="B7181">
        <v>196.78</v>
      </c>
      <c r="C7181">
        <v>7981.8</v>
      </c>
      <c r="D7181">
        <v>2.8</v>
      </c>
      <c r="E7181">
        <v>9462.81</v>
      </c>
      <c r="F7181">
        <v>23.4129</v>
      </c>
    </row>
    <row r="7182" spans="1:6" x14ac:dyDescent="0.25">
      <c r="A7182">
        <v>149.52000000000001</v>
      </c>
      <c r="B7182">
        <v>196.78</v>
      </c>
      <c r="C7182">
        <v>7981.8</v>
      </c>
      <c r="D7182">
        <v>3.1</v>
      </c>
      <c r="E7182">
        <v>9347.9699999999993</v>
      </c>
      <c r="F7182">
        <v>23.518699999999999</v>
      </c>
    </row>
    <row r="7183" spans="1:6" x14ac:dyDescent="0.25">
      <c r="A7183">
        <v>149.52000000000001</v>
      </c>
      <c r="B7183">
        <v>196.78</v>
      </c>
      <c r="C7183">
        <v>7981.8</v>
      </c>
      <c r="D7183">
        <v>3.4</v>
      </c>
      <c r="E7183">
        <v>9232.41</v>
      </c>
      <c r="F7183">
        <v>23.622299999999999</v>
      </c>
    </row>
    <row r="7184" spans="1:6" x14ac:dyDescent="0.25">
      <c r="A7184">
        <v>149.52000000000001</v>
      </c>
      <c r="B7184">
        <v>196.78</v>
      </c>
      <c r="C7184">
        <v>7981.8</v>
      </c>
      <c r="D7184">
        <v>3.7</v>
      </c>
      <c r="E7184">
        <v>9169.76</v>
      </c>
      <c r="F7184">
        <v>23.678000000000001</v>
      </c>
    </row>
    <row r="7185" spans="1:6" x14ac:dyDescent="0.25">
      <c r="A7185">
        <v>149.52000000000001</v>
      </c>
      <c r="B7185">
        <v>196.78</v>
      </c>
      <c r="C7185">
        <v>7981.8</v>
      </c>
      <c r="D7185">
        <v>4</v>
      </c>
      <c r="E7185">
        <v>9086.4</v>
      </c>
      <c r="F7185">
        <v>23.7349</v>
      </c>
    </row>
    <row r="7186" spans="1:6" x14ac:dyDescent="0.25">
      <c r="A7186">
        <v>149.52000000000001</v>
      </c>
      <c r="B7186">
        <v>196.78</v>
      </c>
      <c r="C7186">
        <v>9527.25</v>
      </c>
      <c r="D7186">
        <v>1</v>
      </c>
      <c r="E7186">
        <v>13293.7</v>
      </c>
      <c r="F7186">
        <v>21.540199999999999</v>
      </c>
    </row>
    <row r="7187" spans="1:6" x14ac:dyDescent="0.25">
      <c r="A7187">
        <v>149.52000000000001</v>
      </c>
      <c r="B7187">
        <v>196.78</v>
      </c>
      <c r="C7187">
        <v>9527.25</v>
      </c>
      <c r="D7187">
        <v>1.3</v>
      </c>
      <c r="E7187">
        <v>12468.6</v>
      </c>
      <c r="F7187">
        <v>22.786100000000001</v>
      </c>
    </row>
    <row r="7188" spans="1:6" x14ac:dyDescent="0.25">
      <c r="A7188">
        <v>149.52000000000001</v>
      </c>
      <c r="B7188">
        <v>196.78</v>
      </c>
      <c r="C7188">
        <v>9527.25</v>
      </c>
      <c r="D7188">
        <v>1.6</v>
      </c>
      <c r="E7188">
        <v>12026</v>
      </c>
      <c r="F7188">
        <v>22.901700000000002</v>
      </c>
    </row>
    <row r="7189" spans="1:6" x14ac:dyDescent="0.25">
      <c r="A7189">
        <v>149.52000000000001</v>
      </c>
      <c r="B7189">
        <v>196.78</v>
      </c>
      <c r="C7189">
        <v>9527.25</v>
      </c>
      <c r="D7189">
        <v>1.9</v>
      </c>
      <c r="E7189">
        <v>11594.2</v>
      </c>
      <c r="F7189">
        <v>22.9786</v>
      </c>
    </row>
    <row r="7190" spans="1:6" x14ac:dyDescent="0.25">
      <c r="A7190">
        <v>149.52000000000001</v>
      </c>
      <c r="B7190">
        <v>196.78</v>
      </c>
      <c r="C7190">
        <v>9527.25</v>
      </c>
      <c r="D7190">
        <v>2.2000000000000002</v>
      </c>
      <c r="E7190">
        <v>11300.1</v>
      </c>
      <c r="F7190">
        <v>23.001799999999999</v>
      </c>
    </row>
    <row r="7191" spans="1:6" x14ac:dyDescent="0.25">
      <c r="A7191">
        <v>149.52000000000001</v>
      </c>
      <c r="B7191">
        <v>196.78</v>
      </c>
      <c r="C7191">
        <v>9527.25</v>
      </c>
      <c r="D7191">
        <v>2.5</v>
      </c>
      <c r="E7191">
        <v>11092.4</v>
      </c>
      <c r="F7191">
        <v>22.958500000000001</v>
      </c>
    </row>
    <row r="7192" spans="1:6" x14ac:dyDescent="0.25">
      <c r="A7192">
        <v>149.52000000000001</v>
      </c>
      <c r="B7192">
        <v>196.78</v>
      </c>
      <c r="C7192">
        <v>9527.25</v>
      </c>
      <c r="D7192">
        <v>2.8</v>
      </c>
      <c r="E7192">
        <v>11098.2</v>
      </c>
      <c r="F7192">
        <v>23.4129</v>
      </c>
    </row>
    <row r="7193" spans="1:6" x14ac:dyDescent="0.25">
      <c r="A7193">
        <v>149.52000000000001</v>
      </c>
      <c r="B7193">
        <v>196.78</v>
      </c>
      <c r="C7193">
        <v>9527.25</v>
      </c>
      <c r="D7193">
        <v>3.1</v>
      </c>
      <c r="E7193">
        <v>10889.9</v>
      </c>
      <c r="F7193">
        <v>23.518699999999999</v>
      </c>
    </row>
    <row r="7194" spans="1:6" x14ac:dyDescent="0.25">
      <c r="A7194">
        <v>149.52000000000001</v>
      </c>
      <c r="B7194">
        <v>196.78</v>
      </c>
      <c r="C7194">
        <v>9527.25</v>
      </c>
      <c r="D7194">
        <v>3.4</v>
      </c>
      <c r="E7194">
        <v>10780.7</v>
      </c>
      <c r="F7194">
        <v>23.622299999999999</v>
      </c>
    </row>
    <row r="7195" spans="1:6" x14ac:dyDescent="0.25">
      <c r="A7195">
        <v>149.52000000000001</v>
      </c>
      <c r="B7195">
        <v>196.78</v>
      </c>
      <c r="C7195">
        <v>9527.25</v>
      </c>
      <c r="D7195">
        <v>3.7</v>
      </c>
      <c r="E7195">
        <v>10815.6</v>
      </c>
      <c r="F7195">
        <v>23.678000000000001</v>
      </c>
    </row>
    <row r="7196" spans="1:6" x14ac:dyDescent="0.25">
      <c r="A7196">
        <v>149.52000000000001</v>
      </c>
      <c r="B7196">
        <v>196.78</v>
      </c>
      <c r="C7196">
        <v>9527.25</v>
      </c>
      <c r="D7196">
        <v>4</v>
      </c>
      <c r="E7196">
        <v>10623.2</v>
      </c>
      <c r="F7196">
        <v>23.7349</v>
      </c>
    </row>
    <row r="7197" spans="1:6" x14ac:dyDescent="0.25">
      <c r="A7197">
        <v>149.52000000000001</v>
      </c>
      <c r="B7197">
        <v>196.78</v>
      </c>
      <c r="C7197">
        <v>11072.7</v>
      </c>
      <c r="D7197">
        <v>1</v>
      </c>
      <c r="E7197">
        <v>14626</v>
      </c>
      <c r="F7197">
        <v>21.540199999999999</v>
      </c>
    </row>
    <row r="7198" spans="1:6" x14ac:dyDescent="0.25">
      <c r="A7198">
        <v>149.52000000000001</v>
      </c>
      <c r="B7198">
        <v>196.78</v>
      </c>
      <c r="C7198">
        <v>11072.7</v>
      </c>
      <c r="D7198">
        <v>1.3</v>
      </c>
      <c r="E7198">
        <v>14030.8</v>
      </c>
      <c r="F7198">
        <v>22.786100000000001</v>
      </c>
    </row>
    <row r="7199" spans="1:6" x14ac:dyDescent="0.25">
      <c r="A7199">
        <v>149.52000000000001</v>
      </c>
      <c r="B7199">
        <v>196.78</v>
      </c>
      <c r="C7199">
        <v>11072.7</v>
      </c>
      <c r="D7199">
        <v>1.6</v>
      </c>
      <c r="E7199">
        <v>13566.8</v>
      </c>
      <c r="F7199">
        <v>22.901700000000002</v>
      </c>
    </row>
    <row r="7200" spans="1:6" x14ac:dyDescent="0.25">
      <c r="A7200">
        <v>149.52000000000001</v>
      </c>
      <c r="B7200">
        <v>196.78</v>
      </c>
      <c r="C7200">
        <v>11072.7</v>
      </c>
      <c r="D7200">
        <v>1.9</v>
      </c>
      <c r="E7200">
        <v>13064</v>
      </c>
      <c r="F7200">
        <v>22.9786</v>
      </c>
    </row>
    <row r="7201" spans="1:6" x14ac:dyDescent="0.25">
      <c r="A7201">
        <v>149.52000000000001</v>
      </c>
      <c r="B7201">
        <v>196.78</v>
      </c>
      <c r="C7201">
        <v>11072.7</v>
      </c>
      <c r="D7201">
        <v>2.2000000000000002</v>
      </c>
      <c r="E7201">
        <v>12893.9</v>
      </c>
      <c r="F7201">
        <v>23.001799999999999</v>
      </c>
    </row>
    <row r="7202" spans="1:6" x14ac:dyDescent="0.25">
      <c r="A7202">
        <v>149.52000000000001</v>
      </c>
      <c r="B7202">
        <v>196.78</v>
      </c>
      <c r="C7202">
        <v>11072.7</v>
      </c>
      <c r="D7202">
        <v>2.5</v>
      </c>
      <c r="E7202">
        <v>12636.9</v>
      </c>
      <c r="F7202">
        <v>22.958500000000001</v>
      </c>
    </row>
    <row r="7203" spans="1:6" x14ac:dyDescent="0.25">
      <c r="A7203">
        <v>149.52000000000001</v>
      </c>
      <c r="B7203">
        <v>196.78</v>
      </c>
      <c r="C7203">
        <v>11072.7</v>
      </c>
      <c r="D7203">
        <v>2.8</v>
      </c>
      <c r="E7203">
        <v>12541.1</v>
      </c>
      <c r="F7203">
        <v>23.4129</v>
      </c>
    </row>
    <row r="7204" spans="1:6" x14ac:dyDescent="0.25">
      <c r="A7204">
        <v>149.52000000000001</v>
      </c>
      <c r="B7204">
        <v>196.78</v>
      </c>
      <c r="C7204">
        <v>11072.7</v>
      </c>
      <c r="D7204">
        <v>3.1</v>
      </c>
      <c r="E7204">
        <v>12546.9</v>
      </c>
      <c r="F7204">
        <v>23.518699999999999</v>
      </c>
    </row>
    <row r="7205" spans="1:6" x14ac:dyDescent="0.25">
      <c r="A7205">
        <v>149.52000000000001</v>
      </c>
      <c r="B7205">
        <v>196.78</v>
      </c>
      <c r="C7205">
        <v>11072.7</v>
      </c>
      <c r="D7205">
        <v>3.4</v>
      </c>
      <c r="E7205">
        <v>12355.4</v>
      </c>
      <c r="F7205">
        <v>23.622299999999999</v>
      </c>
    </row>
    <row r="7206" spans="1:6" x14ac:dyDescent="0.25">
      <c r="A7206">
        <v>149.52000000000001</v>
      </c>
      <c r="B7206">
        <v>196.78</v>
      </c>
      <c r="C7206">
        <v>11072.7</v>
      </c>
      <c r="D7206">
        <v>3.7</v>
      </c>
      <c r="E7206">
        <v>12246.1</v>
      </c>
      <c r="F7206">
        <v>23.678000000000001</v>
      </c>
    </row>
    <row r="7207" spans="1:6" x14ac:dyDescent="0.25">
      <c r="A7207">
        <v>149.52000000000001</v>
      </c>
      <c r="B7207">
        <v>196.78</v>
      </c>
      <c r="C7207">
        <v>11072.7</v>
      </c>
      <c r="D7207">
        <v>4</v>
      </c>
      <c r="E7207">
        <v>12181.9</v>
      </c>
      <c r="F7207">
        <v>23.7349</v>
      </c>
    </row>
    <row r="7208" spans="1:6" x14ac:dyDescent="0.25">
      <c r="A7208">
        <v>149.52000000000001</v>
      </c>
      <c r="B7208">
        <v>196.78</v>
      </c>
      <c r="C7208">
        <v>12618.2</v>
      </c>
      <c r="D7208">
        <v>1</v>
      </c>
      <c r="E7208">
        <v>16376.1</v>
      </c>
      <c r="F7208">
        <v>21.540199999999999</v>
      </c>
    </row>
    <row r="7209" spans="1:6" x14ac:dyDescent="0.25">
      <c r="A7209">
        <v>149.52000000000001</v>
      </c>
      <c r="B7209">
        <v>196.78</v>
      </c>
      <c r="C7209">
        <v>12618.2</v>
      </c>
      <c r="D7209">
        <v>1.3</v>
      </c>
      <c r="E7209">
        <v>15609.8</v>
      </c>
      <c r="F7209">
        <v>22.786100000000001</v>
      </c>
    </row>
    <row r="7210" spans="1:6" x14ac:dyDescent="0.25">
      <c r="A7210">
        <v>149.52000000000001</v>
      </c>
      <c r="B7210">
        <v>196.78</v>
      </c>
      <c r="C7210">
        <v>12618.2</v>
      </c>
      <c r="D7210">
        <v>1.6</v>
      </c>
      <c r="E7210">
        <v>14954.6</v>
      </c>
      <c r="F7210">
        <v>22.901700000000002</v>
      </c>
    </row>
    <row r="7211" spans="1:6" x14ac:dyDescent="0.25">
      <c r="A7211">
        <v>149.52000000000001</v>
      </c>
      <c r="B7211">
        <v>196.78</v>
      </c>
      <c r="C7211">
        <v>12618.2</v>
      </c>
      <c r="D7211">
        <v>1.9</v>
      </c>
      <c r="E7211">
        <v>14645</v>
      </c>
      <c r="F7211">
        <v>22.9786</v>
      </c>
    </row>
    <row r="7212" spans="1:6" x14ac:dyDescent="0.25">
      <c r="A7212">
        <v>149.52000000000001</v>
      </c>
      <c r="B7212">
        <v>196.78</v>
      </c>
      <c r="C7212">
        <v>12618.2</v>
      </c>
      <c r="D7212">
        <v>2.2000000000000002</v>
      </c>
      <c r="E7212">
        <v>14453</v>
      </c>
      <c r="F7212">
        <v>23.001799999999999</v>
      </c>
    </row>
    <row r="7213" spans="1:6" x14ac:dyDescent="0.25">
      <c r="A7213">
        <v>149.52000000000001</v>
      </c>
      <c r="B7213">
        <v>196.78</v>
      </c>
      <c r="C7213">
        <v>12618.2</v>
      </c>
      <c r="D7213">
        <v>2.5</v>
      </c>
      <c r="E7213">
        <v>14202.8</v>
      </c>
      <c r="F7213">
        <v>22.958500000000001</v>
      </c>
    </row>
    <row r="7214" spans="1:6" x14ac:dyDescent="0.25">
      <c r="A7214">
        <v>149.52000000000001</v>
      </c>
      <c r="B7214">
        <v>196.78</v>
      </c>
      <c r="C7214">
        <v>12618.2</v>
      </c>
      <c r="D7214">
        <v>2.8</v>
      </c>
      <c r="E7214">
        <v>14186.2</v>
      </c>
      <c r="F7214">
        <v>23.4129</v>
      </c>
    </row>
    <row r="7215" spans="1:6" x14ac:dyDescent="0.25">
      <c r="A7215">
        <v>149.52000000000001</v>
      </c>
      <c r="B7215">
        <v>196.78</v>
      </c>
      <c r="C7215">
        <v>12618.2</v>
      </c>
      <c r="D7215">
        <v>3.1</v>
      </c>
      <c r="E7215">
        <v>13959.2</v>
      </c>
      <c r="F7215">
        <v>23.518699999999999</v>
      </c>
    </row>
    <row r="7216" spans="1:6" x14ac:dyDescent="0.25">
      <c r="A7216">
        <v>149.52000000000001</v>
      </c>
      <c r="B7216">
        <v>196.78</v>
      </c>
      <c r="C7216">
        <v>12618.2</v>
      </c>
      <c r="D7216">
        <v>3.4</v>
      </c>
      <c r="E7216">
        <v>13881.9</v>
      </c>
      <c r="F7216">
        <v>23.622299999999999</v>
      </c>
    </row>
    <row r="7217" spans="1:6" x14ac:dyDescent="0.25">
      <c r="A7217">
        <v>149.52000000000001</v>
      </c>
      <c r="B7217">
        <v>196.78</v>
      </c>
      <c r="C7217">
        <v>12618.2</v>
      </c>
      <c r="D7217">
        <v>3.7</v>
      </c>
      <c r="E7217">
        <v>13832.2</v>
      </c>
      <c r="F7217">
        <v>23.678000000000001</v>
      </c>
    </row>
    <row r="7218" spans="1:6" x14ac:dyDescent="0.25">
      <c r="A7218">
        <v>149.52000000000001</v>
      </c>
      <c r="B7218">
        <v>196.78</v>
      </c>
      <c r="C7218">
        <v>12618.2</v>
      </c>
      <c r="D7218">
        <v>4</v>
      </c>
      <c r="E7218">
        <v>13763</v>
      </c>
      <c r="F7218">
        <v>23.7349</v>
      </c>
    </row>
    <row r="7219" spans="1:6" x14ac:dyDescent="0.25">
      <c r="A7219">
        <v>149.52000000000001</v>
      </c>
      <c r="B7219">
        <v>196.78</v>
      </c>
      <c r="C7219">
        <v>14163.6</v>
      </c>
      <c r="D7219">
        <v>1</v>
      </c>
      <c r="E7219">
        <v>17897.5</v>
      </c>
      <c r="F7219">
        <v>21.540199999999999</v>
      </c>
    </row>
    <row r="7220" spans="1:6" x14ac:dyDescent="0.25">
      <c r="A7220">
        <v>149.52000000000001</v>
      </c>
      <c r="B7220">
        <v>196.78</v>
      </c>
      <c r="C7220">
        <v>14163.6</v>
      </c>
      <c r="D7220">
        <v>1.3</v>
      </c>
      <c r="E7220">
        <v>17137.2</v>
      </c>
      <c r="F7220">
        <v>22.786100000000001</v>
      </c>
    </row>
    <row r="7221" spans="1:6" x14ac:dyDescent="0.25">
      <c r="A7221">
        <v>149.52000000000001</v>
      </c>
      <c r="B7221">
        <v>196.78</v>
      </c>
      <c r="C7221">
        <v>14163.6</v>
      </c>
      <c r="D7221">
        <v>1.6</v>
      </c>
      <c r="E7221">
        <v>16521.400000000001</v>
      </c>
      <c r="F7221">
        <v>22.901700000000002</v>
      </c>
    </row>
    <row r="7222" spans="1:6" x14ac:dyDescent="0.25">
      <c r="A7222">
        <v>149.52000000000001</v>
      </c>
      <c r="B7222">
        <v>196.78</v>
      </c>
      <c r="C7222">
        <v>14163.6</v>
      </c>
      <c r="D7222">
        <v>1.9</v>
      </c>
      <c r="E7222">
        <v>16150.5</v>
      </c>
      <c r="F7222">
        <v>22.9786</v>
      </c>
    </row>
    <row r="7223" spans="1:6" x14ac:dyDescent="0.25">
      <c r="A7223">
        <v>149.52000000000001</v>
      </c>
      <c r="B7223">
        <v>196.78</v>
      </c>
      <c r="C7223">
        <v>14163.6</v>
      </c>
      <c r="D7223">
        <v>2.2000000000000002</v>
      </c>
      <c r="E7223">
        <v>15969.4</v>
      </c>
      <c r="F7223">
        <v>23.001799999999999</v>
      </c>
    </row>
    <row r="7224" spans="1:6" x14ac:dyDescent="0.25">
      <c r="A7224">
        <v>149.52000000000001</v>
      </c>
      <c r="B7224">
        <v>196.78</v>
      </c>
      <c r="C7224">
        <v>14163.6</v>
      </c>
      <c r="D7224">
        <v>2.5</v>
      </c>
      <c r="E7224">
        <v>15721</v>
      </c>
      <c r="F7224">
        <v>22.958500000000001</v>
      </c>
    </row>
    <row r="7225" spans="1:6" x14ac:dyDescent="0.25">
      <c r="A7225">
        <v>149.52000000000001</v>
      </c>
      <c r="B7225">
        <v>196.78</v>
      </c>
      <c r="C7225">
        <v>14163.6</v>
      </c>
      <c r="D7225">
        <v>2.8</v>
      </c>
      <c r="E7225">
        <v>15636.6</v>
      </c>
      <c r="F7225">
        <v>23.4129</v>
      </c>
    </row>
    <row r="7226" spans="1:6" x14ac:dyDescent="0.25">
      <c r="A7226">
        <v>149.52000000000001</v>
      </c>
      <c r="B7226">
        <v>196.78</v>
      </c>
      <c r="C7226">
        <v>14163.6</v>
      </c>
      <c r="D7226">
        <v>3.1</v>
      </c>
      <c r="E7226">
        <v>15588.1</v>
      </c>
      <c r="F7226">
        <v>23.518699999999999</v>
      </c>
    </row>
    <row r="7227" spans="1:6" x14ac:dyDescent="0.25">
      <c r="A7227">
        <v>149.52000000000001</v>
      </c>
      <c r="B7227">
        <v>196.78</v>
      </c>
      <c r="C7227">
        <v>14163.6</v>
      </c>
      <c r="D7227">
        <v>3.4</v>
      </c>
      <c r="E7227">
        <v>15438.5</v>
      </c>
      <c r="F7227">
        <v>23.622299999999999</v>
      </c>
    </row>
    <row r="7228" spans="1:6" x14ac:dyDescent="0.25">
      <c r="A7228">
        <v>149.52000000000001</v>
      </c>
      <c r="B7228">
        <v>196.78</v>
      </c>
      <c r="C7228">
        <v>14163.6</v>
      </c>
      <c r="D7228">
        <v>3.7</v>
      </c>
      <c r="E7228">
        <v>15351.9</v>
      </c>
      <c r="F7228">
        <v>23.678000000000001</v>
      </c>
    </row>
    <row r="7229" spans="1:6" x14ac:dyDescent="0.25">
      <c r="A7229">
        <v>149.52000000000001</v>
      </c>
      <c r="B7229">
        <v>196.78</v>
      </c>
      <c r="C7229">
        <v>14163.6</v>
      </c>
      <c r="D7229">
        <v>4</v>
      </c>
      <c r="E7229">
        <v>15244.4</v>
      </c>
      <c r="F7229">
        <v>23.7349</v>
      </c>
    </row>
    <row r="7230" spans="1:6" x14ac:dyDescent="0.25">
      <c r="A7230">
        <v>149.52000000000001</v>
      </c>
      <c r="B7230">
        <v>196.78</v>
      </c>
      <c r="C7230">
        <v>15709.1</v>
      </c>
      <c r="D7230">
        <v>1</v>
      </c>
      <c r="E7230">
        <v>19266.5</v>
      </c>
      <c r="F7230">
        <v>21.540199999999999</v>
      </c>
    </row>
    <row r="7231" spans="1:6" x14ac:dyDescent="0.25">
      <c r="A7231">
        <v>149.52000000000001</v>
      </c>
      <c r="B7231">
        <v>196.78</v>
      </c>
      <c r="C7231">
        <v>15709.1</v>
      </c>
      <c r="D7231">
        <v>1.3</v>
      </c>
      <c r="E7231">
        <v>18424.400000000001</v>
      </c>
      <c r="F7231">
        <v>22.786100000000001</v>
      </c>
    </row>
    <row r="7232" spans="1:6" x14ac:dyDescent="0.25">
      <c r="A7232">
        <v>149.52000000000001</v>
      </c>
      <c r="B7232">
        <v>196.78</v>
      </c>
      <c r="C7232">
        <v>15709.1</v>
      </c>
      <c r="D7232">
        <v>1.6</v>
      </c>
      <c r="E7232">
        <v>18179</v>
      </c>
      <c r="F7232">
        <v>22.901700000000002</v>
      </c>
    </row>
    <row r="7233" spans="1:6" x14ac:dyDescent="0.25">
      <c r="A7233">
        <v>149.52000000000001</v>
      </c>
      <c r="B7233">
        <v>196.78</v>
      </c>
      <c r="C7233">
        <v>15709.1</v>
      </c>
      <c r="D7233">
        <v>1.9</v>
      </c>
      <c r="E7233">
        <v>17732.400000000001</v>
      </c>
      <c r="F7233">
        <v>22.9786</v>
      </c>
    </row>
    <row r="7234" spans="1:6" x14ac:dyDescent="0.25">
      <c r="A7234">
        <v>149.52000000000001</v>
      </c>
      <c r="B7234">
        <v>196.78</v>
      </c>
      <c r="C7234">
        <v>15709.1</v>
      </c>
      <c r="D7234">
        <v>2.2000000000000002</v>
      </c>
      <c r="E7234">
        <v>17487.900000000001</v>
      </c>
      <c r="F7234">
        <v>23.001799999999999</v>
      </c>
    </row>
    <row r="7235" spans="1:6" x14ac:dyDescent="0.25">
      <c r="A7235">
        <v>149.52000000000001</v>
      </c>
      <c r="B7235">
        <v>196.78</v>
      </c>
      <c r="C7235">
        <v>15709.1</v>
      </c>
      <c r="D7235">
        <v>2.5</v>
      </c>
      <c r="E7235">
        <v>17305.5</v>
      </c>
      <c r="F7235">
        <v>22.958500000000001</v>
      </c>
    </row>
    <row r="7236" spans="1:6" x14ac:dyDescent="0.25">
      <c r="A7236">
        <v>149.52000000000001</v>
      </c>
      <c r="B7236">
        <v>196.78</v>
      </c>
      <c r="C7236">
        <v>15709.1</v>
      </c>
      <c r="D7236">
        <v>2.8</v>
      </c>
      <c r="E7236">
        <v>17262.3</v>
      </c>
      <c r="F7236">
        <v>23.4129</v>
      </c>
    </row>
    <row r="7237" spans="1:6" x14ac:dyDescent="0.25">
      <c r="A7237">
        <v>149.52000000000001</v>
      </c>
      <c r="B7237">
        <v>196.78</v>
      </c>
      <c r="C7237">
        <v>15709.1</v>
      </c>
      <c r="D7237">
        <v>3.1</v>
      </c>
      <c r="E7237">
        <v>17129.900000000001</v>
      </c>
      <c r="F7237">
        <v>23.518699999999999</v>
      </c>
    </row>
    <row r="7238" spans="1:6" x14ac:dyDescent="0.25">
      <c r="A7238">
        <v>149.52000000000001</v>
      </c>
      <c r="B7238">
        <v>196.78</v>
      </c>
      <c r="C7238">
        <v>15709.1</v>
      </c>
      <c r="D7238">
        <v>3.4</v>
      </c>
      <c r="E7238">
        <v>17004.7</v>
      </c>
      <c r="F7238">
        <v>23.622299999999999</v>
      </c>
    </row>
    <row r="7239" spans="1:6" x14ac:dyDescent="0.25">
      <c r="A7239">
        <v>149.52000000000001</v>
      </c>
      <c r="B7239">
        <v>196.78</v>
      </c>
      <c r="C7239">
        <v>15709.1</v>
      </c>
      <c r="D7239">
        <v>3.7</v>
      </c>
      <c r="E7239">
        <v>16875.8</v>
      </c>
      <c r="F7239">
        <v>23.678000000000001</v>
      </c>
    </row>
    <row r="7240" spans="1:6" x14ac:dyDescent="0.25">
      <c r="A7240">
        <v>149.52000000000001</v>
      </c>
      <c r="B7240">
        <v>196.78</v>
      </c>
      <c r="C7240">
        <v>15709.1</v>
      </c>
      <c r="D7240">
        <v>4</v>
      </c>
      <c r="E7240">
        <v>16850.099999999999</v>
      </c>
      <c r="F7240">
        <v>23.7349</v>
      </c>
    </row>
    <row r="7241" spans="1:6" x14ac:dyDescent="0.25">
      <c r="A7241">
        <v>149.52000000000001</v>
      </c>
      <c r="B7241">
        <v>196.78</v>
      </c>
      <c r="C7241">
        <v>17254.5</v>
      </c>
      <c r="D7241">
        <v>1</v>
      </c>
      <c r="E7241">
        <v>20968.400000000001</v>
      </c>
      <c r="F7241">
        <v>21.540199999999999</v>
      </c>
    </row>
    <row r="7242" spans="1:6" x14ac:dyDescent="0.25">
      <c r="A7242">
        <v>149.52000000000001</v>
      </c>
      <c r="B7242">
        <v>196.78</v>
      </c>
      <c r="C7242">
        <v>17254.5</v>
      </c>
      <c r="D7242">
        <v>1.3</v>
      </c>
      <c r="E7242">
        <v>20052.3</v>
      </c>
      <c r="F7242">
        <v>22.786100000000001</v>
      </c>
    </row>
    <row r="7243" spans="1:6" x14ac:dyDescent="0.25">
      <c r="A7243">
        <v>149.52000000000001</v>
      </c>
      <c r="B7243">
        <v>196.78</v>
      </c>
      <c r="C7243">
        <v>17254.5</v>
      </c>
      <c r="D7243">
        <v>1.6</v>
      </c>
      <c r="E7243">
        <v>19672</v>
      </c>
      <c r="F7243">
        <v>22.901700000000002</v>
      </c>
    </row>
    <row r="7244" spans="1:6" x14ac:dyDescent="0.25">
      <c r="A7244">
        <v>149.52000000000001</v>
      </c>
      <c r="B7244">
        <v>196.78</v>
      </c>
      <c r="C7244">
        <v>17254.5</v>
      </c>
      <c r="D7244">
        <v>1.9</v>
      </c>
      <c r="E7244">
        <v>19383.900000000001</v>
      </c>
      <c r="F7244">
        <v>22.9786</v>
      </c>
    </row>
    <row r="7245" spans="1:6" x14ac:dyDescent="0.25">
      <c r="A7245">
        <v>149.52000000000001</v>
      </c>
      <c r="B7245">
        <v>196.78</v>
      </c>
      <c r="C7245">
        <v>17254.5</v>
      </c>
      <c r="D7245">
        <v>2.2000000000000002</v>
      </c>
      <c r="E7245">
        <v>19026</v>
      </c>
      <c r="F7245">
        <v>23.001799999999999</v>
      </c>
    </row>
    <row r="7246" spans="1:6" x14ac:dyDescent="0.25">
      <c r="A7246">
        <v>149.52000000000001</v>
      </c>
      <c r="B7246">
        <v>196.78</v>
      </c>
      <c r="C7246">
        <v>17254.5</v>
      </c>
      <c r="D7246">
        <v>2.5</v>
      </c>
      <c r="E7246">
        <v>18837.2</v>
      </c>
      <c r="F7246">
        <v>22.958500000000001</v>
      </c>
    </row>
    <row r="7247" spans="1:6" x14ac:dyDescent="0.25">
      <c r="A7247">
        <v>149.52000000000001</v>
      </c>
      <c r="B7247">
        <v>196.78</v>
      </c>
      <c r="C7247">
        <v>17254.5</v>
      </c>
      <c r="D7247">
        <v>2.8</v>
      </c>
      <c r="E7247">
        <v>18813.5</v>
      </c>
      <c r="F7247">
        <v>23.4129</v>
      </c>
    </row>
    <row r="7248" spans="1:6" x14ac:dyDescent="0.25">
      <c r="A7248">
        <v>149.52000000000001</v>
      </c>
      <c r="B7248">
        <v>196.78</v>
      </c>
      <c r="C7248">
        <v>17254.5</v>
      </c>
      <c r="D7248">
        <v>3.1</v>
      </c>
      <c r="E7248">
        <v>18597.2</v>
      </c>
      <c r="F7248">
        <v>23.518699999999999</v>
      </c>
    </row>
    <row r="7249" spans="1:6" x14ac:dyDescent="0.25">
      <c r="A7249">
        <v>149.52000000000001</v>
      </c>
      <c r="B7249">
        <v>196.78</v>
      </c>
      <c r="C7249">
        <v>17254.5</v>
      </c>
      <c r="D7249">
        <v>3.4</v>
      </c>
      <c r="E7249">
        <v>18541.5</v>
      </c>
      <c r="F7249">
        <v>23.622299999999999</v>
      </c>
    </row>
    <row r="7250" spans="1:6" x14ac:dyDescent="0.25">
      <c r="A7250">
        <v>149.52000000000001</v>
      </c>
      <c r="B7250">
        <v>196.78</v>
      </c>
      <c r="C7250">
        <v>17254.5</v>
      </c>
      <c r="D7250">
        <v>3.7</v>
      </c>
      <c r="E7250">
        <v>18486.5</v>
      </c>
      <c r="F7250">
        <v>23.678000000000001</v>
      </c>
    </row>
    <row r="7251" spans="1:6" x14ac:dyDescent="0.25">
      <c r="A7251">
        <v>149.52000000000001</v>
      </c>
      <c r="B7251">
        <v>196.78</v>
      </c>
      <c r="C7251">
        <v>17254.5</v>
      </c>
      <c r="D7251">
        <v>4</v>
      </c>
      <c r="E7251">
        <v>18391.7</v>
      </c>
      <c r="F7251">
        <v>23.7349</v>
      </c>
    </row>
    <row r="7252" spans="1:6" x14ac:dyDescent="0.25">
      <c r="A7252">
        <v>149.52000000000001</v>
      </c>
      <c r="B7252">
        <v>196.78</v>
      </c>
      <c r="C7252">
        <v>18800</v>
      </c>
      <c r="D7252">
        <v>1</v>
      </c>
      <c r="E7252">
        <v>22588.6</v>
      </c>
      <c r="F7252">
        <v>21.540199999999999</v>
      </c>
    </row>
    <row r="7253" spans="1:6" x14ac:dyDescent="0.25">
      <c r="A7253">
        <v>149.52000000000001</v>
      </c>
      <c r="B7253">
        <v>196.78</v>
      </c>
      <c r="C7253">
        <v>18800</v>
      </c>
      <c r="D7253">
        <v>1.3</v>
      </c>
      <c r="E7253">
        <v>21681.3</v>
      </c>
      <c r="F7253">
        <v>22.786100000000001</v>
      </c>
    </row>
    <row r="7254" spans="1:6" x14ac:dyDescent="0.25">
      <c r="A7254">
        <v>149.52000000000001</v>
      </c>
      <c r="B7254">
        <v>196.78</v>
      </c>
      <c r="C7254">
        <v>18800</v>
      </c>
      <c r="D7254">
        <v>1.6</v>
      </c>
      <c r="E7254">
        <v>21183.9</v>
      </c>
      <c r="F7254">
        <v>22.901700000000002</v>
      </c>
    </row>
    <row r="7255" spans="1:6" x14ac:dyDescent="0.25">
      <c r="A7255">
        <v>149.52000000000001</v>
      </c>
      <c r="B7255">
        <v>196.78</v>
      </c>
      <c r="C7255">
        <v>18800</v>
      </c>
      <c r="D7255">
        <v>1.9</v>
      </c>
      <c r="E7255">
        <v>20760.7</v>
      </c>
      <c r="F7255">
        <v>22.9786</v>
      </c>
    </row>
    <row r="7256" spans="1:6" x14ac:dyDescent="0.25">
      <c r="A7256">
        <v>149.52000000000001</v>
      </c>
      <c r="B7256">
        <v>196.78</v>
      </c>
      <c r="C7256">
        <v>18800</v>
      </c>
      <c r="D7256">
        <v>2.2000000000000002</v>
      </c>
      <c r="E7256">
        <v>20553.7</v>
      </c>
      <c r="F7256">
        <v>23.001799999999999</v>
      </c>
    </row>
    <row r="7257" spans="1:6" x14ac:dyDescent="0.25">
      <c r="A7257">
        <v>149.52000000000001</v>
      </c>
      <c r="B7257">
        <v>196.78</v>
      </c>
      <c r="C7257">
        <v>18800</v>
      </c>
      <c r="D7257">
        <v>2.5</v>
      </c>
      <c r="E7257">
        <v>20467.3</v>
      </c>
      <c r="F7257">
        <v>22.958500000000001</v>
      </c>
    </row>
    <row r="7258" spans="1:6" x14ac:dyDescent="0.25">
      <c r="A7258">
        <v>149.52000000000001</v>
      </c>
      <c r="B7258">
        <v>196.78</v>
      </c>
      <c r="C7258">
        <v>18800</v>
      </c>
      <c r="D7258">
        <v>2.8</v>
      </c>
      <c r="E7258">
        <v>20408.2</v>
      </c>
      <c r="F7258">
        <v>23.4129</v>
      </c>
    </row>
    <row r="7259" spans="1:6" x14ac:dyDescent="0.25">
      <c r="A7259">
        <v>149.52000000000001</v>
      </c>
      <c r="B7259">
        <v>196.78</v>
      </c>
      <c r="C7259">
        <v>18800</v>
      </c>
      <c r="D7259">
        <v>3.1</v>
      </c>
      <c r="E7259">
        <v>20145.7</v>
      </c>
      <c r="F7259">
        <v>23.518699999999999</v>
      </c>
    </row>
    <row r="7260" spans="1:6" x14ac:dyDescent="0.25">
      <c r="A7260">
        <v>149.52000000000001</v>
      </c>
      <c r="B7260">
        <v>196.78</v>
      </c>
      <c r="C7260">
        <v>18800</v>
      </c>
      <c r="D7260">
        <v>3.4</v>
      </c>
      <c r="E7260">
        <v>20144</v>
      </c>
      <c r="F7260">
        <v>23.622299999999999</v>
      </c>
    </row>
    <row r="7261" spans="1:6" x14ac:dyDescent="0.25">
      <c r="A7261">
        <v>149.52000000000001</v>
      </c>
      <c r="B7261">
        <v>196.78</v>
      </c>
      <c r="C7261">
        <v>18800</v>
      </c>
      <c r="D7261">
        <v>3.7</v>
      </c>
      <c r="E7261">
        <v>19981.599999999999</v>
      </c>
      <c r="F7261">
        <v>23.678000000000001</v>
      </c>
    </row>
    <row r="7262" spans="1:6" x14ac:dyDescent="0.25">
      <c r="A7262">
        <v>149.52000000000001</v>
      </c>
      <c r="B7262">
        <v>196.78</v>
      </c>
      <c r="C7262">
        <v>18800</v>
      </c>
      <c r="D7262">
        <v>4</v>
      </c>
      <c r="E7262">
        <v>19985.900000000001</v>
      </c>
      <c r="F7262">
        <v>23.7349</v>
      </c>
    </row>
    <row r="7263" spans="1:6" x14ac:dyDescent="0.25">
      <c r="A7263">
        <v>149.52000000000001</v>
      </c>
      <c r="B7263">
        <v>200.41</v>
      </c>
      <c r="C7263">
        <v>1800</v>
      </c>
      <c r="D7263">
        <v>1</v>
      </c>
      <c r="E7263">
        <v>5503.5</v>
      </c>
      <c r="F7263">
        <v>44.874200000000002</v>
      </c>
    </row>
    <row r="7264" spans="1:6" x14ac:dyDescent="0.25">
      <c r="A7264">
        <v>149.52000000000001</v>
      </c>
      <c r="B7264">
        <v>200.41</v>
      </c>
      <c r="C7264">
        <v>1800</v>
      </c>
      <c r="D7264">
        <v>1.3</v>
      </c>
      <c r="E7264">
        <v>4891.3100000000004</v>
      </c>
      <c r="F7264">
        <v>55.431100000000001</v>
      </c>
    </row>
    <row r="7265" spans="1:6" x14ac:dyDescent="0.25">
      <c r="A7265">
        <v>149.52000000000001</v>
      </c>
      <c r="B7265">
        <v>200.41</v>
      </c>
      <c r="C7265">
        <v>1800</v>
      </c>
      <c r="D7265">
        <v>1.6</v>
      </c>
      <c r="E7265">
        <v>4563.2</v>
      </c>
      <c r="F7265">
        <v>62.431699999999999</v>
      </c>
    </row>
    <row r="7266" spans="1:6" x14ac:dyDescent="0.25">
      <c r="A7266">
        <v>149.52000000000001</v>
      </c>
      <c r="B7266">
        <v>200.41</v>
      </c>
      <c r="C7266">
        <v>1800</v>
      </c>
      <c r="D7266">
        <v>1.9</v>
      </c>
      <c r="E7266">
        <v>4220.66</v>
      </c>
      <c r="F7266">
        <v>69.602599999999995</v>
      </c>
    </row>
    <row r="7267" spans="1:6" x14ac:dyDescent="0.25">
      <c r="A7267">
        <v>149.52000000000001</v>
      </c>
      <c r="B7267">
        <v>200.41</v>
      </c>
      <c r="C7267">
        <v>1800</v>
      </c>
      <c r="D7267">
        <v>2.2000000000000002</v>
      </c>
      <c r="E7267">
        <v>4003.73</v>
      </c>
      <c r="F7267">
        <v>75.814800000000005</v>
      </c>
    </row>
    <row r="7268" spans="1:6" x14ac:dyDescent="0.25">
      <c r="A7268">
        <v>149.52000000000001</v>
      </c>
      <c r="B7268">
        <v>200.41</v>
      </c>
      <c r="C7268">
        <v>1800</v>
      </c>
      <c r="D7268">
        <v>2.5</v>
      </c>
      <c r="E7268">
        <v>3815.01</v>
      </c>
      <c r="F7268">
        <v>80.787300000000002</v>
      </c>
    </row>
    <row r="7269" spans="1:6" x14ac:dyDescent="0.25">
      <c r="A7269">
        <v>149.52000000000001</v>
      </c>
      <c r="B7269">
        <v>200.41</v>
      </c>
      <c r="C7269">
        <v>1800</v>
      </c>
      <c r="D7269">
        <v>2.8</v>
      </c>
      <c r="E7269">
        <v>3670.61</v>
      </c>
      <c r="F7269">
        <v>83.410700000000006</v>
      </c>
    </row>
    <row r="7270" spans="1:6" x14ac:dyDescent="0.25">
      <c r="A7270">
        <v>149.52000000000001</v>
      </c>
      <c r="B7270">
        <v>200.41</v>
      </c>
      <c r="C7270">
        <v>1800</v>
      </c>
      <c r="D7270">
        <v>3.1</v>
      </c>
      <c r="E7270">
        <v>3542.59</v>
      </c>
      <c r="F7270">
        <v>84.020899999999997</v>
      </c>
    </row>
    <row r="7271" spans="1:6" x14ac:dyDescent="0.25">
      <c r="A7271">
        <v>149.52000000000001</v>
      </c>
      <c r="B7271">
        <v>200.41</v>
      </c>
      <c r="C7271">
        <v>1800</v>
      </c>
      <c r="D7271">
        <v>3.4</v>
      </c>
      <c r="E7271">
        <v>3437.66</v>
      </c>
      <c r="F7271">
        <v>91.372399999999999</v>
      </c>
    </row>
    <row r="7272" spans="1:6" x14ac:dyDescent="0.25">
      <c r="A7272">
        <v>149.52000000000001</v>
      </c>
      <c r="B7272">
        <v>200.41</v>
      </c>
      <c r="C7272">
        <v>1800</v>
      </c>
      <c r="D7272">
        <v>3.7</v>
      </c>
      <c r="E7272">
        <v>3352.66</v>
      </c>
      <c r="F7272">
        <v>95.998800000000003</v>
      </c>
    </row>
    <row r="7273" spans="1:6" x14ac:dyDescent="0.25">
      <c r="A7273">
        <v>149.52000000000001</v>
      </c>
      <c r="B7273">
        <v>200.41</v>
      </c>
      <c r="C7273">
        <v>1800</v>
      </c>
      <c r="D7273">
        <v>4</v>
      </c>
      <c r="E7273">
        <v>3309.76</v>
      </c>
      <c r="F7273">
        <v>97.417500000000004</v>
      </c>
    </row>
    <row r="7274" spans="1:6" x14ac:dyDescent="0.25">
      <c r="A7274">
        <v>149.52000000000001</v>
      </c>
      <c r="B7274">
        <v>200.41</v>
      </c>
      <c r="C7274">
        <v>3345.45</v>
      </c>
      <c r="D7274">
        <v>1</v>
      </c>
      <c r="E7274">
        <v>6783.38</v>
      </c>
      <c r="F7274">
        <v>17.0105</v>
      </c>
    </row>
    <row r="7275" spans="1:6" x14ac:dyDescent="0.25">
      <c r="A7275">
        <v>149.52000000000001</v>
      </c>
      <c r="B7275">
        <v>200.41</v>
      </c>
      <c r="C7275">
        <v>3345.45</v>
      </c>
      <c r="D7275">
        <v>1.3</v>
      </c>
      <c r="E7275">
        <v>6366.27</v>
      </c>
      <c r="F7275">
        <v>17.636600000000001</v>
      </c>
    </row>
    <row r="7276" spans="1:6" x14ac:dyDescent="0.25">
      <c r="A7276">
        <v>149.52000000000001</v>
      </c>
      <c r="B7276">
        <v>200.41</v>
      </c>
      <c r="C7276">
        <v>3345.45</v>
      </c>
      <c r="D7276">
        <v>1.6</v>
      </c>
      <c r="E7276">
        <v>5802.51</v>
      </c>
      <c r="F7276">
        <v>19.064499999999999</v>
      </c>
    </row>
    <row r="7277" spans="1:6" x14ac:dyDescent="0.25">
      <c r="A7277">
        <v>149.52000000000001</v>
      </c>
      <c r="B7277">
        <v>200.41</v>
      </c>
      <c r="C7277">
        <v>3345.45</v>
      </c>
      <c r="D7277">
        <v>1.9</v>
      </c>
      <c r="E7277">
        <v>5751.72</v>
      </c>
      <c r="F7277">
        <v>20.650600000000001</v>
      </c>
    </row>
    <row r="7278" spans="1:6" x14ac:dyDescent="0.25">
      <c r="A7278">
        <v>149.52000000000001</v>
      </c>
      <c r="B7278">
        <v>200.41</v>
      </c>
      <c r="C7278">
        <v>3345.45</v>
      </c>
      <c r="D7278">
        <v>2.2000000000000002</v>
      </c>
      <c r="E7278">
        <v>5437.08</v>
      </c>
      <c r="F7278">
        <v>23.1798</v>
      </c>
    </row>
    <row r="7279" spans="1:6" x14ac:dyDescent="0.25">
      <c r="A7279">
        <v>149.52000000000001</v>
      </c>
      <c r="B7279">
        <v>200.41</v>
      </c>
      <c r="C7279">
        <v>3345.45</v>
      </c>
      <c r="D7279">
        <v>2.5</v>
      </c>
      <c r="E7279">
        <v>5173.09</v>
      </c>
      <c r="F7279">
        <v>23.053799999999999</v>
      </c>
    </row>
    <row r="7280" spans="1:6" x14ac:dyDescent="0.25">
      <c r="A7280">
        <v>149.52000000000001</v>
      </c>
      <c r="B7280">
        <v>200.41</v>
      </c>
      <c r="C7280">
        <v>3345.45</v>
      </c>
      <c r="D7280">
        <v>2.8</v>
      </c>
      <c r="E7280">
        <v>5083.9399999999996</v>
      </c>
      <c r="F7280">
        <v>24.9635</v>
      </c>
    </row>
    <row r="7281" spans="1:6" x14ac:dyDescent="0.25">
      <c r="A7281">
        <v>149.52000000000001</v>
      </c>
      <c r="B7281">
        <v>200.41</v>
      </c>
      <c r="C7281">
        <v>3345.45</v>
      </c>
      <c r="D7281">
        <v>3.1</v>
      </c>
      <c r="E7281">
        <v>4921.8900000000003</v>
      </c>
      <c r="F7281">
        <v>25.234500000000001</v>
      </c>
    </row>
    <row r="7282" spans="1:6" x14ac:dyDescent="0.25">
      <c r="A7282">
        <v>149.52000000000001</v>
      </c>
      <c r="B7282">
        <v>200.41</v>
      </c>
      <c r="C7282">
        <v>3345.45</v>
      </c>
      <c r="D7282">
        <v>3.4</v>
      </c>
      <c r="E7282">
        <v>4918.99</v>
      </c>
      <c r="F7282">
        <v>28.5379</v>
      </c>
    </row>
    <row r="7283" spans="1:6" x14ac:dyDescent="0.25">
      <c r="A7283">
        <v>149.52000000000001</v>
      </c>
      <c r="B7283">
        <v>200.41</v>
      </c>
      <c r="C7283">
        <v>3345.45</v>
      </c>
      <c r="D7283">
        <v>3.7</v>
      </c>
      <c r="E7283">
        <v>4815.91</v>
      </c>
      <c r="F7283">
        <v>32.093499999999999</v>
      </c>
    </row>
    <row r="7284" spans="1:6" x14ac:dyDescent="0.25">
      <c r="A7284">
        <v>149.52000000000001</v>
      </c>
      <c r="B7284">
        <v>200.41</v>
      </c>
      <c r="C7284">
        <v>3345.45</v>
      </c>
      <c r="D7284">
        <v>4</v>
      </c>
      <c r="E7284">
        <v>4690.6000000000004</v>
      </c>
      <c r="F7284">
        <v>33.385899999999999</v>
      </c>
    </row>
    <row r="7285" spans="1:6" x14ac:dyDescent="0.25">
      <c r="A7285">
        <v>149.52000000000001</v>
      </c>
      <c r="B7285">
        <v>200.41</v>
      </c>
      <c r="C7285">
        <v>4890.8999999999996</v>
      </c>
      <c r="D7285">
        <v>1</v>
      </c>
      <c r="E7285">
        <v>8807.5499999999993</v>
      </c>
      <c r="F7285">
        <v>20.322199999999999</v>
      </c>
    </row>
    <row r="7286" spans="1:6" x14ac:dyDescent="0.25">
      <c r="A7286">
        <v>149.52000000000001</v>
      </c>
      <c r="B7286">
        <v>200.41</v>
      </c>
      <c r="C7286">
        <v>4890.8999999999996</v>
      </c>
      <c r="D7286">
        <v>1.3</v>
      </c>
      <c r="E7286">
        <v>7833.03</v>
      </c>
      <c r="F7286">
        <v>21.410900000000002</v>
      </c>
    </row>
    <row r="7287" spans="1:6" x14ac:dyDescent="0.25">
      <c r="A7287">
        <v>149.52000000000001</v>
      </c>
      <c r="B7287">
        <v>200.41</v>
      </c>
      <c r="C7287">
        <v>4890.8999999999996</v>
      </c>
      <c r="D7287">
        <v>1.6</v>
      </c>
      <c r="E7287">
        <v>7343.97</v>
      </c>
      <c r="F7287">
        <v>19.643599999999999</v>
      </c>
    </row>
    <row r="7288" spans="1:6" x14ac:dyDescent="0.25">
      <c r="A7288">
        <v>149.52000000000001</v>
      </c>
      <c r="B7288">
        <v>200.41</v>
      </c>
      <c r="C7288">
        <v>4890.8999999999996</v>
      </c>
      <c r="D7288">
        <v>1.9</v>
      </c>
      <c r="E7288">
        <v>7155.34</v>
      </c>
      <c r="F7288">
        <v>20.131399999999999</v>
      </c>
    </row>
    <row r="7289" spans="1:6" x14ac:dyDescent="0.25">
      <c r="A7289">
        <v>149.52000000000001</v>
      </c>
      <c r="B7289">
        <v>200.41</v>
      </c>
      <c r="C7289">
        <v>4890.8999999999996</v>
      </c>
      <c r="D7289">
        <v>2.2000000000000002</v>
      </c>
      <c r="E7289">
        <v>6882.75</v>
      </c>
      <c r="F7289">
        <v>20.537600000000001</v>
      </c>
    </row>
    <row r="7290" spans="1:6" x14ac:dyDescent="0.25">
      <c r="A7290">
        <v>149.52000000000001</v>
      </c>
      <c r="B7290">
        <v>200.41</v>
      </c>
      <c r="C7290">
        <v>4890.8999999999996</v>
      </c>
      <c r="D7290">
        <v>2.5</v>
      </c>
      <c r="E7290">
        <v>6608.37</v>
      </c>
      <c r="F7290">
        <v>20.933599999999998</v>
      </c>
    </row>
    <row r="7291" spans="1:6" x14ac:dyDescent="0.25">
      <c r="A7291">
        <v>149.52000000000001</v>
      </c>
      <c r="B7291">
        <v>200.41</v>
      </c>
      <c r="C7291">
        <v>4890.8999999999996</v>
      </c>
      <c r="D7291">
        <v>2.8</v>
      </c>
      <c r="E7291">
        <v>6544.61</v>
      </c>
      <c r="F7291">
        <v>18.745899999999999</v>
      </c>
    </row>
    <row r="7292" spans="1:6" x14ac:dyDescent="0.25">
      <c r="A7292">
        <v>149.52000000000001</v>
      </c>
      <c r="B7292">
        <v>200.41</v>
      </c>
      <c r="C7292">
        <v>4890.8999999999996</v>
      </c>
      <c r="D7292">
        <v>3.1</v>
      </c>
      <c r="E7292">
        <v>6340.51</v>
      </c>
      <c r="F7292">
        <v>18.652000000000001</v>
      </c>
    </row>
    <row r="7293" spans="1:6" x14ac:dyDescent="0.25">
      <c r="A7293">
        <v>149.52000000000001</v>
      </c>
      <c r="B7293">
        <v>200.41</v>
      </c>
      <c r="C7293">
        <v>4890.8999999999996</v>
      </c>
      <c r="D7293">
        <v>3.4</v>
      </c>
      <c r="E7293">
        <v>6199.1</v>
      </c>
      <c r="F7293">
        <v>18.764600000000002</v>
      </c>
    </row>
    <row r="7294" spans="1:6" x14ac:dyDescent="0.25">
      <c r="A7294">
        <v>149.52000000000001</v>
      </c>
      <c r="B7294">
        <v>200.41</v>
      </c>
      <c r="C7294">
        <v>4890.8999999999996</v>
      </c>
      <c r="D7294">
        <v>3.7</v>
      </c>
      <c r="E7294">
        <v>6169.64</v>
      </c>
      <c r="F7294">
        <v>18.8599</v>
      </c>
    </row>
    <row r="7295" spans="1:6" x14ac:dyDescent="0.25">
      <c r="A7295">
        <v>149.52000000000001</v>
      </c>
      <c r="B7295">
        <v>200.41</v>
      </c>
      <c r="C7295">
        <v>4890.8999999999996</v>
      </c>
      <c r="D7295">
        <v>4</v>
      </c>
      <c r="E7295">
        <v>6172.05</v>
      </c>
      <c r="F7295">
        <v>19.108499999999999</v>
      </c>
    </row>
    <row r="7296" spans="1:6" x14ac:dyDescent="0.25">
      <c r="A7296">
        <v>149.52000000000001</v>
      </c>
      <c r="B7296">
        <v>200.41</v>
      </c>
      <c r="C7296">
        <v>6436.35</v>
      </c>
      <c r="D7296">
        <v>1</v>
      </c>
      <c r="E7296">
        <v>10216.6</v>
      </c>
      <c r="F7296">
        <v>21.540199999999999</v>
      </c>
    </row>
    <row r="7297" spans="1:6" x14ac:dyDescent="0.25">
      <c r="A7297">
        <v>149.52000000000001</v>
      </c>
      <c r="B7297">
        <v>200.41</v>
      </c>
      <c r="C7297">
        <v>6436.35</v>
      </c>
      <c r="D7297">
        <v>1.3</v>
      </c>
      <c r="E7297">
        <v>9158.58</v>
      </c>
      <c r="F7297">
        <v>22.786100000000001</v>
      </c>
    </row>
    <row r="7298" spans="1:6" x14ac:dyDescent="0.25">
      <c r="A7298">
        <v>149.52000000000001</v>
      </c>
      <c r="B7298">
        <v>200.41</v>
      </c>
      <c r="C7298">
        <v>6436.35</v>
      </c>
      <c r="D7298">
        <v>1.6</v>
      </c>
      <c r="E7298">
        <v>8761.01</v>
      </c>
      <c r="F7298">
        <v>22.901700000000002</v>
      </c>
    </row>
    <row r="7299" spans="1:6" x14ac:dyDescent="0.25">
      <c r="A7299">
        <v>149.52000000000001</v>
      </c>
      <c r="B7299">
        <v>200.41</v>
      </c>
      <c r="C7299">
        <v>6436.35</v>
      </c>
      <c r="D7299">
        <v>1.9</v>
      </c>
      <c r="E7299">
        <v>8475.35</v>
      </c>
      <c r="F7299">
        <v>22.9786</v>
      </c>
    </row>
    <row r="7300" spans="1:6" x14ac:dyDescent="0.25">
      <c r="A7300">
        <v>149.52000000000001</v>
      </c>
      <c r="B7300">
        <v>200.41</v>
      </c>
      <c r="C7300">
        <v>6436.35</v>
      </c>
      <c r="D7300">
        <v>2.2000000000000002</v>
      </c>
      <c r="E7300">
        <v>8198.2900000000009</v>
      </c>
      <c r="F7300">
        <v>23.001799999999999</v>
      </c>
    </row>
    <row r="7301" spans="1:6" x14ac:dyDescent="0.25">
      <c r="A7301">
        <v>149.52000000000001</v>
      </c>
      <c r="B7301">
        <v>200.41</v>
      </c>
      <c r="C7301">
        <v>6436.35</v>
      </c>
      <c r="D7301">
        <v>2.5</v>
      </c>
      <c r="E7301">
        <v>8013.61</v>
      </c>
      <c r="F7301">
        <v>22.958500000000001</v>
      </c>
    </row>
    <row r="7302" spans="1:6" x14ac:dyDescent="0.25">
      <c r="A7302">
        <v>149.52000000000001</v>
      </c>
      <c r="B7302">
        <v>200.41</v>
      </c>
      <c r="C7302">
        <v>6436.35</v>
      </c>
      <c r="D7302">
        <v>2.8</v>
      </c>
      <c r="E7302">
        <v>7983.98</v>
      </c>
      <c r="F7302">
        <v>23.4129</v>
      </c>
    </row>
    <row r="7303" spans="1:6" x14ac:dyDescent="0.25">
      <c r="A7303">
        <v>149.52000000000001</v>
      </c>
      <c r="B7303">
        <v>200.41</v>
      </c>
      <c r="C7303">
        <v>6436.35</v>
      </c>
      <c r="D7303">
        <v>3.1</v>
      </c>
      <c r="E7303">
        <v>7884.26</v>
      </c>
      <c r="F7303">
        <v>23.518699999999999</v>
      </c>
    </row>
    <row r="7304" spans="1:6" x14ac:dyDescent="0.25">
      <c r="A7304">
        <v>149.52000000000001</v>
      </c>
      <c r="B7304">
        <v>200.41</v>
      </c>
      <c r="C7304">
        <v>6436.35</v>
      </c>
      <c r="D7304">
        <v>3.4</v>
      </c>
      <c r="E7304">
        <v>7678.39</v>
      </c>
      <c r="F7304">
        <v>23.622299999999999</v>
      </c>
    </row>
    <row r="7305" spans="1:6" x14ac:dyDescent="0.25">
      <c r="A7305">
        <v>149.52000000000001</v>
      </c>
      <c r="B7305">
        <v>200.41</v>
      </c>
      <c r="C7305">
        <v>6436.35</v>
      </c>
      <c r="D7305">
        <v>3.7</v>
      </c>
      <c r="E7305">
        <v>7577.77</v>
      </c>
      <c r="F7305">
        <v>23.678000000000001</v>
      </c>
    </row>
    <row r="7306" spans="1:6" x14ac:dyDescent="0.25">
      <c r="A7306">
        <v>149.52000000000001</v>
      </c>
      <c r="B7306">
        <v>200.41</v>
      </c>
      <c r="C7306">
        <v>6436.35</v>
      </c>
      <c r="D7306">
        <v>4</v>
      </c>
      <c r="E7306">
        <v>7508.45</v>
      </c>
      <c r="F7306">
        <v>23.7349</v>
      </c>
    </row>
    <row r="7307" spans="1:6" x14ac:dyDescent="0.25">
      <c r="A7307">
        <v>149.52000000000001</v>
      </c>
      <c r="B7307">
        <v>200.41</v>
      </c>
      <c r="C7307">
        <v>7981.8</v>
      </c>
      <c r="D7307">
        <v>1</v>
      </c>
      <c r="E7307">
        <v>11527.2</v>
      </c>
      <c r="F7307">
        <v>21.540199999999999</v>
      </c>
    </row>
    <row r="7308" spans="1:6" x14ac:dyDescent="0.25">
      <c r="A7308">
        <v>149.52000000000001</v>
      </c>
      <c r="B7308">
        <v>200.41</v>
      </c>
      <c r="C7308">
        <v>7981.8</v>
      </c>
      <c r="D7308">
        <v>1.3</v>
      </c>
      <c r="E7308">
        <v>10776.6</v>
      </c>
      <c r="F7308">
        <v>22.786100000000001</v>
      </c>
    </row>
    <row r="7309" spans="1:6" x14ac:dyDescent="0.25">
      <c r="A7309">
        <v>149.52000000000001</v>
      </c>
      <c r="B7309">
        <v>200.41</v>
      </c>
      <c r="C7309">
        <v>7981.8</v>
      </c>
      <c r="D7309">
        <v>1.6</v>
      </c>
      <c r="E7309">
        <v>10341.700000000001</v>
      </c>
      <c r="F7309">
        <v>22.901700000000002</v>
      </c>
    </row>
    <row r="7310" spans="1:6" x14ac:dyDescent="0.25">
      <c r="A7310">
        <v>149.52000000000001</v>
      </c>
      <c r="B7310">
        <v>200.41</v>
      </c>
      <c r="C7310">
        <v>7981.8</v>
      </c>
      <c r="D7310">
        <v>1.9</v>
      </c>
      <c r="E7310">
        <v>9953.9699999999993</v>
      </c>
      <c r="F7310">
        <v>22.9786</v>
      </c>
    </row>
    <row r="7311" spans="1:6" x14ac:dyDescent="0.25">
      <c r="A7311">
        <v>149.52000000000001</v>
      </c>
      <c r="B7311">
        <v>200.41</v>
      </c>
      <c r="C7311">
        <v>7981.8</v>
      </c>
      <c r="D7311">
        <v>2.2000000000000002</v>
      </c>
      <c r="E7311">
        <v>9848.14</v>
      </c>
      <c r="F7311">
        <v>23.001799999999999</v>
      </c>
    </row>
    <row r="7312" spans="1:6" x14ac:dyDescent="0.25">
      <c r="A7312">
        <v>149.52000000000001</v>
      </c>
      <c r="B7312">
        <v>200.41</v>
      </c>
      <c r="C7312">
        <v>7981.8</v>
      </c>
      <c r="D7312">
        <v>2.5</v>
      </c>
      <c r="E7312">
        <v>9616.2900000000009</v>
      </c>
      <c r="F7312">
        <v>22.958500000000001</v>
      </c>
    </row>
    <row r="7313" spans="1:6" x14ac:dyDescent="0.25">
      <c r="A7313">
        <v>149.52000000000001</v>
      </c>
      <c r="B7313">
        <v>200.41</v>
      </c>
      <c r="C7313">
        <v>7981.8</v>
      </c>
      <c r="D7313">
        <v>2.8</v>
      </c>
      <c r="E7313">
        <v>9462.81</v>
      </c>
      <c r="F7313">
        <v>23.4129</v>
      </c>
    </row>
    <row r="7314" spans="1:6" x14ac:dyDescent="0.25">
      <c r="A7314">
        <v>149.52000000000001</v>
      </c>
      <c r="B7314">
        <v>200.41</v>
      </c>
      <c r="C7314">
        <v>7981.8</v>
      </c>
      <c r="D7314">
        <v>3.1</v>
      </c>
      <c r="E7314">
        <v>9347.9699999999993</v>
      </c>
      <c r="F7314">
        <v>23.518699999999999</v>
      </c>
    </row>
    <row r="7315" spans="1:6" x14ac:dyDescent="0.25">
      <c r="A7315">
        <v>149.52000000000001</v>
      </c>
      <c r="B7315">
        <v>200.41</v>
      </c>
      <c r="C7315">
        <v>7981.8</v>
      </c>
      <c r="D7315">
        <v>3.4</v>
      </c>
      <c r="E7315">
        <v>9232.41</v>
      </c>
      <c r="F7315">
        <v>23.622299999999999</v>
      </c>
    </row>
    <row r="7316" spans="1:6" x14ac:dyDescent="0.25">
      <c r="A7316">
        <v>149.52000000000001</v>
      </c>
      <c r="B7316">
        <v>200.41</v>
      </c>
      <c r="C7316">
        <v>7981.8</v>
      </c>
      <c r="D7316">
        <v>3.7</v>
      </c>
      <c r="E7316">
        <v>9169.76</v>
      </c>
      <c r="F7316">
        <v>23.678000000000001</v>
      </c>
    </row>
    <row r="7317" spans="1:6" x14ac:dyDescent="0.25">
      <c r="A7317">
        <v>149.52000000000001</v>
      </c>
      <c r="B7317">
        <v>200.41</v>
      </c>
      <c r="C7317">
        <v>7981.8</v>
      </c>
      <c r="D7317">
        <v>4</v>
      </c>
      <c r="E7317">
        <v>9086.4</v>
      </c>
      <c r="F7317">
        <v>23.7349</v>
      </c>
    </row>
    <row r="7318" spans="1:6" x14ac:dyDescent="0.25">
      <c r="A7318">
        <v>149.52000000000001</v>
      </c>
      <c r="B7318">
        <v>200.41</v>
      </c>
      <c r="C7318">
        <v>9527.25</v>
      </c>
      <c r="D7318">
        <v>1</v>
      </c>
      <c r="E7318">
        <v>13293.7</v>
      </c>
      <c r="F7318">
        <v>21.540199999999999</v>
      </c>
    </row>
    <row r="7319" spans="1:6" x14ac:dyDescent="0.25">
      <c r="A7319">
        <v>149.52000000000001</v>
      </c>
      <c r="B7319">
        <v>200.41</v>
      </c>
      <c r="C7319">
        <v>9527.25</v>
      </c>
      <c r="D7319">
        <v>1.3</v>
      </c>
      <c r="E7319">
        <v>12468.6</v>
      </c>
      <c r="F7319">
        <v>22.786100000000001</v>
      </c>
    </row>
    <row r="7320" spans="1:6" x14ac:dyDescent="0.25">
      <c r="A7320">
        <v>149.52000000000001</v>
      </c>
      <c r="B7320">
        <v>200.41</v>
      </c>
      <c r="C7320">
        <v>9527.25</v>
      </c>
      <c r="D7320">
        <v>1.6</v>
      </c>
      <c r="E7320">
        <v>12026</v>
      </c>
      <c r="F7320">
        <v>22.901700000000002</v>
      </c>
    </row>
    <row r="7321" spans="1:6" x14ac:dyDescent="0.25">
      <c r="A7321">
        <v>149.52000000000001</v>
      </c>
      <c r="B7321">
        <v>200.41</v>
      </c>
      <c r="C7321">
        <v>9527.25</v>
      </c>
      <c r="D7321">
        <v>1.9</v>
      </c>
      <c r="E7321">
        <v>11594.2</v>
      </c>
      <c r="F7321">
        <v>22.9786</v>
      </c>
    </row>
    <row r="7322" spans="1:6" x14ac:dyDescent="0.25">
      <c r="A7322">
        <v>149.52000000000001</v>
      </c>
      <c r="B7322">
        <v>200.41</v>
      </c>
      <c r="C7322">
        <v>9527.25</v>
      </c>
      <c r="D7322">
        <v>2.2000000000000002</v>
      </c>
      <c r="E7322">
        <v>11300.1</v>
      </c>
      <c r="F7322">
        <v>23.001799999999999</v>
      </c>
    </row>
    <row r="7323" spans="1:6" x14ac:dyDescent="0.25">
      <c r="A7323">
        <v>149.52000000000001</v>
      </c>
      <c r="B7323">
        <v>200.41</v>
      </c>
      <c r="C7323">
        <v>9527.25</v>
      </c>
      <c r="D7323">
        <v>2.5</v>
      </c>
      <c r="E7323">
        <v>11092.4</v>
      </c>
      <c r="F7323">
        <v>22.958500000000001</v>
      </c>
    </row>
    <row r="7324" spans="1:6" x14ac:dyDescent="0.25">
      <c r="A7324">
        <v>149.52000000000001</v>
      </c>
      <c r="B7324">
        <v>200.41</v>
      </c>
      <c r="C7324">
        <v>9527.25</v>
      </c>
      <c r="D7324">
        <v>2.8</v>
      </c>
      <c r="E7324">
        <v>11098.2</v>
      </c>
      <c r="F7324">
        <v>23.4129</v>
      </c>
    </row>
    <row r="7325" spans="1:6" x14ac:dyDescent="0.25">
      <c r="A7325">
        <v>149.52000000000001</v>
      </c>
      <c r="B7325">
        <v>200.41</v>
      </c>
      <c r="C7325">
        <v>9527.25</v>
      </c>
      <c r="D7325">
        <v>3.1</v>
      </c>
      <c r="E7325">
        <v>10877.3</v>
      </c>
      <c r="F7325">
        <v>23.518699999999999</v>
      </c>
    </row>
    <row r="7326" spans="1:6" x14ac:dyDescent="0.25">
      <c r="A7326">
        <v>149.52000000000001</v>
      </c>
      <c r="B7326">
        <v>200.41</v>
      </c>
      <c r="C7326">
        <v>9527.25</v>
      </c>
      <c r="D7326">
        <v>3.4</v>
      </c>
      <c r="E7326">
        <v>10780.7</v>
      </c>
      <c r="F7326">
        <v>23.622299999999999</v>
      </c>
    </row>
    <row r="7327" spans="1:6" x14ac:dyDescent="0.25">
      <c r="A7327">
        <v>149.52000000000001</v>
      </c>
      <c r="B7327">
        <v>200.41</v>
      </c>
      <c r="C7327">
        <v>9527.25</v>
      </c>
      <c r="D7327">
        <v>3.7</v>
      </c>
      <c r="E7327">
        <v>10761.6</v>
      </c>
      <c r="F7327">
        <v>23.678000000000001</v>
      </c>
    </row>
    <row r="7328" spans="1:6" x14ac:dyDescent="0.25">
      <c r="A7328">
        <v>149.52000000000001</v>
      </c>
      <c r="B7328">
        <v>200.41</v>
      </c>
      <c r="C7328">
        <v>9527.25</v>
      </c>
      <c r="D7328">
        <v>4</v>
      </c>
      <c r="E7328">
        <v>10623.2</v>
      </c>
      <c r="F7328">
        <v>23.7349</v>
      </c>
    </row>
    <row r="7329" spans="1:6" x14ac:dyDescent="0.25">
      <c r="A7329">
        <v>149.52000000000001</v>
      </c>
      <c r="B7329">
        <v>200.41</v>
      </c>
      <c r="C7329">
        <v>11072.7</v>
      </c>
      <c r="D7329">
        <v>1</v>
      </c>
      <c r="E7329">
        <v>14626</v>
      </c>
      <c r="F7329">
        <v>21.540199999999999</v>
      </c>
    </row>
    <row r="7330" spans="1:6" x14ac:dyDescent="0.25">
      <c r="A7330">
        <v>149.52000000000001</v>
      </c>
      <c r="B7330">
        <v>200.41</v>
      </c>
      <c r="C7330">
        <v>11072.7</v>
      </c>
      <c r="D7330">
        <v>1.3</v>
      </c>
      <c r="E7330">
        <v>14030.8</v>
      </c>
      <c r="F7330">
        <v>22.786100000000001</v>
      </c>
    </row>
    <row r="7331" spans="1:6" x14ac:dyDescent="0.25">
      <c r="A7331">
        <v>149.52000000000001</v>
      </c>
      <c r="B7331">
        <v>200.41</v>
      </c>
      <c r="C7331">
        <v>11072.7</v>
      </c>
      <c r="D7331">
        <v>1.6</v>
      </c>
      <c r="E7331">
        <v>13566.8</v>
      </c>
      <c r="F7331">
        <v>22.901700000000002</v>
      </c>
    </row>
    <row r="7332" spans="1:6" x14ac:dyDescent="0.25">
      <c r="A7332">
        <v>149.52000000000001</v>
      </c>
      <c r="B7332">
        <v>200.41</v>
      </c>
      <c r="C7332">
        <v>11072.7</v>
      </c>
      <c r="D7332">
        <v>1.9</v>
      </c>
      <c r="E7332">
        <v>13064</v>
      </c>
      <c r="F7332">
        <v>22.9786</v>
      </c>
    </row>
    <row r="7333" spans="1:6" x14ac:dyDescent="0.25">
      <c r="A7333">
        <v>149.52000000000001</v>
      </c>
      <c r="B7333">
        <v>200.41</v>
      </c>
      <c r="C7333">
        <v>11072.7</v>
      </c>
      <c r="D7333">
        <v>2.2000000000000002</v>
      </c>
      <c r="E7333">
        <v>12893.9</v>
      </c>
      <c r="F7333">
        <v>23.001799999999999</v>
      </c>
    </row>
    <row r="7334" spans="1:6" x14ac:dyDescent="0.25">
      <c r="A7334">
        <v>149.52000000000001</v>
      </c>
      <c r="B7334">
        <v>200.41</v>
      </c>
      <c r="C7334">
        <v>11072.7</v>
      </c>
      <c r="D7334">
        <v>2.5</v>
      </c>
      <c r="E7334">
        <v>12636.9</v>
      </c>
      <c r="F7334">
        <v>22.958500000000001</v>
      </c>
    </row>
    <row r="7335" spans="1:6" x14ac:dyDescent="0.25">
      <c r="A7335">
        <v>149.52000000000001</v>
      </c>
      <c r="B7335">
        <v>200.41</v>
      </c>
      <c r="C7335">
        <v>11072.7</v>
      </c>
      <c r="D7335">
        <v>2.8</v>
      </c>
      <c r="E7335">
        <v>12541.1</v>
      </c>
      <c r="F7335">
        <v>23.4129</v>
      </c>
    </row>
    <row r="7336" spans="1:6" x14ac:dyDescent="0.25">
      <c r="A7336">
        <v>149.52000000000001</v>
      </c>
      <c r="B7336">
        <v>200.41</v>
      </c>
      <c r="C7336">
        <v>11072.7</v>
      </c>
      <c r="D7336">
        <v>3.1</v>
      </c>
      <c r="E7336">
        <v>12546.9</v>
      </c>
      <c r="F7336">
        <v>23.518699999999999</v>
      </c>
    </row>
    <row r="7337" spans="1:6" x14ac:dyDescent="0.25">
      <c r="A7337">
        <v>149.52000000000001</v>
      </c>
      <c r="B7337">
        <v>200.41</v>
      </c>
      <c r="C7337">
        <v>11072.7</v>
      </c>
      <c r="D7337">
        <v>3.4</v>
      </c>
      <c r="E7337">
        <v>12355.4</v>
      </c>
      <c r="F7337">
        <v>23.622299999999999</v>
      </c>
    </row>
    <row r="7338" spans="1:6" x14ac:dyDescent="0.25">
      <c r="A7338">
        <v>149.52000000000001</v>
      </c>
      <c r="B7338">
        <v>200.41</v>
      </c>
      <c r="C7338">
        <v>11072.7</v>
      </c>
      <c r="D7338">
        <v>3.7</v>
      </c>
      <c r="E7338">
        <v>12246.1</v>
      </c>
      <c r="F7338">
        <v>23.678000000000001</v>
      </c>
    </row>
    <row r="7339" spans="1:6" x14ac:dyDescent="0.25">
      <c r="A7339">
        <v>149.52000000000001</v>
      </c>
      <c r="B7339">
        <v>200.41</v>
      </c>
      <c r="C7339">
        <v>11072.7</v>
      </c>
      <c r="D7339">
        <v>4</v>
      </c>
      <c r="E7339">
        <v>12181.9</v>
      </c>
      <c r="F7339">
        <v>23.7349</v>
      </c>
    </row>
    <row r="7340" spans="1:6" x14ac:dyDescent="0.25">
      <c r="A7340">
        <v>149.52000000000001</v>
      </c>
      <c r="B7340">
        <v>200.41</v>
      </c>
      <c r="C7340">
        <v>12618.2</v>
      </c>
      <c r="D7340">
        <v>1</v>
      </c>
      <c r="E7340">
        <v>16376.1</v>
      </c>
      <c r="F7340">
        <v>21.540199999999999</v>
      </c>
    </row>
    <row r="7341" spans="1:6" x14ac:dyDescent="0.25">
      <c r="A7341">
        <v>149.52000000000001</v>
      </c>
      <c r="B7341">
        <v>200.41</v>
      </c>
      <c r="C7341">
        <v>12618.2</v>
      </c>
      <c r="D7341">
        <v>1.3</v>
      </c>
      <c r="E7341">
        <v>15609.8</v>
      </c>
      <c r="F7341">
        <v>22.786100000000001</v>
      </c>
    </row>
    <row r="7342" spans="1:6" x14ac:dyDescent="0.25">
      <c r="A7342">
        <v>149.52000000000001</v>
      </c>
      <c r="B7342">
        <v>200.41</v>
      </c>
      <c r="C7342">
        <v>12618.2</v>
      </c>
      <c r="D7342">
        <v>1.6</v>
      </c>
      <c r="E7342">
        <v>14954.6</v>
      </c>
      <c r="F7342">
        <v>22.901700000000002</v>
      </c>
    </row>
    <row r="7343" spans="1:6" x14ac:dyDescent="0.25">
      <c r="A7343">
        <v>149.52000000000001</v>
      </c>
      <c r="B7343">
        <v>200.41</v>
      </c>
      <c r="C7343">
        <v>12618.2</v>
      </c>
      <c r="D7343">
        <v>1.9</v>
      </c>
      <c r="E7343">
        <v>14645</v>
      </c>
      <c r="F7343">
        <v>22.9786</v>
      </c>
    </row>
    <row r="7344" spans="1:6" x14ac:dyDescent="0.25">
      <c r="A7344">
        <v>149.52000000000001</v>
      </c>
      <c r="B7344">
        <v>200.41</v>
      </c>
      <c r="C7344">
        <v>12618.2</v>
      </c>
      <c r="D7344">
        <v>2.2000000000000002</v>
      </c>
      <c r="E7344">
        <v>14453</v>
      </c>
      <c r="F7344">
        <v>23.001799999999999</v>
      </c>
    </row>
    <row r="7345" spans="1:6" x14ac:dyDescent="0.25">
      <c r="A7345">
        <v>149.52000000000001</v>
      </c>
      <c r="B7345">
        <v>200.41</v>
      </c>
      <c r="C7345">
        <v>12618.2</v>
      </c>
      <c r="D7345">
        <v>2.5</v>
      </c>
      <c r="E7345">
        <v>14202.8</v>
      </c>
      <c r="F7345">
        <v>22.958500000000001</v>
      </c>
    </row>
    <row r="7346" spans="1:6" x14ac:dyDescent="0.25">
      <c r="A7346">
        <v>149.52000000000001</v>
      </c>
      <c r="B7346">
        <v>200.41</v>
      </c>
      <c r="C7346">
        <v>12618.2</v>
      </c>
      <c r="D7346">
        <v>2.8</v>
      </c>
      <c r="E7346">
        <v>14159.9</v>
      </c>
      <c r="F7346">
        <v>23.4129</v>
      </c>
    </row>
    <row r="7347" spans="1:6" x14ac:dyDescent="0.25">
      <c r="A7347">
        <v>149.52000000000001</v>
      </c>
      <c r="B7347">
        <v>200.41</v>
      </c>
      <c r="C7347">
        <v>12618.2</v>
      </c>
      <c r="D7347">
        <v>3.1</v>
      </c>
      <c r="E7347">
        <v>13961.3</v>
      </c>
      <c r="F7347">
        <v>23.518699999999999</v>
      </c>
    </row>
    <row r="7348" spans="1:6" x14ac:dyDescent="0.25">
      <c r="A7348">
        <v>149.52000000000001</v>
      </c>
      <c r="B7348">
        <v>200.41</v>
      </c>
      <c r="C7348">
        <v>12618.2</v>
      </c>
      <c r="D7348">
        <v>3.4</v>
      </c>
      <c r="E7348">
        <v>13881.9</v>
      </c>
      <c r="F7348">
        <v>23.622299999999999</v>
      </c>
    </row>
    <row r="7349" spans="1:6" x14ac:dyDescent="0.25">
      <c r="A7349">
        <v>149.52000000000001</v>
      </c>
      <c r="B7349">
        <v>200.41</v>
      </c>
      <c r="C7349">
        <v>12618.2</v>
      </c>
      <c r="D7349">
        <v>3.7</v>
      </c>
      <c r="E7349">
        <v>13804.8</v>
      </c>
      <c r="F7349">
        <v>23.678000000000001</v>
      </c>
    </row>
    <row r="7350" spans="1:6" x14ac:dyDescent="0.25">
      <c r="A7350">
        <v>149.52000000000001</v>
      </c>
      <c r="B7350">
        <v>200.41</v>
      </c>
      <c r="C7350">
        <v>12618.2</v>
      </c>
      <c r="D7350">
        <v>4</v>
      </c>
      <c r="E7350">
        <v>13763</v>
      </c>
      <c r="F7350">
        <v>23.7349</v>
      </c>
    </row>
    <row r="7351" spans="1:6" x14ac:dyDescent="0.25">
      <c r="A7351">
        <v>149.52000000000001</v>
      </c>
      <c r="B7351">
        <v>200.41</v>
      </c>
      <c r="C7351">
        <v>14163.6</v>
      </c>
      <c r="D7351">
        <v>1</v>
      </c>
      <c r="E7351">
        <v>17897.5</v>
      </c>
      <c r="F7351">
        <v>21.540199999999999</v>
      </c>
    </row>
    <row r="7352" spans="1:6" x14ac:dyDescent="0.25">
      <c r="A7352">
        <v>149.52000000000001</v>
      </c>
      <c r="B7352">
        <v>200.41</v>
      </c>
      <c r="C7352">
        <v>14163.6</v>
      </c>
      <c r="D7352">
        <v>1.3</v>
      </c>
      <c r="E7352">
        <v>17137.2</v>
      </c>
      <c r="F7352">
        <v>22.786100000000001</v>
      </c>
    </row>
    <row r="7353" spans="1:6" x14ac:dyDescent="0.25">
      <c r="A7353">
        <v>149.52000000000001</v>
      </c>
      <c r="B7353">
        <v>200.41</v>
      </c>
      <c r="C7353">
        <v>14163.6</v>
      </c>
      <c r="D7353">
        <v>1.6</v>
      </c>
      <c r="E7353">
        <v>16502.900000000001</v>
      </c>
      <c r="F7353">
        <v>22.901700000000002</v>
      </c>
    </row>
    <row r="7354" spans="1:6" x14ac:dyDescent="0.25">
      <c r="A7354">
        <v>149.52000000000001</v>
      </c>
      <c r="B7354">
        <v>200.41</v>
      </c>
      <c r="C7354">
        <v>14163.6</v>
      </c>
      <c r="D7354">
        <v>1.9</v>
      </c>
      <c r="E7354">
        <v>16150.5</v>
      </c>
      <c r="F7354">
        <v>22.9786</v>
      </c>
    </row>
    <row r="7355" spans="1:6" x14ac:dyDescent="0.25">
      <c r="A7355">
        <v>149.52000000000001</v>
      </c>
      <c r="B7355">
        <v>200.41</v>
      </c>
      <c r="C7355">
        <v>14163.6</v>
      </c>
      <c r="D7355">
        <v>2.2000000000000002</v>
      </c>
      <c r="E7355">
        <v>15969.4</v>
      </c>
      <c r="F7355">
        <v>23.001799999999999</v>
      </c>
    </row>
    <row r="7356" spans="1:6" x14ac:dyDescent="0.25">
      <c r="A7356">
        <v>149.52000000000001</v>
      </c>
      <c r="B7356">
        <v>200.41</v>
      </c>
      <c r="C7356">
        <v>14163.6</v>
      </c>
      <c r="D7356">
        <v>2.5</v>
      </c>
      <c r="E7356">
        <v>15721</v>
      </c>
      <c r="F7356">
        <v>22.958500000000001</v>
      </c>
    </row>
    <row r="7357" spans="1:6" x14ac:dyDescent="0.25">
      <c r="A7357">
        <v>149.52000000000001</v>
      </c>
      <c r="B7357">
        <v>200.41</v>
      </c>
      <c r="C7357">
        <v>14163.6</v>
      </c>
      <c r="D7357">
        <v>2.8</v>
      </c>
      <c r="E7357">
        <v>15751.8</v>
      </c>
      <c r="F7357">
        <v>23.4129</v>
      </c>
    </row>
    <row r="7358" spans="1:6" x14ac:dyDescent="0.25">
      <c r="A7358">
        <v>149.52000000000001</v>
      </c>
      <c r="B7358">
        <v>200.41</v>
      </c>
      <c r="C7358">
        <v>14163.6</v>
      </c>
      <c r="D7358">
        <v>3.1</v>
      </c>
      <c r="E7358">
        <v>15604.7</v>
      </c>
      <c r="F7358">
        <v>23.518699999999999</v>
      </c>
    </row>
    <row r="7359" spans="1:6" x14ac:dyDescent="0.25">
      <c r="A7359">
        <v>149.52000000000001</v>
      </c>
      <c r="B7359">
        <v>200.41</v>
      </c>
      <c r="C7359">
        <v>14163.6</v>
      </c>
      <c r="D7359">
        <v>3.4</v>
      </c>
      <c r="E7359">
        <v>15441.6</v>
      </c>
      <c r="F7359">
        <v>23.622299999999999</v>
      </c>
    </row>
    <row r="7360" spans="1:6" x14ac:dyDescent="0.25">
      <c r="A7360">
        <v>149.52000000000001</v>
      </c>
      <c r="B7360">
        <v>200.41</v>
      </c>
      <c r="C7360">
        <v>14163.6</v>
      </c>
      <c r="D7360">
        <v>3.7</v>
      </c>
      <c r="E7360">
        <v>15351.9</v>
      </c>
      <c r="F7360">
        <v>23.678000000000001</v>
      </c>
    </row>
    <row r="7361" spans="1:6" x14ac:dyDescent="0.25">
      <c r="A7361">
        <v>149.52000000000001</v>
      </c>
      <c r="B7361">
        <v>200.41</v>
      </c>
      <c r="C7361">
        <v>14163.6</v>
      </c>
      <c r="D7361">
        <v>4</v>
      </c>
      <c r="E7361">
        <v>15327.1</v>
      </c>
      <c r="F7361">
        <v>23.7349</v>
      </c>
    </row>
    <row r="7362" spans="1:6" x14ac:dyDescent="0.25">
      <c r="A7362">
        <v>149.52000000000001</v>
      </c>
      <c r="B7362">
        <v>200.41</v>
      </c>
      <c r="C7362">
        <v>15709.1</v>
      </c>
      <c r="D7362">
        <v>1</v>
      </c>
      <c r="E7362">
        <v>19266.5</v>
      </c>
      <c r="F7362">
        <v>21.540199999999999</v>
      </c>
    </row>
    <row r="7363" spans="1:6" x14ac:dyDescent="0.25">
      <c r="A7363">
        <v>149.52000000000001</v>
      </c>
      <c r="B7363">
        <v>200.41</v>
      </c>
      <c r="C7363">
        <v>15709.1</v>
      </c>
      <c r="D7363">
        <v>1.3</v>
      </c>
      <c r="E7363">
        <v>18665.7</v>
      </c>
      <c r="F7363">
        <v>22.786100000000001</v>
      </c>
    </row>
    <row r="7364" spans="1:6" x14ac:dyDescent="0.25">
      <c r="A7364">
        <v>149.52000000000001</v>
      </c>
      <c r="B7364">
        <v>200.41</v>
      </c>
      <c r="C7364">
        <v>15709.1</v>
      </c>
      <c r="D7364">
        <v>1.6</v>
      </c>
      <c r="E7364">
        <v>18224.5</v>
      </c>
      <c r="F7364">
        <v>22.901700000000002</v>
      </c>
    </row>
    <row r="7365" spans="1:6" x14ac:dyDescent="0.25">
      <c r="A7365">
        <v>149.52000000000001</v>
      </c>
      <c r="B7365">
        <v>200.41</v>
      </c>
      <c r="C7365">
        <v>15709.1</v>
      </c>
      <c r="D7365">
        <v>1.9</v>
      </c>
      <c r="E7365">
        <v>17754.099999999999</v>
      </c>
      <c r="F7365">
        <v>22.9786</v>
      </c>
    </row>
    <row r="7366" spans="1:6" x14ac:dyDescent="0.25">
      <c r="A7366">
        <v>149.52000000000001</v>
      </c>
      <c r="B7366">
        <v>200.41</v>
      </c>
      <c r="C7366">
        <v>15709.1</v>
      </c>
      <c r="D7366">
        <v>2.2000000000000002</v>
      </c>
      <c r="E7366">
        <v>17454</v>
      </c>
      <c r="F7366">
        <v>23.001799999999999</v>
      </c>
    </row>
    <row r="7367" spans="1:6" x14ac:dyDescent="0.25">
      <c r="A7367">
        <v>149.52000000000001</v>
      </c>
      <c r="B7367">
        <v>200.41</v>
      </c>
      <c r="C7367">
        <v>15709.1</v>
      </c>
      <c r="D7367">
        <v>2.5</v>
      </c>
      <c r="E7367">
        <v>17289.2</v>
      </c>
      <c r="F7367">
        <v>22.958500000000001</v>
      </c>
    </row>
    <row r="7368" spans="1:6" x14ac:dyDescent="0.25">
      <c r="A7368">
        <v>149.52000000000001</v>
      </c>
      <c r="B7368">
        <v>200.41</v>
      </c>
      <c r="C7368">
        <v>15709.1</v>
      </c>
      <c r="D7368">
        <v>2.8</v>
      </c>
      <c r="E7368">
        <v>17266.099999999999</v>
      </c>
      <c r="F7368">
        <v>23.4129</v>
      </c>
    </row>
    <row r="7369" spans="1:6" x14ac:dyDescent="0.25">
      <c r="A7369">
        <v>149.52000000000001</v>
      </c>
      <c r="B7369">
        <v>200.41</v>
      </c>
      <c r="C7369">
        <v>15709.1</v>
      </c>
      <c r="D7369">
        <v>3.1</v>
      </c>
      <c r="E7369">
        <v>17133</v>
      </c>
      <c r="F7369">
        <v>23.518699999999999</v>
      </c>
    </row>
    <row r="7370" spans="1:6" x14ac:dyDescent="0.25">
      <c r="A7370">
        <v>149.52000000000001</v>
      </c>
      <c r="B7370">
        <v>200.41</v>
      </c>
      <c r="C7370">
        <v>15709.1</v>
      </c>
      <c r="D7370">
        <v>3.4</v>
      </c>
      <c r="E7370">
        <v>17004.7</v>
      </c>
      <c r="F7370">
        <v>23.622299999999999</v>
      </c>
    </row>
    <row r="7371" spans="1:6" x14ac:dyDescent="0.25">
      <c r="A7371">
        <v>149.52000000000001</v>
      </c>
      <c r="B7371">
        <v>200.41</v>
      </c>
      <c r="C7371">
        <v>15709.1</v>
      </c>
      <c r="D7371">
        <v>3.7</v>
      </c>
      <c r="E7371">
        <v>16875.8</v>
      </c>
      <c r="F7371">
        <v>23.678000000000001</v>
      </c>
    </row>
    <row r="7372" spans="1:6" x14ac:dyDescent="0.25">
      <c r="A7372">
        <v>149.52000000000001</v>
      </c>
      <c r="B7372">
        <v>200.41</v>
      </c>
      <c r="C7372">
        <v>15709.1</v>
      </c>
      <c r="D7372">
        <v>4</v>
      </c>
      <c r="E7372">
        <v>16850.099999999999</v>
      </c>
      <c r="F7372">
        <v>23.7349</v>
      </c>
    </row>
    <row r="7373" spans="1:6" x14ac:dyDescent="0.25">
      <c r="A7373">
        <v>149.52000000000001</v>
      </c>
      <c r="B7373">
        <v>200.41</v>
      </c>
      <c r="C7373">
        <v>17254.5</v>
      </c>
      <c r="D7373">
        <v>1</v>
      </c>
      <c r="E7373">
        <v>20968.400000000001</v>
      </c>
      <c r="F7373">
        <v>21.540199999999999</v>
      </c>
    </row>
    <row r="7374" spans="1:6" x14ac:dyDescent="0.25">
      <c r="A7374">
        <v>149.52000000000001</v>
      </c>
      <c r="B7374">
        <v>200.41</v>
      </c>
      <c r="C7374">
        <v>17254.5</v>
      </c>
      <c r="D7374">
        <v>1.3</v>
      </c>
      <c r="E7374">
        <v>20052.3</v>
      </c>
      <c r="F7374">
        <v>22.786100000000001</v>
      </c>
    </row>
    <row r="7375" spans="1:6" x14ac:dyDescent="0.25">
      <c r="A7375">
        <v>149.52000000000001</v>
      </c>
      <c r="B7375">
        <v>200.41</v>
      </c>
      <c r="C7375">
        <v>17254.5</v>
      </c>
      <c r="D7375">
        <v>1.6</v>
      </c>
      <c r="E7375">
        <v>19672</v>
      </c>
      <c r="F7375">
        <v>22.901700000000002</v>
      </c>
    </row>
    <row r="7376" spans="1:6" x14ac:dyDescent="0.25">
      <c r="A7376">
        <v>149.52000000000001</v>
      </c>
      <c r="B7376">
        <v>200.41</v>
      </c>
      <c r="C7376">
        <v>17254.5</v>
      </c>
      <c r="D7376">
        <v>1.9</v>
      </c>
      <c r="E7376">
        <v>19383.900000000001</v>
      </c>
      <c r="F7376">
        <v>22.9786</v>
      </c>
    </row>
    <row r="7377" spans="1:6" x14ac:dyDescent="0.25">
      <c r="A7377">
        <v>149.52000000000001</v>
      </c>
      <c r="B7377">
        <v>200.41</v>
      </c>
      <c r="C7377">
        <v>17254.5</v>
      </c>
      <c r="D7377">
        <v>2.2000000000000002</v>
      </c>
      <c r="E7377">
        <v>19030</v>
      </c>
      <c r="F7377">
        <v>23.001799999999999</v>
      </c>
    </row>
    <row r="7378" spans="1:6" x14ac:dyDescent="0.25">
      <c r="A7378">
        <v>149.52000000000001</v>
      </c>
      <c r="B7378">
        <v>200.41</v>
      </c>
      <c r="C7378">
        <v>17254.5</v>
      </c>
      <c r="D7378">
        <v>2.5</v>
      </c>
      <c r="E7378">
        <v>18844.599999999999</v>
      </c>
      <c r="F7378">
        <v>22.958500000000001</v>
      </c>
    </row>
    <row r="7379" spans="1:6" x14ac:dyDescent="0.25">
      <c r="A7379">
        <v>149.52000000000001</v>
      </c>
      <c r="B7379">
        <v>200.41</v>
      </c>
      <c r="C7379">
        <v>17254.5</v>
      </c>
      <c r="D7379">
        <v>2.8</v>
      </c>
      <c r="E7379">
        <v>18813.5</v>
      </c>
      <c r="F7379">
        <v>23.4129</v>
      </c>
    </row>
    <row r="7380" spans="1:6" x14ac:dyDescent="0.25">
      <c r="A7380">
        <v>149.52000000000001</v>
      </c>
      <c r="B7380">
        <v>200.41</v>
      </c>
      <c r="C7380">
        <v>17254.5</v>
      </c>
      <c r="D7380">
        <v>3.1</v>
      </c>
      <c r="E7380">
        <v>18597.2</v>
      </c>
      <c r="F7380">
        <v>23.518699999999999</v>
      </c>
    </row>
    <row r="7381" spans="1:6" x14ac:dyDescent="0.25">
      <c r="A7381">
        <v>149.52000000000001</v>
      </c>
      <c r="B7381">
        <v>200.41</v>
      </c>
      <c r="C7381">
        <v>17254.5</v>
      </c>
      <c r="D7381">
        <v>3.4</v>
      </c>
      <c r="E7381">
        <v>18604.599999999999</v>
      </c>
      <c r="F7381">
        <v>23.622299999999999</v>
      </c>
    </row>
    <row r="7382" spans="1:6" x14ac:dyDescent="0.25">
      <c r="A7382">
        <v>149.52000000000001</v>
      </c>
      <c r="B7382">
        <v>200.41</v>
      </c>
      <c r="C7382">
        <v>17254.5</v>
      </c>
      <c r="D7382">
        <v>3.7</v>
      </c>
      <c r="E7382">
        <v>18426.7</v>
      </c>
      <c r="F7382">
        <v>23.678000000000001</v>
      </c>
    </row>
    <row r="7383" spans="1:6" x14ac:dyDescent="0.25">
      <c r="A7383">
        <v>149.52000000000001</v>
      </c>
      <c r="B7383">
        <v>200.41</v>
      </c>
      <c r="C7383">
        <v>17254.5</v>
      </c>
      <c r="D7383">
        <v>4</v>
      </c>
      <c r="E7383">
        <v>18396.900000000001</v>
      </c>
      <c r="F7383">
        <v>23.7349</v>
      </c>
    </row>
    <row r="7384" spans="1:6" x14ac:dyDescent="0.25">
      <c r="A7384">
        <v>149.52000000000001</v>
      </c>
      <c r="B7384">
        <v>200.41</v>
      </c>
      <c r="C7384">
        <v>18800</v>
      </c>
      <c r="D7384">
        <v>1</v>
      </c>
      <c r="E7384">
        <v>22588.6</v>
      </c>
      <c r="F7384">
        <v>21.540199999999999</v>
      </c>
    </row>
    <row r="7385" spans="1:6" x14ac:dyDescent="0.25">
      <c r="A7385">
        <v>149.52000000000001</v>
      </c>
      <c r="B7385">
        <v>200.41</v>
      </c>
      <c r="C7385">
        <v>18800</v>
      </c>
      <c r="D7385">
        <v>1.3</v>
      </c>
      <c r="E7385">
        <v>21681.3</v>
      </c>
      <c r="F7385">
        <v>22.786100000000001</v>
      </c>
    </row>
    <row r="7386" spans="1:6" x14ac:dyDescent="0.25">
      <c r="A7386">
        <v>149.52000000000001</v>
      </c>
      <c r="B7386">
        <v>200.41</v>
      </c>
      <c r="C7386">
        <v>18800</v>
      </c>
      <c r="D7386">
        <v>1.6</v>
      </c>
      <c r="E7386">
        <v>21140</v>
      </c>
      <c r="F7386">
        <v>22.901700000000002</v>
      </c>
    </row>
    <row r="7387" spans="1:6" x14ac:dyDescent="0.25">
      <c r="A7387">
        <v>149.52000000000001</v>
      </c>
      <c r="B7387">
        <v>200.41</v>
      </c>
      <c r="C7387">
        <v>18800</v>
      </c>
      <c r="D7387">
        <v>1.9</v>
      </c>
      <c r="E7387">
        <v>20911.900000000001</v>
      </c>
      <c r="F7387">
        <v>22.9786</v>
      </c>
    </row>
    <row r="7388" spans="1:6" x14ac:dyDescent="0.25">
      <c r="A7388">
        <v>149.52000000000001</v>
      </c>
      <c r="B7388">
        <v>200.41</v>
      </c>
      <c r="C7388">
        <v>18800</v>
      </c>
      <c r="D7388">
        <v>2.2000000000000002</v>
      </c>
      <c r="E7388">
        <v>20553.7</v>
      </c>
      <c r="F7388">
        <v>23.001799999999999</v>
      </c>
    </row>
    <row r="7389" spans="1:6" x14ac:dyDescent="0.25">
      <c r="A7389">
        <v>149.52000000000001</v>
      </c>
      <c r="B7389">
        <v>200.41</v>
      </c>
      <c r="C7389">
        <v>18800</v>
      </c>
      <c r="D7389">
        <v>2.5</v>
      </c>
      <c r="E7389">
        <v>20467.3</v>
      </c>
      <c r="F7389">
        <v>22.958500000000001</v>
      </c>
    </row>
    <row r="7390" spans="1:6" x14ac:dyDescent="0.25">
      <c r="A7390">
        <v>149.52000000000001</v>
      </c>
      <c r="B7390">
        <v>200.41</v>
      </c>
      <c r="C7390">
        <v>18800</v>
      </c>
      <c r="D7390">
        <v>2.8</v>
      </c>
      <c r="E7390">
        <v>20330.400000000001</v>
      </c>
      <c r="F7390">
        <v>23.4129</v>
      </c>
    </row>
    <row r="7391" spans="1:6" x14ac:dyDescent="0.25">
      <c r="A7391">
        <v>149.52000000000001</v>
      </c>
      <c r="B7391">
        <v>200.41</v>
      </c>
      <c r="C7391">
        <v>18800</v>
      </c>
      <c r="D7391">
        <v>3.1</v>
      </c>
      <c r="E7391">
        <v>20223.400000000001</v>
      </c>
      <c r="F7391">
        <v>23.518699999999999</v>
      </c>
    </row>
    <row r="7392" spans="1:6" x14ac:dyDescent="0.25">
      <c r="A7392">
        <v>149.52000000000001</v>
      </c>
      <c r="B7392">
        <v>200.41</v>
      </c>
      <c r="C7392">
        <v>18800</v>
      </c>
      <c r="D7392">
        <v>3.4</v>
      </c>
      <c r="E7392">
        <v>20103.3</v>
      </c>
      <c r="F7392">
        <v>23.622299999999999</v>
      </c>
    </row>
    <row r="7393" spans="1:6" x14ac:dyDescent="0.25">
      <c r="A7393">
        <v>149.52000000000001</v>
      </c>
      <c r="B7393">
        <v>200.41</v>
      </c>
      <c r="C7393">
        <v>18800</v>
      </c>
      <c r="D7393">
        <v>3.7</v>
      </c>
      <c r="E7393">
        <v>20066.7</v>
      </c>
      <c r="F7393">
        <v>23.678000000000001</v>
      </c>
    </row>
    <row r="7394" spans="1:6" x14ac:dyDescent="0.25">
      <c r="A7394">
        <v>149.52000000000001</v>
      </c>
      <c r="B7394">
        <v>200.41</v>
      </c>
      <c r="C7394">
        <v>18800</v>
      </c>
      <c r="D7394">
        <v>4</v>
      </c>
      <c r="E7394">
        <v>19973</v>
      </c>
      <c r="F7394">
        <v>23.7349</v>
      </c>
    </row>
    <row r="7395" spans="1:6" x14ac:dyDescent="0.25">
      <c r="A7395">
        <v>149.52000000000001</v>
      </c>
      <c r="B7395">
        <v>204.04</v>
      </c>
      <c r="C7395">
        <v>1800</v>
      </c>
      <c r="D7395">
        <v>1</v>
      </c>
      <c r="E7395">
        <v>5503.5</v>
      </c>
      <c r="F7395">
        <v>44.874200000000002</v>
      </c>
    </row>
    <row r="7396" spans="1:6" x14ac:dyDescent="0.25">
      <c r="A7396">
        <v>149.52000000000001</v>
      </c>
      <c r="B7396">
        <v>204.04</v>
      </c>
      <c r="C7396">
        <v>1800</v>
      </c>
      <c r="D7396">
        <v>1.3</v>
      </c>
      <c r="E7396">
        <v>4891.3100000000004</v>
      </c>
      <c r="F7396">
        <v>55.431100000000001</v>
      </c>
    </row>
    <row r="7397" spans="1:6" x14ac:dyDescent="0.25">
      <c r="A7397">
        <v>149.52000000000001</v>
      </c>
      <c r="B7397">
        <v>204.04</v>
      </c>
      <c r="C7397">
        <v>1800</v>
      </c>
      <c r="D7397">
        <v>1.6</v>
      </c>
      <c r="E7397">
        <v>4563.2</v>
      </c>
      <c r="F7397">
        <v>62.431699999999999</v>
      </c>
    </row>
    <row r="7398" spans="1:6" x14ac:dyDescent="0.25">
      <c r="A7398">
        <v>149.52000000000001</v>
      </c>
      <c r="B7398">
        <v>204.04</v>
      </c>
      <c r="C7398">
        <v>1800</v>
      </c>
      <c r="D7398">
        <v>1.9</v>
      </c>
      <c r="E7398">
        <v>4220.66</v>
      </c>
      <c r="F7398">
        <v>69.602599999999995</v>
      </c>
    </row>
    <row r="7399" spans="1:6" x14ac:dyDescent="0.25">
      <c r="A7399">
        <v>149.52000000000001</v>
      </c>
      <c r="B7399">
        <v>204.04</v>
      </c>
      <c r="C7399">
        <v>1800</v>
      </c>
      <c r="D7399">
        <v>2.2000000000000002</v>
      </c>
      <c r="E7399">
        <v>4003.73</v>
      </c>
      <c r="F7399">
        <v>75.814800000000005</v>
      </c>
    </row>
    <row r="7400" spans="1:6" x14ac:dyDescent="0.25">
      <c r="A7400">
        <v>149.52000000000001</v>
      </c>
      <c r="B7400">
        <v>204.04</v>
      </c>
      <c r="C7400">
        <v>1800</v>
      </c>
      <c r="D7400">
        <v>2.5</v>
      </c>
      <c r="E7400">
        <v>3817.01</v>
      </c>
      <c r="F7400">
        <v>80.787300000000002</v>
      </c>
    </row>
    <row r="7401" spans="1:6" x14ac:dyDescent="0.25">
      <c r="A7401">
        <v>149.52000000000001</v>
      </c>
      <c r="B7401">
        <v>204.04</v>
      </c>
      <c r="C7401">
        <v>1800</v>
      </c>
      <c r="D7401">
        <v>2.8</v>
      </c>
      <c r="E7401">
        <v>3672.9</v>
      </c>
      <c r="F7401">
        <v>83.410700000000006</v>
      </c>
    </row>
    <row r="7402" spans="1:6" x14ac:dyDescent="0.25">
      <c r="A7402">
        <v>149.52000000000001</v>
      </c>
      <c r="B7402">
        <v>204.04</v>
      </c>
      <c r="C7402">
        <v>1800</v>
      </c>
      <c r="D7402">
        <v>3.1</v>
      </c>
      <c r="E7402">
        <v>3542.59</v>
      </c>
      <c r="F7402">
        <v>83.330399999999997</v>
      </c>
    </row>
    <row r="7403" spans="1:6" x14ac:dyDescent="0.25">
      <c r="A7403">
        <v>149.52000000000001</v>
      </c>
      <c r="B7403">
        <v>204.04</v>
      </c>
      <c r="C7403">
        <v>1800</v>
      </c>
      <c r="D7403">
        <v>3.4</v>
      </c>
      <c r="E7403">
        <v>3437.66</v>
      </c>
      <c r="F7403">
        <v>87.957899999999995</v>
      </c>
    </row>
    <row r="7404" spans="1:6" x14ac:dyDescent="0.25">
      <c r="A7404">
        <v>149.52000000000001</v>
      </c>
      <c r="B7404">
        <v>204.04</v>
      </c>
      <c r="C7404">
        <v>1800</v>
      </c>
      <c r="D7404">
        <v>3.7</v>
      </c>
      <c r="E7404">
        <v>3352.3</v>
      </c>
      <c r="F7404">
        <v>92.984099999999998</v>
      </c>
    </row>
    <row r="7405" spans="1:6" x14ac:dyDescent="0.25">
      <c r="A7405">
        <v>149.52000000000001</v>
      </c>
      <c r="B7405">
        <v>204.04</v>
      </c>
      <c r="C7405">
        <v>1800</v>
      </c>
      <c r="D7405">
        <v>4</v>
      </c>
      <c r="E7405">
        <v>3305.16</v>
      </c>
      <c r="F7405">
        <v>94.696799999999996</v>
      </c>
    </row>
    <row r="7406" spans="1:6" x14ac:dyDescent="0.25">
      <c r="A7406">
        <v>149.52000000000001</v>
      </c>
      <c r="B7406">
        <v>204.04</v>
      </c>
      <c r="C7406">
        <v>3345.45</v>
      </c>
      <c r="D7406">
        <v>1</v>
      </c>
      <c r="E7406">
        <v>6783.38</v>
      </c>
      <c r="F7406">
        <v>17.0105</v>
      </c>
    </row>
    <row r="7407" spans="1:6" x14ac:dyDescent="0.25">
      <c r="A7407">
        <v>149.52000000000001</v>
      </c>
      <c r="B7407">
        <v>204.04</v>
      </c>
      <c r="C7407">
        <v>3345.45</v>
      </c>
      <c r="D7407">
        <v>1.3</v>
      </c>
      <c r="E7407">
        <v>6366.27</v>
      </c>
      <c r="F7407">
        <v>17.636600000000001</v>
      </c>
    </row>
    <row r="7408" spans="1:6" x14ac:dyDescent="0.25">
      <c r="A7408">
        <v>149.52000000000001</v>
      </c>
      <c r="B7408">
        <v>204.04</v>
      </c>
      <c r="C7408">
        <v>3345.45</v>
      </c>
      <c r="D7408">
        <v>1.6</v>
      </c>
      <c r="E7408">
        <v>5802.51</v>
      </c>
      <c r="F7408">
        <v>19.064499999999999</v>
      </c>
    </row>
    <row r="7409" spans="1:6" x14ac:dyDescent="0.25">
      <c r="A7409">
        <v>149.52000000000001</v>
      </c>
      <c r="B7409">
        <v>204.04</v>
      </c>
      <c r="C7409">
        <v>3345.45</v>
      </c>
      <c r="D7409">
        <v>1.9</v>
      </c>
      <c r="E7409">
        <v>5751.72</v>
      </c>
      <c r="F7409">
        <v>20.650600000000001</v>
      </c>
    </row>
    <row r="7410" spans="1:6" x14ac:dyDescent="0.25">
      <c r="A7410">
        <v>149.52000000000001</v>
      </c>
      <c r="B7410">
        <v>204.04</v>
      </c>
      <c r="C7410">
        <v>3345.45</v>
      </c>
      <c r="D7410">
        <v>2.2000000000000002</v>
      </c>
      <c r="E7410">
        <v>5437.08</v>
      </c>
      <c r="F7410">
        <v>23.1798</v>
      </c>
    </row>
    <row r="7411" spans="1:6" x14ac:dyDescent="0.25">
      <c r="A7411">
        <v>149.52000000000001</v>
      </c>
      <c r="B7411">
        <v>204.04</v>
      </c>
      <c r="C7411">
        <v>3345.45</v>
      </c>
      <c r="D7411">
        <v>2.5</v>
      </c>
      <c r="E7411">
        <v>5173.09</v>
      </c>
      <c r="F7411">
        <v>23.053799999999999</v>
      </c>
    </row>
    <row r="7412" spans="1:6" x14ac:dyDescent="0.25">
      <c r="A7412">
        <v>149.52000000000001</v>
      </c>
      <c r="B7412">
        <v>204.04</v>
      </c>
      <c r="C7412">
        <v>3345.45</v>
      </c>
      <c r="D7412">
        <v>2.8</v>
      </c>
      <c r="E7412">
        <v>5083.9399999999996</v>
      </c>
      <c r="F7412">
        <v>24.9635</v>
      </c>
    </row>
    <row r="7413" spans="1:6" x14ac:dyDescent="0.25">
      <c r="A7413">
        <v>149.52000000000001</v>
      </c>
      <c r="B7413">
        <v>204.04</v>
      </c>
      <c r="C7413">
        <v>3345.45</v>
      </c>
      <c r="D7413">
        <v>3.1</v>
      </c>
      <c r="E7413">
        <v>4921.8900000000003</v>
      </c>
      <c r="F7413">
        <v>25.234500000000001</v>
      </c>
    </row>
    <row r="7414" spans="1:6" x14ac:dyDescent="0.25">
      <c r="A7414">
        <v>149.52000000000001</v>
      </c>
      <c r="B7414">
        <v>204.04</v>
      </c>
      <c r="C7414">
        <v>3345.45</v>
      </c>
      <c r="D7414">
        <v>3.4</v>
      </c>
      <c r="E7414">
        <v>4918.99</v>
      </c>
      <c r="F7414">
        <v>26.355</v>
      </c>
    </row>
    <row r="7415" spans="1:6" x14ac:dyDescent="0.25">
      <c r="A7415">
        <v>149.52000000000001</v>
      </c>
      <c r="B7415">
        <v>204.04</v>
      </c>
      <c r="C7415">
        <v>3345.45</v>
      </c>
      <c r="D7415">
        <v>3.7</v>
      </c>
      <c r="E7415">
        <v>4808.54</v>
      </c>
      <c r="F7415">
        <v>29.568100000000001</v>
      </c>
    </row>
    <row r="7416" spans="1:6" x14ac:dyDescent="0.25">
      <c r="A7416">
        <v>149.52000000000001</v>
      </c>
      <c r="B7416">
        <v>204.04</v>
      </c>
      <c r="C7416">
        <v>3345.45</v>
      </c>
      <c r="D7416">
        <v>4</v>
      </c>
      <c r="E7416">
        <v>4690.6000000000004</v>
      </c>
      <c r="F7416">
        <v>30.587199999999999</v>
      </c>
    </row>
    <row r="7417" spans="1:6" x14ac:dyDescent="0.25">
      <c r="A7417">
        <v>149.52000000000001</v>
      </c>
      <c r="B7417">
        <v>204.04</v>
      </c>
      <c r="C7417">
        <v>4890.8999999999996</v>
      </c>
      <c r="D7417">
        <v>1</v>
      </c>
      <c r="E7417">
        <v>8807.5499999999993</v>
      </c>
      <c r="F7417">
        <v>20.322199999999999</v>
      </c>
    </row>
    <row r="7418" spans="1:6" x14ac:dyDescent="0.25">
      <c r="A7418">
        <v>149.52000000000001</v>
      </c>
      <c r="B7418">
        <v>204.04</v>
      </c>
      <c r="C7418">
        <v>4890.8999999999996</v>
      </c>
      <c r="D7418">
        <v>1.3</v>
      </c>
      <c r="E7418">
        <v>7833.03</v>
      </c>
      <c r="F7418">
        <v>21.410900000000002</v>
      </c>
    </row>
    <row r="7419" spans="1:6" x14ac:dyDescent="0.25">
      <c r="A7419">
        <v>149.52000000000001</v>
      </c>
      <c r="B7419">
        <v>204.04</v>
      </c>
      <c r="C7419">
        <v>4890.8999999999996</v>
      </c>
      <c r="D7419">
        <v>1.6</v>
      </c>
      <c r="E7419">
        <v>7343.97</v>
      </c>
      <c r="F7419">
        <v>19.643599999999999</v>
      </c>
    </row>
    <row r="7420" spans="1:6" x14ac:dyDescent="0.25">
      <c r="A7420">
        <v>149.52000000000001</v>
      </c>
      <c r="B7420">
        <v>204.04</v>
      </c>
      <c r="C7420">
        <v>4890.8999999999996</v>
      </c>
      <c r="D7420">
        <v>1.9</v>
      </c>
      <c r="E7420">
        <v>7155.34</v>
      </c>
      <c r="F7420">
        <v>20.131399999999999</v>
      </c>
    </row>
    <row r="7421" spans="1:6" x14ac:dyDescent="0.25">
      <c r="A7421">
        <v>149.52000000000001</v>
      </c>
      <c r="B7421">
        <v>204.04</v>
      </c>
      <c r="C7421">
        <v>4890.8999999999996</v>
      </c>
      <c r="D7421">
        <v>2.2000000000000002</v>
      </c>
      <c r="E7421">
        <v>6882.75</v>
      </c>
      <c r="F7421">
        <v>20.537600000000001</v>
      </c>
    </row>
    <row r="7422" spans="1:6" x14ac:dyDescent="0.25">
      <c r="A7422">
        <v>149.52000000000001</v>
      </c>
      <c r="B7422">
        <v>204.04</v>
      </c>
      <c r="C7422">
        <v>4890.8999999999996</v>
      </c>
      <c r="D7422">
        <v>2.5</v>
      </c>
      <c r="E7422">
        <v>6608.37</v>
      </c>
      <c r="F7422">
        <v>20.933599999999998</v>
      </c>
    </row>
    <row r="7423" spans="1:6" x14ac:dyDescent="0.25">
      <c r="A7423">
        <v>149.52000000000001</v>
      </c>
      <c r="B7423">
        <v>204.04</v>
      </c>
      <c r="C7423">
        <v>4890.8999999999996</v>
      </c>
      <c r="D7423">
        <v>2.8</v>
      </c>
      <c r="E7423">
        <v>6544.61</v>
      </c>
      <c r="F7423">
        <v>18.745899999999999</v>
      </c>
    </row>
    <row r="7424" spans="1:6" x14ac:dyDescent="0.25">
      <c r="A7424">
        <v>149.52000000000001</v>
      </c>
      <c r="B7424">
        <v>204.04</v>
      </c>
      <c r="C7424">
        <v>4890.8999999999996</v>
      </c>
      <c r="D7424">
        <v>3.1</v>
      </c>
      <c r="E7424">
        <v>6340.51</v>
      </c>
      <c r="F7424">
        <v>18.652000000000001</v>
      </c>
    </row>
    <row r="7425" spans="1:6" x14ac:dyDescent="0.25">
      <c r="A7425">
        <v>149.52000000000001</v>
      </c>
      <c r="B7425">
        <v>204.04</v>
      </c>
      <c r="C7425">
        <v>4890.8999999999996</v>
      </c>
      <c r="D7425">
        <v>3.4</v>
      </c>
      <c r="E7425">
        <v>6199.1</v>
      </c>
      <c r="F7425">
        <v>18.764600000000002</v>
      </c>
    </row>
    <row r="7426" spans="1:6" x14ac:dyDescent="0.25">
      <c r="A7426">
        <v>149.52000000000001</v>
      </c>
      <c r="B7426">
        <v>204.04</v>
      </c>
      <c r="C7426">
        <v>4890.8999999999996</v>
      </c>
      <c r="D7426">
        <v>3.7</v>
      </c>
      <c r="E7426">
        <v>6169.64</v>
      </c>
      <c r="F7426">
        <v>18.8599</v>
      </c>
    </row>
    <row r="7427" spans="1:6" x14ac:dyDescent="0.25">
      <c r="A7427">
        <v>149.52000000000001</v>
      </c>
      <c r="B7427">
        <v>204.04</v>
      </c>
      <c r="C7427">
        <v>4890.8999999999996</v>
      </c>
      <c r="D7427">
        <v>4</v>
      </c>
      <c r="E7427">
        <v>6130.87</v>
      </c>
      <c r="F7427">
        <v>19.108499999999999</v>
      </c>
    </row>
    <row r="7428" spans="1:6" x14ac:dyDescent="0.25">
      <c r="A7428">
        <v>149.52000000000001</v>
      </c>
      <c r="B7428">
        <v>204.04</v>
      </c>
      <c r="C7428">
        <v>6436.35</v>
      </c>
      <c r="D7428">
        <v>1</v>
      </c>
      <c r="E7428">
        <v>10216.6</v>
      </c>
      <c r="F7428">
        <v>21.540199999999999</v>
      </c>
    </row>
    <row r="7429" spans="1:6" x14ac:dyDescent="0.25">
      <c r="A7429">
        <v>149.52000000000001</v>
      </c>
      <c r="B7429">
        <v>204.04</v>
      </c>
      <c r="C7429">
        <v>6436.35</v>
      </c>
      <c r="D7429">
        <v>1.3</v>
      </c>
      <c r="E7429">
        <v>9158.58</v>
      </c>
      <c r="F7429">
        <v>22.786100000000001</v>
      </c>
    </row>
    <row r="7430" spans="1:6" x14ac:dyDescent="0.25">
      <c r="A7430">
        <v>149.52000000000001</v>
      </c>
      <c r="B7430">
        <v>204.04</v>
      </c>
      <c r="C7430">
        <v>6436.35</v>
      </c>
      <c r="D7430">
        <v>1.6</v>
      </c>
      <c r="E7430">
        <v>8761.01</v>
      </c>
      <c r="F7430">
        <v>22.901700000000002</v>
      </c>
    </row>
    <row r="7431" spans="1:6" x14ac:dyDescent="0.25">
      <c r="A7431">
        <v>149.52000000000001</v>
      </c>
      <c r="B7431">
        <v>204.04</v>
      </c>
      <c r="C7431">
        <v>6436.35</v>
      </c>
      <c r="D7431">
        <v>1.9</v>
      </c>
      <c r="E7431">
        <v>8479.76</v>
      </c>
      <c r="F7431">
        <v>22.9786</v>
      </c>
    </row>
    <row r="7432" spans="1:6" x14ac:dyDescent="0.25">
      <c r="A7432">
        <v>149.52000000000001</v>
      </c>
      <c r="B7432">
        <v>204.04</v>
      </c>
      <c r="C7432">
        <v>6436.35</v>
      </c>
      <c r="D7432">
        <v>2.2000000000000002</v>
      </c>
      <c r="E7432">
        <v>8156.96</v>
      </c>
      <c r="F7432">
        <v>23.001799999999999</v>
      </c>
    </row>
    <row r="7433" spans="1:6" x14ac:dyDescent="0.25">
      <c r="A7433">
        <v>149.52000000000001</v>
      </c>
      <c r="B7433">
        <v>204.04</v>
      </c>
      <c r="C7433">
        <v>6436.35</v>
      </c>
      <c r="D7433">
        <v>2.5</v>
      </c>
      <c r="E7433">
        <v>8013.61</v>
      </c>
      <c r="F7433">
        <v>22.958500000000001</v>
      </c>
    </row>
    <row r="7434" spans="1:6" x14ac:dyDescent="0.25">
      <c r="A7434">
        <v>149.52000000000001</v>
      </c>
      <c r="B7434">
        <v>204.04</v>
      </c>
      <c r="C7434">
        <v>6436.35</v>
      </c>
      <c r="D7434">
        <v>2.8</v>
      </c>
      <c r="E7434">
        <v>7978.74</v>
      </c>
      <c r="F7434">
        <v>23.4129</v>
      </c>
    </row>
    <row r="7435" spans="1:6" x14ac:dyDescent="0.25">
      <c r="A7435">
        <v>149.52000000000001</v>
      </c>
      <c r="B7435">
        <v>204.04</v>
      </c>
      <c r="C7435">
        <v>6436.35</v>
      </c>
      <c r="D7435">
        <v>3.1</v>
      </c>
      <c r="E7435">
        <v>7866.37</v>
      </c>
      <c r="F7435">
        <v>23.518699999999999</v>
      </c>
    </row>
    <row r="7436" spans="1:6" x14ac:dyDescent="0.25">
      <c r="A7436">
        <v>149.52000000000001</v>
      </c>
      <c r="B7436">
        <v>204.04</v>
      </c>
      <c r="C7436">
        <v>6436.35</v>
      </c>
      <c r="D7436">
        <v>3.4</v>
      </c>
      <c r="E7436">
        <v>7773.99</v>
      </c>
      <c r="F7436">
        <v>23.622299999999999</v>
      </c>
    </row>
    <row r="7437" spans="1:6" x14ac:dyDescent="0.25">
      <c r="A7437">
        <v>149.52000000000001</v>
      </c>
      <c r="B7437">
        <v>204.04</v>
      </c>
      <c r="C7437">
        <v>6436.35</v>
      </c>
      <c r="D7437">
        <v>3.7</v>
      </c>
      <c r="E7437">
        <v>7591.06</v>
      </c>
      <c r="F7437">
        <v>23.678000000000001</v>
      </c>
    </row>
    <row r="7438" spans="1:6" x14ac:dyDescent="0.25">
      <c r="A7438">
        <v>149.52000000000001</v>
      </c>
      <c r="B7438">
        <v>204.04</v>
      </c>
      <c r="C7438">
        <v>6436.35</v>
      </c>
      <c r="D7438">
        <v>4</v>
      </c>
      <c r="E7438">
        <v>7598.89</v>
      </c>
      <c r="F7438">
        <v>23.7349</v>
      </c>
    </row>
    <row r="7439" spans="1:6" x14ac:dyDescent="0.25">
      <c r="A7439">
        <v>149.52000000000001</v>
      </c>
      <c r="B7439">
        <v>204.04</v>
      </c>
      <c r="C7439">
        <v>7981.8</v>
      </c>
      <c r="D7439">
        <v>1</v>
      </c>
      <c r="E7439">
        <v>11527.2</v>
      </c>
      <c r="F7439">
        <v>21.540199999999999</v>
      </c>
    </row>
    <row r="7440" spans="1:6" x14ac:dyDescent="0.25">
      <c r="A7440">
        <v>149.52000000000001</v>
      </c>
      <c r="B7440">
        <v>204.04</v>
      </c>
      <c r="C7440">
        <v>7981.8</v>
      </c>
      <c r="D7440">
        <v>1.3</v>
      </c>
      <c r="E7440">
        <v>10776.6</v>
      </c>
      <c r="F7440">
        <v>22.786100000000001</v>
      </c>
    </row>
    <row r="7441" spans="1:6" x14ac:dyDescent="0.25">
      <c r="A7441">
        <v>149.52000000000001</v>
      </c>
      <c r="B7441">
        <v>204.04</v>
      </c>
      <c r="C7441">
        <v>7981.8</v>
      </c>
      <c r="D7441">
        <v>1.6</v>
      </c>
      <c r="E7441">
        <v>10341.700000000001</v>
      </c>
      <c r="F7441">
        <v>22.901700000000002</v>
      </c>
    </row>
    <row r="7442" spans="1:6" x14ac:dyDescent="0.25">
      <c r="A7442">
        <v>149.52000000000001</v>
      </c>
      <c r="B7442">
        <v>204.04</v>
      </c>
      <c r="C7442">
        <v>7981.8</v>
      </c>
      <c r="D7442">
        <v>1.9</v>
      </c>
      <c r="E7442">
        <v>9953.9699999999993</v>
      </c>
      <c r="F7442">
        <v>22.9786</v>
      </c>
    </row>
    <row r="7443" spans="1:6" x14ac:dyDescent="0.25">
      <c r="A7443">
        <v>149.52000000000001</v>
      </c>
      <c r="B7443">
        <v>204.04</v>
      </c>
      <c r="C7443">
        <v>7981.8</v>
      </c>
      <c r="D7443">
        <v>2.2000000000000002</v>
      </c>
      <c r="E7443">
        <v>9848.14</v>
      </c>
      <c r="F7443">
        <v>23.001799999999999</v>
      </c>
    </row>
    <row r="7444" spans="1:6" x14ac:dyDescent="0.25">
      <c r="A7444">
        <v>149.52000000000001</v>
      </c>
      <c r="B7444">
        <v>204.04</v>
      </c>
      <c r="C7444">
        <v>7981.8</v>
      </c>
      <c r="D7444">
        <v>2.5</v>
      </c>
      <c r="E7444">
        <v>9616.2900000000009</v>
      </c>
      <c r="F7444">
        <v>22.958500000000001</v>
      </c>
    </row>
    <row r="7445" spans="1:6" x14ac:dyDescent="0.25">
      <c r="A7445">
        <v>149.52000000000001</v>
      </c>
      <c r="B7445">
        <v>204.04</v>
      </c>
      <c r="C7445">
        <v>7981.8</v>
      </c>
      <c r="D7445">
        <v>2.8</v>
      </c>
      <c r="E7445">
        <v>9462.81</v>
      </c>
      <c r="F7445">
        <v>23.4129</v>
      </c>
    </row>
    <row r="7446" spans="1:6" x14ac:dyDescent="0.25">
      <c r="A7446">
        <v>149.52000000000001</v>
      </c>
      <c r="B7446">
        <v>204.04</v>
      </c>
      <c r="C7446">
        <v>7981.8</v>
      </c>
      <c r="D7446">
        <v>3.1</v>
      </c>
      <c r="E7446">
        <v>9347.9699999999993</v>
      </c>
      <c r="F7446">
        <v>23.518699999999999</v>
      </c>
    </row>
    <row r="7447" spans="1:6" x14ac:dyDescent="0.25">
      <c r="A7447">
        <v>149.52000000000001</v>
      </c>
      <c r="B7447">
        <v>204.04</v>
      </c>
      <c r="C7447">
        <v>7981.8</v>
      </c>
      <c r="D7447">
        <v>3.4</v>
      </c>
      <c r="E7447">
        <v>9232.41</v>
      </c>
      <c r="F7447">
        <v>23.622299999999999</v>
      </c>
    </row>
    <row r="7448" spans="1:6" x14ac:dyDescent="0.25">
      <c r="A7448">
        <v>149.52000000000001</v>
      </c>
      <c r="B7448">
        <v>204.04</v>
      </c>
      <c r="C7448">
        <v>7981.8</v>
      </c>
      <c r="D7448">
        <v>3.7</v>
      </c>
      <c r="E7448">
        <v>9169.76</v>
      </c>
      <c r="F7448">
        <v>23.678000000000001</v>
      </c>
    </row>
    <row r="7449" spans="1:6" x14ac:dyDescent="0.25">
      <c r="A7449">
        <v>149.52000000000001</v>
      </c>
      <c r="B7449">
        <v>204.04</v>
      </c>
      <c r="C7449">
        <v>7981.8</v>
      </c>
      <c r="D7449">
        <v>4</v>
      </c>
      <c r="E7449">
        <v>9086.4</v>
      </c>
      <c r="F7449">
        <v>23.7349</v>
      </c>
    </row>
    <row r="7450" spans="1:6" x14ac:dyDescent="0.25">
      <c r="A7450">
        <v>149.52000000000001</v>
      </c>
      <c r="B7450">
        <v>204.04</v>
      </c>
      <c r="C7450">
        <v>9527.25</v>
      </c>
      <c r="D7450">
        <v>1</v>
      </c>
      <c r="E7450">
        <v>13293.7</v>
      </c>
      <c r="F7450">
        <v>21.540199999999999</v>
      </c>
    </row>
    <row r="7451" spans="1:6" x14ac:dyDescent="0.25">
      <c r="A7451">
        <v>149.52000000000001</v>
      </c>
      <c r="B7451">
        <v>204.04</v>
      </c>
      <c r="C7451">
        <v>9527.25</v>
      </c>
      <c r="D7451">
        <v>1.3</v>
      </c>
      <c r="E7451">
        <v>12468.6</v>
      </c>
      <c r="F7451">
        <v>22.786100000000001</v>
      </c>
    </row>
    <row r="7452" spans="1:6" x14ac:dyDescent="0.25">
      <c r="A7452">
        <v>149.52000000000001</v>
      </c>
      <c r="B7452">
        <v>204.04</v>
      </c>
      <c r="C7452">
        <v>9527.25</v>
      </c>
      <c r="D7452">
        <v>1.6</v>
      </c>
      <c r="E7452">
        <v>12026</v>
      </c>
      <c r="F7452">
        <v>22.901700000000002</v>
      </c>
    </row>
    <row r="7453" spans="1:6" x14ac:dyDescent="0.25">
      <c r="A7453">
        <v>149.52000000000001</v>
      </c>
      <c r="B7453">
        <v>204.04</v>
      </c>
      <c r="C7453">
        <v>9527.25</v>
      </c>
      <c r="D7453">
        <v>1.9</v>
      </c>
      <c r="E7453">
        <v>11594.2</v>
      </c>
      <c r="F7453">
        <v>22.9786</v>
      </c>
    </row>
    <row r="7454" spans="1:6" x14ac:dyDescent="0.25">
      <c r="A7454">
        <v>149.52000000000001</v>
      </c>
      <c r="B7454">
        <v>204.04</v>
      </c>
      <c r="C7454">
        <v>9527.25</v>
      </c>
      <c r="D7454">
        <v>2.2000000000000002</v>
      </c>
      <c r="E7454">
        <v>11300.1</v>
      </c>
      <c r="F7454">
        <v>23.001799999999999</v>
      </c>
    </row>
    <row r="7455" spans="1:6" x14ac:dyDescent="0.25">
      <c r="A7455">
        <v>149.52000000000001</v>
      </c>
      <c r="B7455">
        <v>204.04</v>
      </c>
      <c r="C7455">
        <v>9527.25</v>
      </c>
      <c r="D7455">
        <v>2.5</v>
      </c>
      <c r="E7455">
        <v>11092.4</v>
      </c>
      <c r="F7455">
        <v>22.958500000000001</v>
      </c>
    </row>
    <row r="7456" spans="1:6" x14ac:dyDescent="0.25">
      <c r="A7456">
        <v>149.52000000000001</v>
      </c>
      <c r="B7456">
        <v>204.04</v>
      </c>
      <c r="C7456">
        <v>9527.25</v>
      </c>
      <c r="D7456">
        <v>2.8</v>
      </c>
      <c r="E7456">
        <v>11098.2</v>
      </c>
      <c r="F7456">
        <v>23.4129</v>
      </c>
    </row>
    <row r="7457" spans="1:6" x14ac:dyDescent="0.25">
      <c r="A7457">
        <v>149.52000000000001</v>
      </c>
      <c r="B7457">
        <v>204.04</v>
      </c>
      <c r="C7457">
        <v>9527.25</v>
      </c>
      <c r="D7457">
        <v>3.1</v>
      </c>
      <c r="E7457">
        <v>10877.3</v>
      </c>
      <c r="F7457">
        <v>23.518699999999999</v>
      </c>
    </row>
    <row r="7458" spans="1:6" x14ac:dyDescent="0.25">
      <c r="A7458">
        <v>149.52000000000001</v>
      </c>
      <c r="B7458">
        <v>204.04</v>
      </c>
      <c r="C7458">
        <v>9527.25</v>
      </c>
      <c r="D7458">
        <v>3.4</v>
      </c>
      <c r="E7458">
        <v>10780.7</v>
      </c>
      <c r="F7458">
        <v>23.622299999999999</v>
      </c>
    </row>
    <row r="7459" spans="1:6" x14ac:dyDescent="0.25">
      <c r="A7459">
        <v>149.52000000000001</v>
      </c>
      <c r="B7459">
        <v>204.04</v>
      </c>
      <c r="C7459">
        <v>9527.25</v>
      </c>
      <c r="D7459">
        <v>3.7</v>
      </c>
      <c r="E7459">
        <v>10761.6</v>
      </c>
      <c r="F7459">
        <v>23.678000000000001</v>
      </c>
    </row>
    <row r="7460" spans="1:6" x14ac:dyDescent="0.25">
      <c r="A7460">
        <v>149.52000000000001</v>
      </c>
      <c r="B7460">
        <v>204.04</v>
      </c>
      <c r="C7460">
        <v>9527.25</v>
      </c>
      <c r="D7460">
        <v>4</v>
      </c>
      <c r="E7460">
        <v>10623.2</v>
      </c>
      <c r="F7460">
        <v>23.7349</v>
      </c>
    </row>
    <row r="7461" spans="1:6" x14ac:dyDescent="0.25">
      <c r="A7461">
        <v>149.52000000000001</v>
      </c>
      <c r="B7461">
        <v>204.04</v>
      </c>
      <c r="C7461">
        <v>11072.7</v>
      </c>
      <c r="D7461">
        <v>1</v>
      </c>
      <c r="E7461">
        <v>14626</v>
      </c>
      <c r="F7461">
        <v>21.540199999999999</v>
      </c>
    </row>
    <row r="7462" spans="1:6" x14ac:dyDescent="0.25">
      <c r="A7462">
        <v>149.52000000000001</v>
      </c>
      <c r="B7462">
        <v>204.04</v>
      </c>
      <c r="C7462">
        <v>11072.7</v>
      </c>
      <c r="D7462">
        <v>1.3</v>
      </c>
      <c r="E7462">
        <v>14030.8</v>
      </c>
      <c r="F7462">
        <v>22.786100000000001</v>
      </c>
    </row>
    <row r="7463" spans="1:6" x14ac:dyDescent="0.25">
      <c r="A7463">
        <v>149.52000000000001</v>
      </c>
      <c r="B7463">
        <v>204.04</v>
      </c>
      <c r="C7463">
        <v>11072.7</v>
      </c>
      <c r="D7463">
        <v>1.6</v>
      </c>
      <c r="E7463">
        <v>13566.8</v>
      </c>
      <c r="F7463">
        <v>22.901700000000002</v>
      </c>
    </row>
    <row r="7464" spans="1:6" x14ac:dyDescent="0.25">
      <c r="A7464">
        <v>149.52000000000001</v>
      </c>
      <c r="B7464">
        <v>204.04</v>
      </c>
      <c r="C7464">
        <v>11072.7</v>
      </c>
      <c r="D7464">
        <v>1.9</v>
      </c>
      <c r="E7464">
        <v>13064</v>
      </c>
      <c r="F7464">
        <v>22.9786</v>
      </c>
    </row>
    <row r="7465" spans="1:6" x14ac:dyDescent="0.25">
      <c r="A7465">
        <v>149.52000000000001</v>
      </c>
      <c r="B7465">
        <v>204.04</v>
      </c>
      <c r="C7465">
        <v>11072.7</v>
      </c>
      <c r="D7465">
        <v>2.2000000000000002</v>
      </c>
      <c r="E7465">
        <v>12893.9</v>
      </c>
      <c r="F7465">
        <v>23.001799999999999</v>
      </c>
    </row>
    <row r="7466" spans="1:6" x14ac:dyDescent="0.25">
      <c r="A7466">
        <v>149.52000000000001</v>
      </c>
      <c r="B7466">
        <v>204.04</v>
      </c>
      <c r="C7466">
        <v>11072.7</v>
      </c>
      <c r="D7466">
        <v>2.5</v>
      </c>
      <c r="E7466">
        <v>12636.9</v>
      </c>
      <c r="F7466">
        <v>22.958500000000001</v>
      </c>
    </row>
    <row r="7467" spans="1:6" x14ac:dyDescent="0.25">
      <c r="A7467">
        <v>149.52000000000001</v>
      </c>
      <c r="B7467">
        <v>204.04</v>
      </c>
      <c r="C7467">
        <v>11072.7</v>
      </c>
      <c r="D7467">
        <v>2.8</v>
      </c>
      <c r="E7467">
        <v>12541.1</v>
      </c>
      <c r="F7467">
        <v>23.4129</v>
      </c>
    </row>
    <row r="7468" spans="1:6" x14ac:dyDescent="0.25">
      <c r="A7468">
        <v>149.52000000000001</v>
      </c>
      <c r="B7468">
        <v>204.04</v>
      </c>
      <c r="C7468">
        <v>11072.7</v>
      </c>
      <c r="D7468">
        <v>3.1</v>
      </c>
      <c r="E7468">
        <v>12546.9</v>
      </c>
      <c r="F7468">
        <v>23.518699999999999</v>
      </c>
    </row>
    <row r="7469" spans="1:6" x14ac:dyDescent="0.25">
      <c r="A7469">
        <v>149.52000000000001</v>
      </c>
      <c r="B7469">
        <v>204.04</v>
      </c>
      <c r="C7469">
        <v>11072.7</v>
      </c>
      <c r="D7469">
        <v>3.4</v>
      </c>
      <c r="E7469">
        <v>12355.4</v>
      </c>
      <c r="F7469">
        <v>23.622299999999999</v>
      </c>
    </row>
    <row r="7470" spans="1:6" x14ac:dyDescent="0.25">
      <c r="A7470">
        <v>149.52000000000001</v>
      </c>
      <c r="B7470">
        <v>204.04</v>
      </c>
      <c r="C7470">
        <v>11072.7</v>
      </c>
      <c r="D7470">
        <v>3.7</v>
      </c>
      <c r="E7470">
        <v>12246.1</v>
      </c>
      <c r="F7470">
        <v>23.678000000000001</v>
      </c>
    </row>
    <row r="7471" spans="1:6" x14ac:dyDescent="0.25">
      <c r="A7471">
        <v>149.52000000000001</v>
      </c>
      <c r="B7471">
        <v>204.04</v>
      </c>
      <c r="C7471">
        <v>11072.7</v>
      </c>
      <c r="D7471">
        <v>4</v>
      </c>
      <c r="E7471">
        <v>12181.9</v>
      </c>
      <c r="F7471">
        <v>23.7349</v>
      </c>
    </row>
    <row r="7472" spans="1:6" x14ac:dyDescent="0.25">
      <c r="A7472">
        <v>149.52000000000001</v>
      </c>
      <c r="B7472">
        <v>204.04</v>
      </c>
      <c r="C7472">
        <v>12618.2</v>
      </c>
      <c r="D7472">
        <v>1</v>
      </c>
      <c r="E7472">
        <v>16376.1</v>
      </c>
      <c r="F7472">
        <v>21.540199999999999</v>
      </c>
    </row>
    <row r="7473" spans="1:6" x14ac:dyDescent="0.25">
      <c r="A7473">
        <v>149.52000000000001</v>
      </c>
      <c r="B7473">
        <v>204.04</v>
      </c>
      <c r="C7473">
        <v>12618.2</v>
      </c>
      <c r="D7473">
        <v>1.3</v>
      </c>
      <c r="E7473">
        <v>15609.8</v>
      </c>
      <c r="F7473">
        <v>22.786100000000001</v>
      </c>
    </row>
    <row r="7474" spans="1:6" x14ac:dyDescent="0.25">
      <c r="A7474">
        <v>149.52000000000001</v>
      </c>
      <c r="B7474">
        <v>204.04</v>
      </c>
      <c r="C7474">
        <v>12618.2</v>
      </c>
      <c r="D7474">
        <v>1.6</v>
      </c>
      <c r="E7474">
        <v>14954.6</v>
      </c>
      <c r="F7474">
        <v>22.901700000000002</v>
      </c>
    </row>
    <row r="7475" spans="1:6" x14ac:dyDescent="0.25">
      <c r="A7475">
        <v>149.52000000000001</v>
      </c>
      <c r="B7475">
        <v>204.04</v>
      </c>
      <c r="C7475">
        <v>12618.2</v>
      </c>
      <c r="D7475">
        <v>1.9</v>
      </c>
      <c r="E7475">
        <v>14645</v>
      </c>
      <c r="F7475">
        <v>22.9786</v>
      </c>
    </row>
    <row r="7476" spans="1:6" x14ac:dyDescent="0.25">
      <c r="A7476">
        <v>149.52000000000001</v>
      </c>
      <c r="B7476">
        <v>204.04</v>
      </c>
      <c r="C7476">
        <v>12618.2</v>
      </c>
      <c r="D7476">
        <v>2.2000000000000002</v>
      </c>
      <c r="E7476">
        <v>14453</v>
      </c>
      <c r="F7476">
        <v>23.001799999999999</v>
      </c>
    </row>
    <row r="7477" spans="1:6" x14ac:dyDescent="0.25">
      <c r="A7477">
        <v>149.52000000000001</v>
      </c>
      <c r="B7477">
        <v>204.04</v>
      </c>
      <c r="C7477">
        <v>12618.2</v>
      </c>
      <c r="D7477">
        <v>2.5</v>
      </c>
      <c r="E7477">
        <v>14202.8</v>
      </c>
      <c r="F7477">
        <v>22.958500000000001</v>
      </c>
    </row>
    <row r="7478" spans="1:6" x14ac:dyDescent="0.25">
      <c r="A7478">
        <v>149.52000000000001</v>
      </c>
      <c r="B7478">
        <v>204.04</v>
      </c>
      <c r="C7478">
        <v>12618.2</v>
      </c>
      <c r="D7478">
        <v>2.8</v>
      </c>
      <c r="E7478">
        <v>14137.5</v>
      </c>
      <c r="F7478">
        <v>23.4129</v>
      </c>
    </row>
    <row r="7479" spans="1:6" x14ac:dyDescent="0.25">
      <c r="A7479">
        <v>149.52000000000001</v>
      </c>
      <c r="B7479">
        <v>204.04</v>
      </c>
      <c r="C7479">
        <v>12618.2</v>
      </c>
      <c r="D7479">
        <v>3.1</v>
      </c>
      <c r="E7479">
        <v>13990</v>
      </c>
      <c r="F7479">
        <v>23.518699999999999</v>
      </c>
    </row>
    <row r="7480" spans="1:6" x14ac:dyDescent="0.25">
      <c r="A7480">
        <v>149.52000000000001</v>
      </c>
      <c r="B7480">
        <v>204.04</v>
      </c>
      <c r="C7480">
        <v>12618.2</v>
      </c>
      <c r="D7480">
        <v>3.4</v>
      </c>
      <c r="E7480">
        <v>13881.9</v>
      </c>
      <c r="F7480">
        <v>23.622299999999999</v>
      </c>
    </row>
    <row r="7481" spans="1:6" x14ac:dyDescent="0.25">
      <c r="A7481">
        <v>149.52000000000001</v>
      </c>
      <c r="B7481">
        <v>204.04</v>
      </c>
      <c r="C7481">
        <v>12618.2</v>
      </c>
      <c r="D7481">
        <v>3.7</v>
      </c>
      <c r="E7481">
        <v>13804.8</v>
      </c>
      <c r="F7481">
        <v>23.678000000000001</v>
      </c>
    </row>
    <row r="7482" spans="1:6" x14ac:dyDescent="0.25">
      <c r="A7482">
        <v>149.52000000000001</v>
      </c>
      <c r="B7482">
        <v>204.04</v>
      </c>
      <c r="C7482">
        <v>12618.2</v>
      </c>
      <c r="D7482">
        <v>4</v>
      </c>
      <c r="E7482">
        <v>13763</v>
      </c>
      <c r="F7482">
        <v>23.7349</v>
      </c>
    </row>
    <row r="7483" spans="1:6" x14ac:dyDescent="0.25">
      <c r="A7483">
        <v>149.52000000000001</v>
      </c>
      <c r="B7483">
        <v>204.04</v>
      </c>
      <c r="C7483">
        <v>14163.6</v>
      </c>
      <c r="D7483">
        <v>1</v>
      </c>
      <c r="E7483">
        <v>17897.5</v>
      </c>
      <c r="F7483">
        <v>21.540199999999999</v>
      </c>
    </row>
    <row r="7484" spans="1:6" x14ac:dyDescent="0.25">
      <c r="A7484">
        <v>149.52000000000001</v>
      </c>
      <c r="B7484">
        <v>204.04</v>
      </c>
      <c r="C7484">
        <v>14163.6</v>
      </c>
      <c r="D7484">
        <v>1.3</v>
      </c>
      <c r="E7484">
        <v>17137.2</v>
      </c>
      <c r="F7484">
        <v>22.786100000000001</v>
      </c>
    </row>
    <row r="7485" spans="1:6" x14ac:dyDescent="0.25">
      <c r="A7485">
        <v>149.52000000000001</v>
      </c>
      <c r="B7485">
        <v>204.04</v>
      </c>
      <c r="C7485">
        <v>14163.6</v>
      </c>
      <c r="D7485">
        <v>1.6</v>
      </c>
      <c r="E7485">
        <v>16502.900000000001</v>
      </c>
      <c r="F7485">
        <v>22.901700000000002</v>
      </c>
    </row>
    <row r="7486" spans="1:6" x14ac:dyDescent="0.25">
      <c r="A7486">
        <v>149.52000000000001</v>
      </c>
      <c r="B7486">
        <v>204.04</v>
      </c>
      <c r="C7486">
        <v>14163.6</v>
      </c>
      <c r="D7486">
        <v>1.9</v>
      </c>
      <c r="E7486">
        <v>16150.5</v>
      </c>
      <c r="F7486">
        <v>22.9786</v>
      </c>
    </row>
    <row r="7487" spans="1:6" x14ac:dyDescent="0.25">
      <c r="A7487">
        <v>149.52000000000001</v>
      </c>
      <c r="B7487">
        <v>204.04</v>
      </c>
      <c r="C7487">
        <v>14163.6</v>
      </c>
      <c r="D7487">
        <v>2.2000000000000002</v>
      </c>
      <c r="E7487">
        <v>15969.4</v>
      </c>
      <c r="F7487">
        <v>23.001799999999999</v>
      </c>
    </row>
    <row r="7488" spans="1:6" x14ac:dyDescent="0.25">
      <c r="A7488">
        <v>149.52000000000001</v>
      </c>
      <c r="B7488">
        <v>204.04</v>
      </c>
      <c r="C7488">
        <v>14163.6</v>
      </c>
      <c r="D7488">
        <v>2.5</v>
      </c>
      <c r="E7488">
        <v>15721</v>
      </c>
      <c r="F7488">
        <v>22.958500000000001</v>
      </c>
    </row>
    <row r="7489" spans="1:6" x14ac:dyDescent="0.25">
      <c r="A7489">
        <v>149.52000000000001</v>
      </c>
      <c r="B7489">
        <v>204.04</v>
      </c>
      <c r="C7489">
        <v>14163.6</v>
      </c>
      <c r="D7489">
        <v>2.8</v>
      </c>
      <c r="E7489">
        <v>15635.1</v>
      </c>
      <c r="F7489">
        <v>23.4129</v>
      </c>
    </row>
    <row r="7490" spans="1:6" x14ac:dyDescent="0.25">
      <c r="A7490">
        <v>149.52000000000001</v>
      </c>
      <c r="B7490">
        <v>204.04</v>
      </c>
      <c r="C7490">
        <v>14163.6</v>
      </c>
      <c r="D7490">
        <v>3.1</v>
      </c>
      <c r="E7490">
        <v>15592.6</v>
      </c>
      <c r="F7490">
        <v>23.518699999999999</v>
      </c>
    </row>
    <row r="7491" spans="1:6" x14ac:dyDescent="0.25">
      <c r="A7491">
        <v>149.52000000000001</v>
      </c>
      <c r="B7491">
        <v>204.04</v>
      </c>
      <c r="C7491">
        <v>14163.6</v>
      </c>
      <c r="D7491">
        <v>3.4</v>
      </c>
      <c r="E7491">
        <v>15444.5</v>
      </c>
      <c r="F7491">
        <v>23.622299999999999</v>
      </c>
    </row>
    <row r="7492" spans="1:6" x14ac:dyDescent="0.25">
      <c r="A7492">
        <v>149.52000000000001</v>
      </c>
      <c r="B7492">
        <v>204.04</v>
      </c>
      <c r="C7492">
        <v>14163.6</v>
      </c>
      <c r="D7492">
        <v>3.7</v>
      </c>
      <c r="E7492">
        <v>15351.9</v>
      </c>
      <c r="F7492">
        <v>23.678000000000001</v>
      </c>
    </row>
    <row r="7493" spans="1:6" x14ac:dyDescent="0.25">
      <c r="A7493">
        <v>149.52000000000001</v>
      </c>
      <c r="B7493">
        <v>204.04</v>
      </c>
      <c r="C7493">
        <v>14163.6</v>
      </c>
      <c r="D7493">
        <v>4</v>
      </c>
      <c r="E7493">
        <v>15330.6</v>
      </c>
      <c r="F7493">
        <v>23.7349</v>
      </c>
    </row>
    <row r="7494" spans="1:6" x14ac:dyDescent="0.25">
      <c r="A7494">
        <v>149.52000000000001</v>
      </c>
      <c r="B7494">
        <v>204.04</v>
      </c>
      <c r="C7494">
        <v>15709.1</v>
      </c>
      <c r="D7494">
        <v>1</v>
      </c>
      <c r="E7494">
        <v>19266.5</v>
      </c>
      <c r="F7494">
        <v>21.540199999999999</v>
      </c>
    </row>
    <row r="7495" spans="1:6" x14ac:dyDescent="0.25">
      <c r="A7495">
        <v>149.52000000000001</v>
      </c>
      <c r="B7495">
        <v>204.04</v>
      </c>
      <c r="C7495">
        <v>15709.1</v>
      </c>
      <c r="D7495">
        <v>1.3</v>
      </c>
      <c r="E7495">
        <v>18678.7</v>
      </c>
      <c r="F7495">
        <v>22.786100000000001</v>
      </c>
    </row>
    <row r="7496" spans="1:6" x14ac:dyDescent="0.25">
      <c r="A7496">
        <v>149.52000000000001</v>
      </c>
      <c r="B7496">
        <v>204.04</v>
      </c>
      <c r="C7496">
        <v>15709.1</v>
      </c>
      <c r="D7496">
        <v>1.6</v>
      </c>
      <c r="E7496">
        <v>18202.400000000001</v>
      </c>
      <c r="F7496">
        <v>22.901700000000002</v>
      </c>
    </row>
    <row r="7497" spans="1:6" x14ac:dyDescent="0.25">
      <c r="A7497">
        <v>149.52000000000001</v>
      </c>
      <c r="B7497">
        <v>204.04</v>
      </c>
      <c r="C7497">
        <v>15709.1</v>
      </c>
      <c r="D7497">
        <v>1.9</v>
      </c>
      <c r="E7497">
        <v>17719.2</v>
      </c>
      <c r="F7497">
        <v>22.9786</v>
      </c>
    </row>
    <row r="7498" spans="1:6" x14ac:dyDescent="0.25">
      <c r="A7498">
        <v>149.52000000000001</v>
      </c>
      <c r="B7498">
        <v>204.04</v>
      </c>
      <c r="C7498">
        <v>15709.1</v>
      </c>
      <c r="D7498">
        <v>2.2000000000000002</v>
      </c>
      <c r="E7498">
        <v>17426.099999999999</v>
      </c>
      <c r="F7498">
        <v>23.001799999999999</v>
      </c>
    </row>
    <row r="7499" spans="1:6" x14ac:dyDescent="0.25">
      <c r="A7499">
        <v>149.52000000000001</v>
      </c>
      <c r="B7499">
        <v>204.04</v>
      </c>
      <c r="C7499">
        <v>15709.1</v>
      </c>
      <c r="D7499">
        <v>2.5</v>
      </c>
      <c r="E7499">
        <v>17313.8</v>
      </c>
      <c r="F7499">
        <v>22.958500000000001</v>
      </c>
    </row>
    <row r="7500" spans="1:6" x14ac:dyDescent="0.25">
      <c r="A7500">
        <v>149.52000000000001</v>
      </c>
      <c r="B7500">
        <v>204.04</v>
      </c>
      <c r="C7500">
        <v>15709.1</v>
      </c>
      <c r="D7500">
        <v>2.8</v>
      </c>
      <c r="E7500">
        <v>17269.8</v>
      </c>
      <c r="F7500">
        <v>23.4129</v>
      </c>
    </row>
    <row r="7501" spans="1:6" x14ac:dyDescent="0.25">
      <c r="A7501">
        <v>149.52000000000001</v>
      </c>
      <c r="B7501">
        <v>204.04</v>
      </c>
      <c r="C7501">
        <v>15709.1</v>
      </c>
      <c r="D7501">
        <v>3.1</v>
      </c>
      <c r="E7501">
        <v>17135.900000000001</v>
      </c>
      <c r="F7501">
        <v>23.518699999999999</v>
      </c>
    </row>
    <row r="7502" spans="1:6" x14ac:dyDescent="0.25">
      <c r="A7502">
        <v>149.52000000000001</v>
      </c>
      <c r="B7502">
        <v>204.04</v>
      </c>
      <c r="C7502">
        <v>15709.1</v>
      </c>
      <c r="D7502">
        <v>3.4</v>
      </c>
      <c r="E7502">
        <v>17004.7</v>
      </c>
      <c r="F7502">
        <v>23.622299999999999</v>
      </c>
    </row>
    <row r="7503" spans="1:6" x14ac:dyDescent="0.25">
      <c r="A7503">
        <v>149.52000000000001</v>
      </c>
      <c r="B7503">
        <v>204.04</v>
      </c>
      <c r="C7503">
        <v>15709.1</v>
      </c>
      <c r="D7503">
        <v>3.7</v>
      </c>
      <c r="E7503">
        <v>16875.8</v>
      </c>
      <c r="F7503">
        <v>23.678000000000001</v>
      </c>
    </row>
    <row r="7504" spans="1:6" x14ac:dyDescent="0.25">
      <c r="A7504">
        <v>149.52000000000001</v>
      </c>
      <c r="B7504">
        <v>204.04</v>
      </c>
      <c r="C7504">
        <v>15709.1</v>
      </c>
      <c r="D7504">
        <v>4</v>
      </c>
      <c r="E7504">
        <v>16850.099999999999</v>
      </c>
      <c r="F7504">
        <v>23.7349</v>
      </c>
    </row>
    <row r="7505" spans="1:6" x14ac:dyDescent="0.25">
      <c r="A7505">
        <v>149.52000000000001</v>
      </c>
      <c r="B7505">
        <v>204.04</v>
      </c>
      <c r="C7505">
        <v>17254.5</v>
      </c>
      <c r="D7505">
        <v>1</v>
      </c>
      <c r="E7505">
        <v>20968.400000000001</v>
      </c>
      <c r="F7505">
        <v>21.540199999999999</v>
      </c>
    </row>
    <row r="7506" spans="1:6" x14ac:dyDescent="0.25">
      <c r="A7506">
        <v>149.52000000000001</v>
      </c>
      <c r="B7506">
        <v>204.04</v>
      </c>
      <c r="C7506">
        <v>17254.5</v>
      </c>
      <c r="D7506">
        <v>1.3</v>
      </c>
      <c r="E7506">
        <v>20052.3</v>
      </c>
      <c r="F7506">
        <v>22.786100000000001</v>
      </c>
    </row>
    <row r="7507" spans="1:6" x14ac:dyDescent="0.25">
      <c r="A7507">
        <v>149.52000000000001</v>
      </c>
      <c r="B7507">
        <v>204.04</v>
      </c>
      <c r="C7507">
        <v>17254.5</v>
      </c>
      <c r="D7507">
        <v>1.6</v>
      </c>
      <c r="E7507">
        <v>19672</v>
      </c>
      <c r="F7507">
        <v>22.901700000000002</v>
      </c>
    </row>
    <row r="7508" spans="1:6" x14ac:dyDescent="0.25">
      <c r="A7508">
        <v>149.52000000000001</v>
      </c>
      <c r="B7508">
        <v>204.04</v>
      </c>
      <c r="C7508">
        <v>17254.5</v>
      </c>
      <c r="D7508">
        <v>1.9</v>
      </c>
      <c r="E7508">
        <v>19383.900000000001</v>
      </c>
      <c r="F7508">
        <v>22.9786</v>
      </c>
    </row>
    <row r="7509" spans="1:6" x14ac:dyDescent="0.25">
      <c r="A7509">
        <v>149.52000000000001</v>
      </c>
      <c r="B7509">
        <v>204.04</v>
      </c>
      <c r="C7509">
        <v>17254.5</v>
      </c>
      <c r="D7509">
        <v>2.2000000000000002</v>
      </c>
      <c r="E7509">
        <v>19033.8</v>
      </c>
      <c r="F7509">
        <v>23.001799999999999</v>
      </c>
    </row>
    <row r="7510" spans="1:6" x14ac:dyDescent="0.25">
      <c r="A7510">
        <v>149.52000000000001</v>
      </c>
      <c r="B7510">
        <v>204.04</v>
      </c>
      <c r="C7510">
        <v>17254.5</v>
      </c>
      <c r="D7510">
        <v>2.5</v>
      </c>
      <c r="E7510">
        <v>18852.3</v>
      </c>
      <c r="F7510">
        <v>22.958500000000001</v>
      </c>
    </row>
    <row r="7511" spans="1:6" x14ac:dyDescent="0.25">
      <c r="A7511">
        <v>149.52000000000001</v>
      </c>
      <c r="B7511">
        <v>204.04</v>
      </c>
      <c r="C7511">
        <v>17254.5</v>
      </c>
      <c r="D7511">
        <v>2.8</v>
      </c>
      <c r="E7511">
        <v>18813.5</v>
      </c>
      <c r="F7511">
        <v>23.4129</v>
      </c>
    </row>
    <row r="7512" spans="1:6" x14ac:dyDescent="0.25">
      <c r="A7512">
        <v>149.52000000000001</v>
      </c>
      <c r="B7512">
        <v>204.04</v>
      </c>
      <c r="C7512">
        <v>17254.5</v>
      </c>
      <c r="D7512">
        <v>3.1</v>
      </c>
      <c r="E7512">
        <v>18597.2</v>
      </c>
      <c r="F7512">
        <v>23.518699999999999</v>
      </c>
    </row>
    <row r="7513" spans="1:6" x14ac:dyDescent="0.25">
      <c r="A7513">
        <v>149.52000000000001</v>
      </c>
      <c r="B7513">
        <v>204.04</v>
      </c>
      <c r="C7513">
        <v>17254.5</v>
      </c>
      <c r="D7513">
        <v>3.4</v>
      </c>
      <c r="E7513">
        <v>18604.599999999999</v>
      </c>
      <c r="F7513">
        <v>23.622299999999999</v>
      </c>
    </row>
    <row r="7514" spans="1:6" x14ac:dyDescent="0.25">
      <c r="A7514">
        <v>149.52000000000001</v>
      </c>
      <c r="B7514">
        <v>204.04</v>
      </c>
      <c r="C7514">
        <v>17254.5</v>
      </c>
      <c r="D7514">
        <v>3.7</v>
      </c>
      <c r="E7514">
        <v>18480.3</v>
      </c>
      <c r="F7514">
        <v>23.678000000000001</v>
      </c>
    </row>
    <row r="7515" spans="1:6" x14ac:dyDescent="0.25">
      <c r="A7515">
        <v>149.52000000000001</v>
      </c>
      <c r="B7515">
        <v>204.04</v>
      </c>
      <c r="C7515">
        <v>17254.5</v>
      </c>
      <c r="D7515">
        <v>4</v>
      </c>
      <c r="E7515">
        <v>18340.3</v>
      </c>
      <c r="F7515">
        <v>23.7349</v>
      </c>
    </row>
    <row r="7516" spans="1:6" x14ac:dyDescent="0.25">
      <c r="A7516">
        <v>149.52000000000001</v>
      </c>
      <c r="B7516">
        <v>204.04</v>
      </c>
      <c r="C7516">
        <v>18800</v>
      </c>
      <c r="D7516">
        <v>1</v>
      </c>
      <c r="E7516">
        <v>22588.6</v>
      </c>
      <c r="F7516">
        <v>21.540199999999999</v>
      </c>
    </row>
    <row r="7517" spans="1:6" x14ac:dyDescent="0.25">
      <c r="A7517">
        <v>149.52000000000001</v>
      </c>
      <c r="B7517">
        <v>204.04</v>
      </c>
      <c r="C7517">
        <v>18800</v>
      </c>
      <c r="D7517">
        <v>1.3</v>
      </c>
      <c r="E7517">
        <v>21681.3</v>
      </c>
      <c r="F7517">
        <v>22.786100000000001</v>
      </c>
    </row>
    <row r="7518" spans="1:6" x14ac:dyDescent="0.25">
      <c r="A7518">
        <v>149.52000000000001</v>
      </c>
      <c r="B7518">
        <v>204.04</v>
      </c>
      <c r="C7518">
        <v>18800</v>
      </c>
      <c r="D7518">
        <v>1.6</v>
      </c>
      <c r="E7518">
        <v>21103.8</v>
      </c>
      <c r="F7518">
        <v>22.901700000000002</v>
      </c>
    </row>
    <row r="7519" spans="1:6" x14ac:dyDescent="0.25">
      <c r="A7519">
        <v>149.52000000000001</v>
      </c>
      <c r="B7519">
        <v>204.04</v>
      </c>
      <c r="C7519">
        <v>18800</v>
      </c>
      <c r="D7519">
        <v>1.9</v>
      </c>
      <c r="E7519">
        <v>20911.900000000001</v>
      </c>
      <c r="F7519">
        <v>22.9786</v>
      </c>
    </row>
    <row r="7520" spans="1:6" x14ac:dyDescent="0.25">
      <c r="A7520">
        <v>149.52000000000001</v>
      </c>
      <c r="B7520">
        <v>204.04</v>
      </c>
      <c r="C7520">
        <v>18800</v>
      </c>
      <c r="D7520">
        <v>2.2000000000000002</v>
      </c>
      <c r="E7520">
        <v>20553.7</v>
      </c>
      <c r="F7520">
        <v>23.001799999999999</v>
      </c>
    </row>
    <row r="7521" spans="1:6" x14ac:dyDescent="0.25">
      <c r="A7521">
        <v>149.52000000000001</v>
      </c>
      <c r="B7521">
        <v>204.04</v>
      </c>
      <c r="C7521">
        <v>18800</v>
      </c>
      <c r="D7521">
        <v>2.5</v>
      </c>
      <c r="E7521">
        <v>20467.3</v>
      </c>
      <c r="F7521">
        <v>22.958500000000001</v>
      </c>
    </row>
    <row r="7522" spans="1:6" x14ac:dyDescent="0.25">
      <c r="A7522">
        <v>149.52000000000001</v>
      </c>
      <c r="B7522">
        <v>204.04</v>
      </c>
      <c r="C7522">
        <v>18800</v>
      </c>
      <c r="D7522">
        <v>2.8</v>
      </c>
      <c r="E7522">
        <v>20335</v>
      </c>
      <c r="F7522">
        <v>23.4129</v>
      </c>
    </row>
    <row r="7523" spans="1:6" x14ac:dyDescent="0.25">
      <c r="A7523">
        <v>149.52000000000001</v>
      </c>
      <c r="B7523">
        <v>204.04</v>
      </c>
      <c r="C7523">
        <v>18800</v>
      </c>
      <c r="D7523">
        <v>3.1</v>
      </c>
      <c r="E7523">
        <v>20162.7</v>
      </c>
      <c r="F7523">
        <v>23.518699999999999</v>
      </c>
    </row>
    <row r="7524" spans="1:6" x14ac:dyDescent="0.25">
      <c r="A7524">
        <v>149.52000000000001</v>
      </c>
      <c r="B7524">
        <v>204.04</v>
      </c>
      <c r="C7524">
        <v>18800</v>
      </c>
      <c r="D7524">
        <v>3.4</v>
      </c>
      <c r="E7524">
        <v>20069</v>
      </c>
      <c r="F7524">
        <v>23.622299999999999</v>
      </c>
    </row>
    <row r="7525" spans="1:6" x14ac:dyDescent="0.25">
      <c r="A7525">
        <v>149.52000000000001</v>
      </c>
      <c r="B7525">
        <v>204.04</v>
      </c>
      <c r="C7525">
        <v>18800</v>
      </c>
      <c r="D7525">
        <v>3.7</v>
      </c>
      <c r="E7525">
        <v>20029.8</v>
      </c>
      <c r="F7525">
        <v>23.678000000000001</v>
      </c>
    </row>
    <row r="7526" spans="1:6" x14ac:dyDescent="0.25">
      <c r="A7526">
        <v>149.52000000000001</v>
      </c>
      <c r="B7526">
        <v>204.04</v>
      </c>
      <c r="C7526">
        <v>18800</v>
      </c>
      <c r="D7526">
        <v>4</v>
      </c>
      <c r="E7526">
        <v>19895.2</v>
      </c>
      <c r="F7526">
        <v>23.7349</v>
      </c>
    </row>
    <row r="7527" spans="1:6" x14ac:dyDescent="0.25">
      <c r="A7527">
        <v>149.52000000000001</v>
      </c>
      <c r="B7527">
        <v>207.67</v>
      </c>
      <c r="C7527">
        <v>1800</v>
      </c>
      <c r="D7527">
        <v>1</v>
      </c>
      <c r="E7527">
        <v>5503.5</v>
      </c>
      <c r="F7527">
        <v>44.874200000000002</v>
      </c>
    </row>
    <row r="7528" spans="1:6" x14ac:dyDescent="0.25">
      <c r="A7528">
        <v>149.52000000000001</v>
      </c>
      <c r="B7528">
        <v>207.67</v>
      </c>
      <c r="C7528">
        <v>1800</v>
      </c>
      <c r="D7528">
        <v>1.3</v>
      </c>
      <c r="E7528">
        <v>4891.3100000000004</v>
      </c>
      <c r="F7528">
        <v>55.431100000000001</v>
      </c>
    </row>
    <row r="7529" spans="1:6" x14ac:dyDescent="0.25">
      <c r="A7529">
        <v>149.52000000000001</v>
      </c>
      <c r="B7529">
        <v>207.67</v>
      </c>
      <c r="C7529">
        <v>1800</v>
      </c>
      <c r="D7529">
        <v>1.6</v>
      </c>
      <c r="E7529">
        <v>4563.2</v>
      </c>
      <c r="F7529">
        <v>62.431699999999999</v>
      </c>
    </row>
    <row r="7530" spans="1:6" x14ac:dyDescent="0.25">
      <c r="A7530">
        <v>149.52000000000001</v>
      </c>
      <c r="B7530">
        <v>207.67</v>
      </c>
      <c r="C7530">
        <v>1800</v>
      </c>
      <c r="D7530">
        <v>1.9</v>
      </c>
      <c r="E7530">
        <v>4220.66</v>
      </c>
      <c r="F7530">
        <v>69.602599999999995</v>
      </c>
    </row>
    <row r="7531" spans="1:6" x14ac:dyDescent="0.25">
      <c r="A7531">
        <v>149.52000000000001</v>
      </c>
      <c r="B7531">
        <v>207.67</v>
      </c>
      <c r="C7531">
        <v>1800</v>
      </c>
      <c r="D7531">
        <v>2.2000000000000002</v>
      </c>
      <c r="E7531">
        <v>4003.73</v>
      </c>
      <c r="F7531">
        <v>75.814800000000005</v>
      </c>
    </row>
    <row r="7532" spans="1:6" x14ac:dyDescent="0.25">
      <c r="A7532">
        <v>149.52000000000001</v>
      </c>
      <c r="B7532">
        <v>207.67</v>
      </c>
      <c r="C7532">
        <v>1800</v>
      </c>
      <c r="D7532">
        <v>2.5</v>
      </c>
      <c r="E7532">
        <v>3817.01</v>
      </c>
      <c r="F7532">
        <v>80.787300000000002</v>
      </c>
    </row>
    <row r="7533" spans="1:6" x14ac:dyDescent="0.25">
      <c r="A7533">
        <v>149.52000000000001</v>
      </c>
      <c r="B7533">
        <v>207.67</v>
      </c>
      <c r="C7533">
        <v>1800</v>
      </c>
      <c r="D7533">
        <v>2.8</v>
      </c>
      <c r="E7533">
        <v>3674.67</v>
      </c>
      <c r="F7533">
        <v>83.410700000000006</v>
      </c>
    </row>
    <row r="7534" spans="1:6" x14ac:dyDescent="0.25">
      <c r="A7534">
        <v>149.52000000000001</v>
      </c>
      <c r="B7534">
        <v>207.67</v>
      </c>
      <c r="C7534">
        <v>1800</v>
      </c>
      <c r="D7534">
        <v>3.1</v>
      </c>
      <c r="E7534">
        <v>3542.59</v>
      </c>
      <c r="F7534">
        <v>83.330399999999997</v>
      </c>
    </row>
    <row r="7535" spans="1:6" x14ac:dyDescent="0.25">
      <c r="A7535">
        <v>149.52000000000001</v>
      </c>
      <c r="B7535">
        <v>207.67</v>
      </c>
      <c r="C7535">
        <v>1800</v>
      </c>
      <c r="D7535">
        <v>3.4</v>
      </c>
      <c r="E7535">
        <v>3437.66</v>
      </c>
      <c r="F7535">
        <v>87.957899999999995</v>
      </c>
    </row>
    <row r="7536" spans="1:6" x14ac:dyDescent="0.25">
      <c r="A7536">
        <v>149.52000000000001</v>
      </c>
      <c r="B7536">
        <v>207.67</v>
      </c>
      <c r="C7536">
        <v>1800</v>
      </c>
      <c r="D7536">
        <v>3.7</v>
      </c>
      <c r="E7536">
        <v>3352.3</v>
      </c>
      <c r="F7536">
        <v>89.628500000000003</v>
      </c>
    </row>
    <row r="7537" spans="1:6" x14ac:dyDescent="0.25">
      <c r="A7537">
        <v>149.52000000000001</v>
      </c>
      <c r="B7537">
        <v>207.67</v>
      </c>
      <c r="C7537">
        <v>1800</v>
      </c>
      <c r="D7537">
        <v>4</v>
      </c>
      <c r="E7537">
        <v>3261.59</v>
      </c>
      <c r="F7537">
        <v>91.462900000000005</v>
      </c>
    </row>
    <row r="7538" spans="1:6" x14ac:dyDescent="0.25">
      <c r="A7538">
        <v>149.52000000000001</v>
      </c>
      <c r="B7538">
        <v>207.67</v>
      </c>
      <c r="C7538">
        <v>3345.45</v>
      </c>
      <c r="D7538">
        <v>1</v>
      </c>
      <c r="E7538">
        <v>6783.38</v>
      </c>
      <c r="F7538">
        <v>17.0105</v>
      </c>
    </row>
    <row r="7539" spans="1:6" x14ac:dyDescent="0.25">
      <c r="A7539">
        <v>149.52000000000001</v>
      </c>
      <c r="B7539">
        <v>207.67</v>
      </c>
      <c r="C7539">
        <v>3345.45</v>
      </c>
      <c r="D7539">
        <v>1.3</v>
      </c>
      <c r="E7539">
        <v>6366.27</v>
      </c>
      <c r="F7539">
        <v>17.636600000000001</v>
      </c>
    </row>
    <row r="7540" spans="1:6" x14ac:dyDescent="0.25">
      <c r="A7540">
        <v>149.52000000000001</v>
      </c>
      <c r="B7540">
        <v>207.67</v>
      </c>
      <c r="C7540">
        <v>3345.45</v>
      </c>
      <c r="D7540">
        <v>1.6</v>
      </c>
      <c r="E7540">
        <v>5802.51</v>
      </c>
      <c r="F7540">
        <v>19.064499999999999</v>
      </c>
    </row>
    <row r="7541" spans="1:6" x14ac:dyDescent="0.25">
      <c r="A7541">
        <v>149.52000000000001</v>
      </c>
      <c r="B7541">
        <v>207.67</v>
      </c>
      <c r="C7541">
        <v>3345.45</v>
      </c>
      <c r="D7541">
        <v>1.9</v>
      </c>
      <c r="E7541">
        <v>5751.72</v>
      </c>
      <c r="F7541">
        <v>20.650600000000001</v>
      </c>
    </row>
    <row r="7542" spans="1:6" x14ac:dyDescent="0.25">
      <c r="A7542">
        <v>149.52000000000001</v>
      </c>
      <c r="B7542">
        <v>207.67</v>
      </c>
      <c r="C7542">
        <v>3345.45</v>
      </c>
      <c r="D7542">
        <v>2.2000000000000002</v>
      </c>
      <c r="E7542">
        <v>5437.08</v>
      </c>
      <c r="F7542">
        <v>23.1798</v>
      </c>
    </row>
    <row r="7543" spans="1:6" x14ac:dyDescent="0.25">
      <c r="A7543">
        <v>149.52000000000001</v>
      </c>
      <c r="B7543">
        <v>207.67</v>
      </c>
      <c r="C7543">
        <v>3345.45</v>
      </c>
      <c r="D7543">
        <v>2.5</v>
      </c>
      <c r="E7543">
        <v>5173.09</v>
      </c>
      <c r="F7543">
        <v>23.053799999999999</v>
      </c>
    </row>
    <row r="7544" spans="1:6" x14ac:dyDescent="0.25">
      <c r="A7544">
        <v>149.52000000000001</v>
      </c>
      <c r="B7544">
        <v>207.67</v>
      </c>
      <c r="C7544">
        <v>3345.45</v>
      </c>
      <c r="D7544">
        <v>2.8</v>
      </c>
      <c r="E7544">
        <v>5083.9399999999996</v>
      </c>
      <c r="F7544">
        <v>24.9635</v>
      </c>
    </row>
    <row r="7545" spans="1:6" x14ac:dyDescent="0.25">
      <c r="A7545">
        <v>149.52000000000001</v>
      </c>
      <c r="B7545">
        <v>207.67</v>
      </c>
      <c r="C7545">
        <v>3345.45</v>
      </c>
      <c r="D7545">
        <v>3.1</v>
      </c>
      <c r="E7545">
        <v>4921.8900000000003</v>
      </c>
      <c r="F7545">
        <v>25.234500000000001</v>
      </c>
    </row>
    <row r="7546" spans="1:6" x14ac:dyDescent="0.25">
      <c r="A7546">
        <v>149.52000000000001</v>
      </c>
      <c r="B7546">
        <v>207.67</v>
      </c>
      <c r="C7546">
        <v>3345.45</v>
      </c>
      <c r="D7546">
        <v>3.4</v>
      </c>
      <c r="E7546">
        <v>4918.99</v>
      </c>
      <c r="F7546">
        <v>26.355</v>
      </c>
    </row>
    <row r="7547" spans="1:6" x14ac:dyDescent="0.25">
      <c r="A7547">
        <v>149.52000000000001</v>
      </c>
      <c r="B7547">
        <v>207.67</v>
      </c>
      <c r="C7547">
        <v>3345.45</v>
      </c>
      <c r="D7547">
        <v>3.7</v>
      </c>
      <c r="E7547">
        <v>4808.54</v>
      </c>
      <c r="F7547">
        <v>27.481999999999999</v>
      </c>
    </row>
    <row r="7548" spans="1:6" x14ac:dyDescent="0.25">
      <c r="A7548">
        <v>149.52000000000001</v>
      </c>
      <c r="B7548">
        <v>207.67</v>
      </c>
      <c r="C7548">
        <v>3345.45</v>
      </c>
      <c r="D7548">
        <v>4</v>
      </c>
      <c r="E7548">
        <v>4690.6000000000004</v>
      </c>
      <c r="F7548">
        <v>27.913900000000002</v>
      </c>
    </row>
    <row r="7549" spans="1:6" x14ac:dyDescent="0.25">
      <c r="A7549">
        <v>149.52000000000001</v>
      </c>
      <c r="B7549">
        <v>207.67</v>
      </c>
      <c r="C7549">
        <v>4890.8999999999996</v>
      </c>
      <c r="D7549">
        <v>1</v>
      </c>
      <c r="E7549">
        <v>8807.5499999999993</v>
      </c>
      <c r="F7549">
        <v>20.322199999999999</v>
      </c>
    </row>
    <row r="7550" spans="1:6" x14ac:dyDescent="0.25">
      <c r="A7550">
        <v>149.52000000000001</v>
      </c>
      <c r="B7550">
        <v>207.67</v>
      </c>
      <c r="C7550">
        <v>4890.8999999999996</v>
      </c>
      <c r="D7550">
        <v>1.3</v>
      </c>
      <c r="E7550">
        <v>7833.03</v>
      </c>
      <c r="F7550">
        <v>21.410900000000002</v>
      </c>
    </row>
    <row r="7551" spans="1:6" x14ac:dyDescent="0.25">
      <c r="A7551">
        <v>149.52000000000001</v>
      </c>
      <c r="B7551">
        <v>207.67</v>
      </c>
      <c r="C7551">
        <v>4890.8999999999996</v>
      </c>
      <c r="D7551">
        <v>1.6</v>
      </c>
      <c r="E7551">
        <v>7343.97</v>
      </c>
      <c r="F7551">
        <v>19.643599999999999</v>
      </c>
    </row>
    <row r="7552" spans="1:6" x14ac:dyDescent="0.25">
      <c r="A7552">
        <v>149.52000000000001</v>
      </c>
      <c r="B7552">
        <v>207.67</v>
      </c>
      <c r="C7552">
        <v>4890.8999999999996</v>
      </c>
      <c r="D7552">
        <v>1.9</v>
      </c>
      <c r="E7552">
        <v>7155.34</v>
      </c>
      <c r="F7552">
        <v>20.131399999999999</v>
      </c>
    </row>
    <row r="7553" spans="1:6" x14ac:dyDescent="0.25">
      <c r="A7553">
        <v>149.52000000000001</v>
      </c>
      <c r="B7553">
        <v>207.67</v>
      </c>
      <c r="C7553">
        <v>4890.8999999999996</v>
      </c>
      <c r="D7553">
        <v>2.2000000000000002</v>
      </c>
      <c r="E7553">
        <v>6882.75</v>
      </c>
      <c r="F7553">
        <v>20.537600000000001</v>
      </c>
    </row>
    <row r="7554" spans="1:6" x14ac:dyDescent="0.25">
      <c r="A7554">
        <v>149.52000000000001</v>
      </c>
      <c r="B7554">
        <v>207.67</v>
      </c>
      <c r="C7554">
        <v>4890.8999999999996</v>
      </c>
      <c r="D7554">
        <v>2.5</v>
      </c>
      <c r="E7554">
        <v>6608.37</v>
      </c>
      <c r="F7554">
        <v>20.933599999999998</v>
      </c>
    </row>
    <row r="7555" spans="1:6" x14ac:dyDescent="0.25">
      <c r="A7555">
        <v>149.52000000000001</v>
      </c>
      <c r="B7555">
        <v>207.67</v>
      </c>
      <c r="C7555">
        <v>4890.8999999999996</v>
      </c>
      <c r="D7555">
        <v>2.8</v>
      </c>
      <c r="E7555">
        <v>6544.61</v>
      </c>
      <c r="F7555">
        <v>18.745899999999999</v>
      </c>
    </row>
    <row r="7556" spans="1:6" x14ac:dyDescent="0.25">
      <c r="A7556">
        <v>149.52000000000001</v>
      </c>
      <c r="B7556">
        <v>207.67</v>
      </c>
      <c r="C7556">
        <v>4890.8999999999996</v>
      </c>
      <c r="D7556">
        <v>3.1</v>
      </c>
      <c r="E7556">
        <v>6340.51</v>
      </c>
      <c r="F7556">
        <v>18.652000000000001</v>
      </c>
    </row>
    <row r="7557" spans="1:6" x14ac:dyDescent="0.25">
      <c r="A7557">
        <v>149.52000000000001</v>
      </c>
      <c r="B7557">
        <v>207.67</v>
      </c>
      <c r="C7557">
        <v>4890.8999999999996</v>
      </c>
      <c r="D7557">
        <v>3.4</v>
      </c>
      <c r="E7557">
        <v>6199.1</v>
      </c>
      <c r="F7557">
        <v>18.764600000000002</v>
      </c>
    </row>
    <row r="7558" spans="1:6" x14ac:dyDescent="0.25">
      <c r="A7558">
        <v>149.52000000000001</v>
      </c>
      <c r="B7558">
        <v>207.67</v>
      </c>
      <c r="C7558">
        <v>4890.8999999999996</v>
      </c>
      <c r="D7558">
        <v>3.7</v>
      </c>
      <c r="E7558">
        <v>6169.64</v>
      </c>
      <c r="F7558">
        <v>18.8599</v>
      </c>
    </row>
    <row r="7559" spans="1:6" x14ac:dyDescent="0.25">
      <c r="A7559">
        <v>149.52000000000001</v>
      </c>
      <c r="B7559">
        <v>207.67</v>
      </c>
      <c r="C7559">
        <v>4890.8999999999996</v>
      </c>
      <c r="D7559">
        <v>4</v>
      </c>
      <c r="E7559">
        <v>6120.34</v>
      </c>
      <c r="F7559">
        <v>19.108499999999999</v>
      </c>
    </row>
    <row r="7560" spans="1:6" x14ac:dyDescent="0.25">
      <c r="A7560">
        <v>149.52000000000001</v>
      </c>
      <c r="B7560">
        <v>207.67</v>
      </c>
      <c r="C7560">
        <v>6436.35</v>
      </c>
      <c r="D7560">
        <v>1</v>
      </c>
      <c r="E7560">
        <v>10216.6</v>
      </c>
      <c r="F7560">
        <v>21.540199999999999</v>
      </c>
    </row>
    <row r="7561" spans="1:6" x14ac:dyDescent="0.25">
      <c r="A7561">
        <v>149.52000000000001</v>
      </c>
      <c r="B7561">
        <v>207.67</v>
      </c>
      <c r="C7561">
        <v>6436.35</v>
      </c>
      <c r="D7561">
        <v>1.3</v>
      </c>
      <c r="E7561">
        <v>9158.58</v>
      </c>
      <c r="F7561">
        <v>22.786100000000001</v>
      </c>
    </row>
    <row r="7562" spans="1:6" x14ac:dyDescent="0.25">
      <c r="A7562">
        <v>149.52000000000001</v>
      </c>
      <c r="B7562">
        <v>207.67</v>
      </c>
      <c r="C7562">
        <v>6436.35</v>
      </c>
      <c r="D7562">
        <v>1.6</v>
      </c>
      <c r="E7562">
        <v>8761.01</v>
      </c>
      <c r="F7562">
        <v>22.901700000000002</v>
      </c>
    </row>
    <row r="7563" spans="1:6" x14ac:dyDescent="0.25">
      <c r="A7563">
        <v>149.52000000000001</v>
      </c>
      <c r="B7563">
        <v>207.67</v>
      </c>
      <c r="C7563">
        <v>6436.35</v>
      </c>
      <c r="D7563">
        <v>1.9</v>
      </c>
      <c r="E7563">
        <v>8479.76</v>
      </c>
      <c r="F7563">
        <v>22.9786</v>
      </c>
    </row>
    <row r="7564" spans="1:6" x14ac:dyDescent="0.25">
      <c r="A7564">
        <v>149.52000000000001</v>
      </c>
      <c r="B7564">
        <v>207.67</v>
      </c>
      <c r="C7564">
        <v>6436.35</v>
      </c>
      <c r="D7564">
        <v>2.2000000000000002</v>
      </c>
      <c r="E7564">
        <v>8307.4599999999991</v>
      </c>
      <c r="F7564">
        <v>23.001799999999999</v>
      </c>
    </row>
    <row r="7565" spans="1:6" x14ac:dyDescent="0.25">
      <c r="A7565">
        <v>149.52000000000001</v>
      </c>
      <c r="B7565">
        <v>207.67</v>
      </c>
      <c r="C7565">
        <v>6436.35</v>
      </c>
      <c r="D7565">
        <v>2.5</v>
      </c>
      <c r="E7565">
        <v>8013.61</v>
      </c>
      <c r="F7565">
        <v>22.958500000000001</v>
      </c>
    </row>
    <row r="7566" spans="1:6" x14ac:dyDescent="0.25">
      <c r="A7566">
        <v>149.52000000000001</v>
      </c>
      <c r="B7566">
        <v>207.67</v>
      </c>
      <c r="C7566">
        <v>6436.35</v>
      </c>
      <c r="D7566">
        <v>2.8</v>
      </c>
      <c r="E7566">
        <v>7978.74</v>
      </c>
      <c r="F7566">
        <v>23.4129</v>
      </c>
    </row>
    <row r="7567" spans="1:6" x14ac:dyDescent="0.25">
      <c r="A7567">
        <v>149.52000000000001</v>
      </c>
      <c r="B7567">
        <v>207.67</v>
      </c>
      <c r="C7567">
        <v>6436.35</v>
      </c>
      <c r="D7567">
        <v>3.1</v>
      </c>
      <c r="E7567">
        <v>7842.69</v>
      </c>
      <c r="F7567">
        <v>23.518699999999999</v>
      </c>
    </row>
    <row r="7568" spans="1:6" x14ac:dyDescent="0.25">
      <c r="A7568">
        <v>149.52000000000001</v>
      </c>
      <c r="B7568">
        <v>207.67</v>
      </c>
      <c r="C7568">
        <v>6436.35</v>
      </c>
      <c r="D7568">
        <v>3.4</v>
      </c>
      <c r="E7568">
        <v>7758.03</v>
      </c>
      <c r="F7568">
        <v>23.622299999999999</v>
      </c>
    </row>
    <row r="7569" spans="1:6" x14ac:dyDescent="0.25">
      <c r="A7569">
        <v>149.52000000000001</v>
      </c>
      <c r="B7569">
        <v>207.67</v>
      </c>
      <c r="C7569">
        <v>6436.35</v>
      </c>
      <c r="D7569">
        <v>3.7</v>
      </c>
      <c r="E7569">
        <v>7679.75</v>
      </c>
      <c r="F7569">
        <v>23.678000000000001</v>
      </c>
    </row>
    <row r="7570" spans="1:6" x14ac:dyDescent="0.25">
      <c r="A7570">
        <v>149.52000000000001</v>
      </c>
      <c r="B7570">
        <v>207.67</v>
      </c>
      <c r="C7570">
        <v>6436.35</v>
      </c>
      <c r="D7570">
        <v>4</v>
      </c>
      <c r="E7570">
        <v>7514.07</v>
      </c>
      <c r="F7570">
        <v>23.7349</v>
      </c>
    </row>
    <row r="7571" spans="1:6" x14ac:dyDescent="0.25">
      <c r="A7571">
        <v>149.52000000000001</v>
      </c>
      <c r="B7571">
        <v>207.67</v>
      </c>
      <c r="C7571">
        <v>7981.8</v>
      </c>
      <c r="D7571">
        <v>1</v>
      </c>
      <c r="E7571">
        <v>11527.2</v>
      </c>
      <c r="F7571">
        <v>21.540199999999999</v>
      </c>
    </row>
    <row r="7572" spans="1:6" x14ac:dyDescent="0.25">
      <c r="A7572">
        <v>149.52000000000001</v>
      </c>
      <c r="B7572">
        <v>207.67</v>
      </c>
      <c r="C7572">
        <v>7981.8</v>
      </c>
      <c r="D7572">
        <v>1.3</v>
      </c>
      <c r="E7572">
        <v>10776.6</v>
      </c>
      <c r="F7572">
        <v>22.786100000000001</v>
      </c>
    </row>
    <row r="7573" spans="1:6" x14ac:dyDescent="0.25">
      <c r="A7573">
        <v>149.52000000000001</v>
      </c>
      <c r="B7573">
        <v>207.67</v>
      </c>
      <c r="C7573">
        <v>7981.8</v>
      </c>
      <c r="D7573">
        <v>1.6</v>
      </c>
      <c r="E7573">
        <v>10341.700000000001</v>
      </c>
      <c r="F7573">
        <v>22.901700000000002</v>
      </c>
    </row>
    <row r="7574" spans="1:6" x14ac:dyDescent="0.25">
      <c r="A7574">
        <v>149.52000000000001</v>
      </c>
      <c r="B7574">
        <v>207.67</v>
      </c>
      <c r="C7574">
        <v>7981.8</v>
      </c>
      <c r="D7574">
        <v>1.9</v>
      </c>
      <c r="E7574">
        <v>9953.9699999999993</v>
      </c>
      <c r="F7574">
        <v>22.9786</v>
      </c>
    </row>
    <row r="7575" spans="1:6" x14ac:dyDescent="0.25">
      <c r="A7575">
        <v>149.52000000000001</v>
      </c>
      <c r="B7575">
        <v>207.67</v>
      </c>
      <c r="C7575">
        <v>7981.8</v>
      </c>
      <c r="D7575">
        <v>2.2000000000000002</v>
      </c>
      <c r="E7575">
        <v>9848.14</v>
      </c>
      <c r="F7575">
        <v>23.001799999999999</v>
      </c>
    </row>
    <row r="7576" spans="1:6" x14ac:dyDescent="0.25">
      <c r="A7576">
        <v>149.52000000000001</v>
      </c>
      <c r="B7576">
        <v>207.67</v>
      </c>
      <c r="C7576">
        <v>7981.8</v>
      </c>
      <c r="D7576">
        <v>2.5</v>
      </c>
      <c r="E7576">
        <v>9616.2900000000009</v>
      </c>
      <c r="F7576">
        <v>22.958500000000001</v>
      </c>
    </row>
    <row r="7577" spans="1:6" x14ac:dyDescent="0.25">
      <c r="A7577">
        <v>149.52000000000001</v>
      </c>
      <c r="B7577">
        <v>207.67</v>
      </c>
      <c r="C7577">
        <v>7981.8</v>
      </c>
      <c r="D7577">
        <v>2.8</v>
      </c>
      <c r="E7577">
        <v>9462.81</v>
      </c>
      <c r="F7577">
        <v>23.4129</v>
      </c>
    </row>
    <row r="7578" spans="1:6" x14ac:dyDescent="0.25">
      <c r="A7578">
        <v>149.52000000000001</v>
      </c>
      <c r="B7578">
        <v>207.67</v>
      </c>
      <c r="C7578">
        <v>7981.8</v>
      </c>
      <c r="D7578">
        <v>3.1</v>
      </c>
      <c r="E7578">
        <v>9347.9699999999993</v>
      </c>
      <c r="F7578">
        <v>23.518699999999999</v>
      </c>
    </row>
    <row r="7579" spans="1:6" x14ac:dyDescent="0.25">
      <c r="A7579">
        <v>149.52000000000001</v>
      </c>
      <c r="B7579">
        <v>207.67</v>
      </c>
      <c r="C7579">
        <v>7981.8</v>
      </c>
      <c r="D7579">
        <v>3.4</v>
      </c>
      <c r="E7579">
        <v>9232.41</v>
      </c>
      <c r="F7579">
        <v>23.622299999999999</v>
      </c>
    </row>
    <row r="7580" spans="1:6" x14ac:dyDescent="0.25">
      <c r="A7580">
        <v>149.52000000000001</v>
      </c>
      <c r="B7580">
        <v>207.67</v>
      </c>
      <c r="C7580">
        <v>7981.8</v>
      </c>
      <c r="D7580">
        <v>3.7</v>
      </c>
      <c r="E7580">
        <v>9169.76</v>
      </c>
      <c r="F7580">
        <v>23.678000000000001</v>
      </c>
    </row>
    <row r="7581" spans="1:6" x14ac:dyDescent="0.25">
      <c r="A7581">
        <v>149.52000000000001</v>
      </c>
      <c r="B7581">
        <v>207.67</v>
      </c>
      <c r="C7581">
        <v>7981.8</v>
      </c>
      <c r="D7581">
        <v>4</v>
      </c>
      <c r="E7581">
        <v>9086.4</v>
      </c>
      <c r="F7581">
        <v>23.7349</v>
      </c>
    </row>
    <row r="7582" spans="1:6" x14ac:dyDescent="0.25">
      <c r="A7582">
        <v>149.52000000000001</v>
      </c>
      <c r="B7582">
        <v>207.67</v>
      </c>
      <c r="C7582">
        <v>9527.25</v>
      </c>
      <c r="D7582">
        <v>1</v>
      </c>
      <c r="E7582">
        <v>13293.7</v>
      </c>
      <c r="F7582">
        <v>21.540199999999999</v>
      </c>
    </row>
    <row r="7583" spans="1:6" x14ac:dyDescent="0.25">
      <c r="A7583">
        <v>149.52000000000001</v>
      </c>
      <c r="B7583">
        <v>207.67</v>
      </c>
      <c r="C7583">
        <v>9527.25</v>
      </c>
      <c r="D7583">
        <v>1.3</v>
      </c>
      <c r="E7583">
        <v>12468.6</v>
      </c>
      <c r="F7583">
        <v>22.786100000000001</v>
      </c>
    </row>
    <row r="7584" spans="1:6" x14ac:dyDescent="0.25">
      <c r="A7584">
        <v>149.52000000000001</v>
      </c>
      <c r="B7584">
        <v>207.67</v>
      </c>
      <c r="C7584">
        <v>9527.25</v>
      </c>
      <c r="D7584">
        <v>1.6</v>
      </c>
      <c r="E7584">
        <v>12026</v>
      </c>
      <c r="F7584">
        <v>22.901700000000002</v>
      </c>
    </row>
    <row r="7585" spans="1:6" x14ac:dyDescent="0.25">
      <c r="A7585">
        <v>149.52000000000001</v>
      </c>
      <c r="B7585">
        <v>207.67</v>
      </c>
      <c r="C7585">
        <v>9527.25</v>
      </c>
      <c r="D7585">
        <v>1.9</v>
      </c>
      <c r="E7585">
        <v>11594.2</v>
      </c>
      <c r="F7585">
        <v>22.9786</v>
      </c>
    </row>
    <row r="7586" spans="1:6" x14ac:dyDescent="0.25">
      <c r="A7586">
        <v>149.52000000000001</v>
      </c>
      <c r="B7586">
        <v>207.67</v>
      </c>
      <c r="C7586">
        <v>9527.25</v>
      </c>
      <c r="D7586">
        <v>2.2000000000000002</v>
      </c>
      <c r="E7586">
        <v>11300.1</v>
      </c>
      <c r="F7586">
        <v>23.001799999999999</v>
      </c>
    </row>
    <row r="7587" spans="1:6" x14ac:dyDescent="0.25">
      <c r="A7587">
        <v>149.52000000000001</v>
      </c>
      <c r="B7587">
        <v>207.67</v>
      </c>
      <c r="C7587">
        <v>9527.25</v>
      </c>
      <c r="D7587">
        <v>2.5</v>
      </c>
      <c r="E7587">
        <v>11092.4</v>
      </c>
      <c r="F7587">
        <v>22.958500000000001</v>
      </c>
    </row>
    <row r="7588" spans="1:6" x14ac:dyDescent="0.25">
      <c r="A7588">
        <v>149.52000000000001</v>
      </c>
      <c r="B7588">
        <v>207.67</v>
      </c>
      <c r="C7588">
        <v>9527.25</v>
      </c>
      <c r="D7588">
        <v>2.8</v>
      </c>
      <c r="E7588">
        <v>11098.2</v>
      </c>
      <c r="F7588">
        <v>23.4129</v>
      </c>
    </row>
    <row r="7589" spans="1:6" x14ac:dyDescent="0.25">
      <c r="A7589">
        <v>149.52000000000001</v>
      </c>
      <c r="B7589">
        <v>207.67</v>
      </c>
      <c r="C7589">
        <v>9527.25</v>
      </c>
      <c r="D7589">
        <v>3.1</v>
      </c>
      <c r="E7589">
        <v>10877.3</v>
      </c>
      <c r="F7589">
        <v>23.518699999999999</v>
      </c>
    </row>
    <row r="7590" spans="1:6" x14ac:dyDescent="0.25">
      <c r="A7590">
        <v>149.52000000000001</v>
      </c>
      <c r="B7590">
        <v>207.67</v>
      </c>
      <c r="C7590">
        <v>9527.25</v>
      </c>
      <c r="D7590">
        <v>3.4</v>
      </c>
      <c r="E7590">
        <v>10780.7</v>
      </c>
      <c r="F7590">
        <v>23.622299999999999</v>
      </c>
    </row>
    <row r="7591" spans="1:6" x14ac:dyDescent="0.25">
      <c r="A7591">
        <v>149.52000000000001</v>
      </c>
      <c r="B7591">
        <v>207.67</v>
      </c>
      <c r="C7591">
        <v>9527.25</v>
      </c>
      <c r="D7591">
        <v>3.7</v>
      </c>
      <c r="E7591">
        <v>10761.6</v>
      </c>
      <c r="F7591">
        <v>23.678000000000001</v>
      </c>
    </row>
    <row r="7592" spans="1:6" x14ac:dyDescent="0.25">
      <c r="A7592">
        <v>149.52000000000001</v>
      </c>
      <c r="B7592">
        <v>207.67</v>
      </c>
      <c r="C7592">
        <v>9527.25</v>
      </c>
      <c r="D7592">
        <v>4</v>
      </c>
      <c r="E7592">
        <v>10623.2</v>
      </c>
      <c r="F7592">
        <v>23.7349</v>
      </c>
    </row>
    <row r="7593" spans="1:6" x14ac:dyDescent="0.25">
      <c r="A7593">
        <v>149.52000000000001</v>
      </c>
      <c r="B7593">
        <v>207.67</v>
      </c>
      <c r="C7593">
        <v>11072.7</v>
      </c>
      <c r="D7593">
        <v>1</v>
      </c>
      <c r="E7593">
        <v>14626</v>
      </c>
      <c r="F7593">
        <v>21.540199999999999</v>
      </c>
    </row>
    <row r="7594" spans="1:6" x14ac:dyDescent="0.25">
      <c r="A7594">
        <v>149.52000000000001</v>
      </c>
      <c r="B7594">
        <v>207.67</v>
      </c>
      <c r="C7594">
        <v>11072.7</v>
      </c>
      <c r="D7594">
        <v>1.3</v>
      </c>
      <c r="E7594">
        <v>14030.8</v>
      </c>
      <c r="F7594">
        <v>22.786100000000001</v>
      </c>
    </row>
    <row r="7595" spans="1:6" x14ac:dyDescent="0.25">
      <c r="A7595">
        <v>149.52000000000001</v>
      </c>
      <c r="B7595">
        <v>207.67</v>
      </c>
      <c r="C7595">
        <v>11072.7</v>
      </c>
      <c r="D7595">
        <v>1.6</v>
      </c>
      <c r="E7595">
        <v>13566.8</v>
      </c>
      <c r="F7595">
        <v>22.901700000000002</v>
      </c>
    </row>
    <row r="7596" spans="1:6" x14ac:dyDescent="0.25">
      <c r="A7596">
        <v>149.52000000000001</v>
      </c>
      <c r="B7596">
        <v>207.67</v>
      </c>
      <c r="C7596">
        <v>11072.7</v>
      </c>
      <c r="D7596">
        <v>1.9</v>
      </c>
      <c r="E7596">
        <v>13064</v>
      </c>
      <c r="F7596">
        <v>22.9786</v>
      </c>
    </row>
    <row r="7597" spans="1:6" x14ac:dyDescent="0.25">
      <c r="A7597">
        <v>149.52000000000001</v>
      </c>
      <c r="B7597">
        <v>207.67</v>
      </c>
      <c r="C7597">
        <v>11072.7</v>
      </c>
      <c r="D7597">
        <v>2.2000000000000002</v>
      </c>
      <c r="E7597">
        <v>12893.9</v>
      </c>
      <c r="F7597">
        <v>23.001799999999999</v>
      </c>
    </row>
    <row r="7598" spans="1:6" x14ac:dyDescent="0.25">
      <c r="A7598">
        <v>149.52000000000001</v>
      </c>
      <c r="B7598">
        <v>207.67</v>
      </c>
      <c r="C7598">
        <v>11072.7</v>
      </c>
      <c r="D7598">
        <v>2.5</v>
      </c>
      <c r="E7598">
        <v>12636.9</v>
      </c>
      <c r="F7598">
        <v>22.958500000000001</v>
      </c>
    </row>
    <row r="7599" spans="1:6" x14ac:dyDescent="0.25">
      <c r="A7599">
        <v>149.52000000000001</v>
      </c>
      <c r="B7599">
        <v>207.67</v>
      </c>
      <c r="C7599">
        <v>11072.7</v>
      </c>
      <c r="D7599">
        <v>2.8</v>
      </c>
      <c r="E7599">
        <v>12541.1</v>
      </c>
      <c r="F7599">
        <v>23.4129</v>
      </c>
    </row>
    <row r="7600" spans="1:6" x14ac:dyDescent="0.25">
      <c r="A7600">
        <v>149.52000000000001</v>
      </c>
      <c r="B7600">
        <v>207.67</v>
      </c>
      <c r="C7600">
        <v>11072.7</v>
      </c>
      <c r="D7600">
        <v>3.1</v>
      </c>
      <c r="E7600">
        <v>12546.9</v>
      </c>
      <c r="F7600">
        <v>23.518699999999999</v>
      </c>
    </row>
    <row r="7601" spans="1:6" x14ac:dyDescent="0.25">
      <c r="A7601">
        <v>149.52000000000001</v>
      </c>
      <c r="B7601">
        <v>207.67</v>
      </c>
      <c r="C7601">
        <v>11072.7</v>
      </c>
      <c r="D7601">
        <v>3.4</v>
      </c>
      <c r="E7601">
        <v>12355.4</v>
      </c>
      <c r="F7601">
        <v>23.622299999999999</v>
      </c>
    </row>
    <row r="7602" spans="1:6" x14ac:dyDescent="0.25">
      <c r="A7602">
        <v>149.52000000000001</v>
      </c>
      <c r="B7602">
        <v>207.67</v>
      </c>
      <c r="C7602">
        <v>11072.7</v>
      </c>
      <c r="D7602">
        <v>3.7</v>
      </c>
      <c r="E7602">
        <v>12246.1</v>
      </c>
      <c r="F7602">
        <v>23.678000000000001</v>
      </c>
    </row>
    <row r="7603" spans="1:6" x14ac:dyDescent="0.25">
      <c r="A7603">
        <v>149.52000000000001</v>
      </c>
      <c r="B7603">
        <v>207.67</v>
      </c>
      <c r="C7603">
        <v>11072.7</v>
      </c>
      <c r="D7603">
        <v>4</v>
      </c>
      <c r="E7603">
        <v>12181.9</v>
      </c>
      <c r="F7603">
        <v>23.7349</v>
      </c>
    </row>
    <row r="7604" spans="1:6" x14ac:dyDescent="0.25">
      <c r="A7604">
        <v>149.52000000000001</v>
      </c>
      <c r="B7604">
        <v>207.67</v>
      </c>
      <c r="C7604">
        <v>12618.2</v>
      </c>
      <c r="D7604">
        <v>1</v>
      </c>
      <c r="E7604">
        <v>16376.1</v>
      </c>
      <c r="F7604">
        <v>21.540199999999999</v>
      </c>
    </row>
    <row r="7605" spans="1:6" x14ac:dyDescent="0.25">
      <c r="A7605">
        <v>149.52000000000001</v>
      </c>
      <c r="B7605">
        <v>207.67</v>
      </c>
      <c r="C7605">
        <v>12618.2</v>
      </c>
      <c r="D7605">
        <v>1.3</v>
      </c>
      <c r="E7605">
        <v>15609.8</v>
      </c>
      <c r="F7605">
        <v>22.786100000000001</v>
      </c>
    </row>
    <row r="7606" spans="1:6" x14ac:dyDescent="0.25">
      <c r="A7606">
        <v>149.52000000000001</v>
      </c>
      <c r="B7606">
        <v>207.67</v>
      </c>
      <c r="C7606">
        <v>12618.2</v>
      </c>
      <c r="D7606">
        <v>1.6</v>
      </c>
      <c r="E7606">
        <v>14954.6</v>
      </c>
      <c r="F7606">
        <v>22.901700000000002</v>
      </c>
    </row>
    <row r="7607" spans="1:6" x14ac:dyDescent="0.25">
      <c r="A7607">
        <v>149.52000000000001</v>
      </c>
      <c r="B7607">
        <v>207.67</v>
      </c>
      <c r="C7607">
        <v>12618.2</v>
      </c>
      <c r="D7607">
        <v>1.9</v>
      </c>
      <c r="E7607">
        <v>14645</v>
      </c>
      <c r="F7607">
        <v>22.9786</v>
      </c>
    </row>
    <row r="7608" spans="1:6" x14ac:dyDescent="0.25">
      <c r="A7608">
        <v>149.52000000000001</v>
      </c>
      <c r="B7608">
        <v>207.67</v>
      </c>
      <c r="C7608">
        <v>12618.2</v>
      </c>
      <c r="D7608">
        <v>2.2000000000000002</v>
      </c>
      <c r="E7608">
        <v>14453</v>
      </c>
      <c r="F7608">
        <v>23.001799999999999</v>
      </c>
    </row>
    <row r="7609" spans="1:6" x14ac:dyDescent="0.25">
      <c r="A7609">
        <v>149.52000000000001</v>
      </c>
      <c r="B7609">
        <v>207.67</v>
      </c>
      <c r="C7609">
        <v>12618.2</v>
      </c>
      <c r="D7609">
        <v>2.5</v>
      </c>
      <c r="E7609">
        <v>14202.8</v>
      </c>
      <c r="F7609">
        <v>22.958500000000001</v>
      </c>
    </row>
    <row r="7610" spans="1:6" x14ac:dyDescent="0.25">
      <c r="A7610">
        <v>149.52000000000001</v>
      </c>
      <c r="B7610">
        <v>207.67</v>
      </c>
      <c r="C7610">
        <v>12618.2</v>
      </c>
      <c r="D7610">
        <v>2.8</v>
      </c>
      <c r="E7610">
        <v>14118.1</v>
      </c>
      <c r="F7610">
        <v>23.4129</v>
      </c>
    </row>
    <row r="7611" spans="1:6" x14ac:dyDescent="0.25">
      <c r="A7611">
        <v>149.52000000000001</v>
      </c>
      <c r="B7611">
        <v>207.67</v>
      </c>
      <c r="C7611">
        <v>12618.2</v>
      </c>
      <c r="D7611">
        <v>3.1</v>
      </c>
      <c r="E7611">
        <v>14012</v>
      </c>
      <c r="F7611">
        <v>23.518699999999999</v>
      </c>
    </row>
    <row r="7612" spans="1:6" x14ac:dyDescent="0.25">
      <c r="A7612">
        <v>149.52000000000001</v>
      </c>
      <c r="B7612">
        <v>207.67</v>
      </c>
      <c r="C7612">
        <v>12618.2</v>
      </c>
      <c r="D7612">
        <v>3.4</v>
      </c>
      <c r="E7612">
        <v>13881.9</v>
      </c>
      <c r="F7612">
        <v>23.622299999999999</v>
      </c>
    </row>
    <row r="7613" spans="1:6" x14ac:dyDescent="0.25">
      <c r="A7613">
        <v>149.52000000000001</v>
      </c>
      <c r="B7613">
        <v>207.67</v>
      </c>
      <c r="C7613">
        <v>12618.2</v>
      </c>
      <c r="D7613">
        <v>3.7</v>
      </c>
      <c r="E7613">
        <v>13804.8</v>
      </c>
      <c r="F7613">
        <v>23.678000000000001</v>
      </c>
    </row>
    <row r="7614" spans="1:6" x14ac:dyDescent="0.25">
      <c r="A7614">
        <v>149.52000000000001</v>
      </c>
      <c r="B7614">
        <v>207.67</v>
      </c>
      <c r="C7614">
        <v>12618.2</v>
      </c>
      <c r="D7614">
        <v>4</v>
      </c>
      <c r="E7614">
        <v>13763</v>
      </c>
      <c r="F7614">
        <v>23.7349</v>
      </c>
    </row>
    <row r="7615" spans="1:6" x14ac:dyDescent="0.25">
      <c r="A7615">
        <v>149.52000000000001</v>
      </c>
      <c r="B7615">
        <v>207.67</v>
      </c>
      <c r="C7615">
        <v>14163.6</v>
      </c>
      <c r="D7615">
        <v>1</v>
      </c>
      <c r="E7615">
        <v>17897.5</v>
      </c>
      <c r="F7615">
        <v>21.540199999999999</v>
      </c>
    </row>
    <row r="7616" spans="1:6" x14ac:dyDescent="0.25">
      <c r="A7616">
        <v>149.52000000000001</v>
      </c>
      <c r="B7616">
        <v>207.67</v>
      </c>
      <c r="C7616">
        <v>14163.6</v>
      </c>
      <c r="D7616">
        <v>1.3</v>
      </c>
      <c r="E7616">
        <v>17137.2</v>
      </c>
      <c r="F7616">
        <v>22.786100000000001</v>
      </c>
    </row>
    <row r="7617" spans="1:6" x14ac:dyDescent="0.25">
      <c r="A7617">
        <v>149.52000000000001</v>
      </c>
      <c r="B7617">
        <v>207.67</v>
      </c>
      <c r="C7617">
        <v>14163.6</v>
      </c>
      <c r="D7617">
        <v>1.6</v>
      </c>
      <c r="E7617">
        <v>16502.900000000001</v>
      </c>
      <c r="F7617">
        <v>22.901700000000002</v>
      </c>
    </row>
    <row r="7618" spans="1:6" x14ac:dyDescent="0.25">
      <c r="A7618">
        <v>149.52000000000001</v>
      </c>
      <c r="B7618">
        <v>207.67</v>
      </c>
      <c r="C7618">
        <v>14163.6</v>
      </c>
      <c r="D7618">
        <v>1.9</v>
      </c>
      <c r="E7618">
        <v>16150.5</v>
      </c>
      <c r="F7618">
        <v>22.9786</v>
      </c>
    </row>
    <row r="7619" spans="1:6" x14ac:dyDescent="0.25">
      <c r="A7619">
        <v>149.52000000000001</v>
      </c>
      <c r="B7619">
        <v>207.67</v>
      </c>
      <c r="C7619">
        <v>14163.6</v>
      </c>
      <c r="D7619">
        <v>2.2000000000000002</v>
      </c>
      <c r="E7619">
        <v>15969.4</v>
      </c>
      <c r="F7619">
        <v>23.001799999999999</v>
      </c>
    </row>
    <row r="7620" spans="1:6" x14ac:dyDescent="0.25">
      <c r="A7620">
        <v>149.52000000000001</v>
      </c>
      <c r="B7620">
        <v>207.67</v>
      </c>
      <c r="C7620">
        <v>14163.6</v>
      </c>
      <c r="D7620">
        <v>2.5</v>
      </c>
      <c r="E7620">
        <v>15721</v>
      </c>
      <c r="F7620">
        <v>22.958500000000001</v>
      </c>
    </row>
    <row r="7621" spans="1:6" x14ac:dyDescent="0.25">
      <c r="A7621">
        <v>149.52000000000001</v>
      </c>
      <c r="B7621">
        <v>207.67</v>
      </c>
      <c r="C7621">
        <v>14163.6</v>
      </c>
      <c r="D7621">
        <v>2.8</v>
      </c>
      <c r="E7621">
        <v>15750.8</v>
      </c>
      <c r="F7621">
        <v>23.4129</v>
      </c>
    </row>
    <row r="7622" spans="1:6" x14ac:dyDescent="0.25">
      <c r="A7622">
        <v>149.52000000000001</v>
      </c>
      <c r="B7622">
        <v>207.67</v>
      </c>
      <c r="C7622">
        <v>14163.6</v>
      </c>
      <c r="D7622">
        <v>3.1</v>
      </c>
      <c r="E7622">
        <v>15582.4</v>
      </c>
      <c r="F7622">
        <v>23.518699999999999</v>
      </c>
    </row>
    <row r="7623" spans="1:6" x14ac:dyDescent="0.25">
      <c r="A7623">
        <v>149.52000000000001</v>
      </c>
      <c r="B7623">
        <v>207.67</v>
      </c>
      <c r="C7623">
        <v>14163.6</v>
      </c>
      <c r="D7623">
        <v>3.4</v>
      </c>
      <c r="E7623">
        <v>15439.2</v>
      </c>
      <c r="F7623">
        <v>23.622299999999999</v>
      </c>
    </row>
    <row r="7624" spans="1:6" x14ac:dyDescent="0.25">
      <c r="A7624">
        <v>149.52000000000001</v>
      </c>
      <c r="B7624">
        <v>207.67</v>
      </c>
      <c r="C7624">
        <v>14163.6</v>
      </c>
      <c r="D7624">
        <v>3.7</v>
      </c>
      <c r="E7624">
        <v>15351.9</v>
      </c>
      <c r="F7624">
        <v>23.678000000000001</v>
      </c>
    </row>
    <row r="7625" spans="1:6" x14ac:dyDescent="0.25">
      <c r="A7625">
        <v>149.52000000000001</v>
      </c>
      <c r="B7625">
        <v>207.67</v>
      </c>
      <c r="C7625">
        <v>14163.6</v>
      </c>
      <c r="D7625">
        <v>4</v>
      </c>
      <c r="E7625">
        <v>15316.9</v>
      </c>
      <c r="F7625">
        <v>23.7349</v>
      </c>
    </row>
    <row r="7626" spans="1:6" x14ac:dyDescent="0.25">
      <c r="A7626">
        <v>149.52000000000001</v>
      </c>
      <c r="B7626">
        <v>207.67</v>
      </c>
      <c r="C7626">
        <v>15709.1</v>
      </c>
      <c r="D7626">
        <v>1</v>
      </c>
      <c r="E7626">
        <v>19266.5</v>
      </c>
      <c r="F7626">
        <v>21.540199999999999</v>
      </c>
    </row>
    <row r="7627" spans="1:6" x14ac:dyDescent="0.25">
      <c r="A7627">
        <v>149.52000000000001</v>
      </c>
      <c r="B7627">
        <v>207.67</v>
      </c>
      <c r="C7627">
        <v>15709.1</v>
      </c>
      <c r="D7627">
        <v>1.3</v>
      </c>
      <c r="E7627">
        <v>18668.900000000001</v>
      </c>
      <c r="F7627">
        <v>22.786100000000001</v>
      </c>
    </row>
    <row r="7628" spans="1:6" x14ac:dyDescent="0.25">
      <c r="A7628">
        <v>149.52000000000001</v>
      </c>
      <c r="B7628">
        <v>207.67</v>
      </c>
      <c r="C7628">
        <v>15709.1</v>
      </c>
      <c r="D7628">
        <v>1.6</v>
      </c>
      <c r="E7628">
        <v>18158.8</v>
      </c>
      <c r="F7628">
        <v>22.901700000000002</v>
      </c>
    </row>
    <row r="7629" spans="1:6" x14ac:dyDescent="0.25">
      <c r="A7629">
        <v>149.52000000000001</v>
      </c>
      <c r="B7629">
        <v>207.67</v>
      </c>
      <c r="C7629">
        <v>15709.1</v>
      </c>
      <c r="D7629">
        <v>1.9</v>
      </c>
      <c r="E7629">
        <v>17689</v>
      </c>
      <c r="F7629">
        <v>22.9786</v>
      </c>
    </row>
    <row r="7630" spans="1:6" x14ac:dyDescent="0.25">
      <c r="A7630">
        <v>149.52000000000001</v>
      </c>
      <c r="B7630">
        <v>207.67</v>
      </c>
      <c r="C7630">
        <v>15709.1</v>
      </c>
      <c r="D7630">
        <v>2.2000000000000002</v>
      </c>
      <c r="E7630">
        <v>17580.599999999999</v>
      </c>
      <c r="F7630">
        <v>23.001799999999999</v>
      </c>
    </row>
    <row r="7631" spans="1:6" x14ac:dyDescent="0.25">
      <c r="A7631">
        <v>149.52000000000001</v>
      </c>
      <c r="B7631">
        <v>207.67</v>
      </c>
      <c r="C7631">
        <v>15709.1</v>
      </c>
      <c r="D7631">
        <v>2.5</v>
      </c>
      <c r="E7631">
        <v>17293.400000000001</v>
      </c>
      <c r="F7631">
        <v>22.958500000000001</v>
      </c>
    </row>
    <row r="7632" spans="1:6" x14ac:dyDescent="0.25">
      <c r="A7632">
        <v>149.52000000000001</v>
      </c>
      <c r="B7632">
        <v>207.67</v>
      </c>
      <c r="C7632">
        <v>15709.1</v>
      </c>
      <c r="D7632">
        <v>2.8</v>
      </c>
      <c r="E7632">
        <v>17273.599999999999</v>
      </c>
      <c r="F7632">
        <v>23.4129</v>
      </c>
    </row>
    <row r="7633" spans="1:6" x14ac:dyDescent="0.25">
      <c r="A7633">
        <v>149.52000000000001</v>
      </c>
      <c r="B7633">
        <v>207.67</v>
      </c>
      <c r="C7633">
        <v>15709.1</v>
      </c>
      <c r="D7633">
        <v>3.1</v>
      </c>
      <c r="E7633">
        <v>17138.7</v>
      </c>
      <c r="F7633">
        <v>23.518699999999999</v>
      </c>
    </row>
    <row r="7634" spans="1:6" x14ac:dyDescent="0.25">
      <c r="A7634">
        <v>149.52000000000001</v>
      </c>
      <c r="B7634">
        <v>207.67</v>
      </c>
      <c r="C7634">
        <v>15709.1</v>
      </c>
      <c r="D7634">
        <v>3.4</v>
      </c>
      <c r="E7634">
        <v>17004.7</v>
      </c>
      <c r="F7634">
        <v>23.622299999999999</v>
      </c>
    </row>
    <row r="7635" spans="1:6" x14ac:dyDescent="0.25">
      <c r="A7635">
        <v>149.52000000000001</v>
      </c>
      <c r="B7635">
        <v>207.67</v>
      </c>
      <c r="C7635">
        <v>15709.1</v>
      </c>
      <c r="D7635">
        <v>3.7</v>
      </c>
      <c r="E7635">
        <v>16875.8</v>
      </c>
      <c r="F7635">
        <v>23.678000000000001</v>
      </c>
    </row>
    <row r="7636" spans="1:6" x14ac:dyDescent="0.25">
      <c r="A7636">
        <v>149.52000000000001</v>
      </c>
      <c r="B7636">
        <v>207.67</v>
      </c>
      <c r="C7636">
        <v>15709.1</v>
      </c>
      <c r="D7636">
        <v>4</v>
      </c>
      <c r="E7636">
        <v>16850.099999999999</v>
      </c>
      <c r="F7636">
        <v>23.7349</v>
      </c>
    </row>
    <row r="7637" spans="1:6" x14ac:dyDescent="0.25">
      <c r="A7637">
        <v>149.52000000000001</v>
      </c>
      <c r="B7637">
        <v>207.67</v>
      </c>
      <c r="C7637">
        <v>17254.5</v>
      </c>
      <c r="D7637">
        <v>1</v>
      </c>
      <c r="E7637">
        <v>20968.400000000001</v>
      </c>
      <c r="F7637">
        <v>21.540199999999999</v>
      </c>
    </row>
    <row r="7638" spans="1:6" x14ac:dyDescent="0.25">
      <c r="A7638">
        <v>149.52000000000001</v>
      </c>
      <c r="B7638">
        <v>207.67</v>
      </c>
      <c r="C7638">
        <v>17254.5</v>
      </c>
      <c r="D7638">
        <v>1.3</v>
      </c>
      <c r="E7638">
        <v>20052.3</v>
      </c>
      <c r="F7638">
        <v>22.786100000000001</v>
      </c>
    </row>
    <row r="7639" spans="1:6" x14ac:dyDescent="0.25">
      <c r="A7639">
        <v>149.52000000000001</v>
      </c>
      <c r="B7639">
        <v>207.67</v>
      </c>
      <c r="C7639">
        <v>17254.5</v>
      </c>
      <c r="D7639">
        <v>1.6</v>
      </c>
      <c r="E7639">
        <v>19672</v>
      </c>
      <c r="F7639">
        <v>22.901700000000002</v>
      </c>
    </row>
    <row r="7640" spans="1:6" x14ac:dyDescent="0.25">
      <c r="A7640">
        <v>149.52000000000001</v>
      </c>
      <c r="B7640">
        <v>207.67</v>
      </c>
      <c r="C7640">
        <v>17254.5</v>
      </c>
      <c r="D7640">
        <v>1.9</v>
      </c>
      <c r="E7640">
        <v>19383.900000000001</v>
      </c>
      <c r="F7640">
        <v>22.9786</v>
      </c>
    </row>
    <row r="7641" spans="1:6" x14ac:dyDescent="0.25">
      <c r="A7641">
        <v>149.52000000000001</v>
      </c>
      <c r="B7641">
        <v>207.67</v>
      </c>
      <c r="C7641">
        <v>17254.5</v>
      </c>
      <c r="D7641">
        <v>2.2000000000000002</v>
      </c>
      <c r="E7641">
        <v>19037.5</v>
      </c>
      <c r="F7641">
        <v>23.001799999999999</v>
      </c>
    </row>
    <row r="7642" spans="1:6" x14ac:dyDescent="0.25">
      <c r="A7642">
        <v>149.52000000000001</v>
      </c>
      <c r="B7642">
        <v>207.67</v>
      </c>
      <c r="C7642">
        <v>17254.5</v>
      </c>
      <c r="D7642">
        <v>2.5</v>
      </c>
      <c r="E7642">
        <v>18876.400000000001</v>
      </c>
      <c r="F7642">
        <v>22.958500000000001</v>
      </c>
    </row>
    <row r="7643" spans="1:6" x14ac:dyDescent="0.25">
      <c r="A7643">
        <v>149.52000000000001</v>
      </c>
      <c r="B7643">
        <v>207.67</v>
      </c>
      <c r="C7643">
        <v>17254.5</v>
      </c>
      <c r="D7643">
        <v>2.8</v>
      </c>
      <c r="E7643">
        <v>18813.5</v>
      </c>
      <c r="F7643">
        <v>23.4129</v>
      </c>
    </row>
    <row r="7644" spans="1:6" x14ac:dyDescent="0.25">
      <c r="A7644">
        <v>149.52000000000001</v>
      </c>
      <c r="B7644">
        <v>207.67</v>
      </c>
      <c r="C7644">
        <v>17254.5</v>
      </c>
      <c r="D7644">
        <v>3.1</v>
      </c>
      <c r="E7644">
        <v>18597.2</v>
      </c>
      <c r="F7644">
        <v>23.518699999999999</v>
      </c>
    </row>
    <row r="7645" spans="1:6" x14ac:dyDescent="0.25">
      <c r="A7645">
        <v>149.52000000000001</v>
      </c>
      <c r="B7645">
        <v>207.67</v>
      </c>
      <c r="C7645">
        <v>17254.5</v>
      </c>
      <c r="D7645">
        <v>3.4</v>
      </c>
      <c r="E7645">
        <v>18604.599999999999</v>
      </c>
      <c r="F7645">
        <v>23.622299999999999</v>
      </c>
    </row>
    <row r="7646" spans="1:6" x14ac:dyDescent="0.25">
      <c r="A7646">
        <v>149.52000000000001</v>
      </c>
      <c r="B7646">
        <v>207.67</v>
      </c>
      <c r="C7646">
        <v>17254.5</v>
      </c>
      <c r="D7646">
        <v>3.7</v>
      </c>
      <c r="E7646">
        <v>18414.7</v>
      </c>
      <c r="F7646">
        <v>23.678000000000001</v>
      </c>
    </row>
    <row r="7647" spans="1:6" x14ac:dyDescent="0.25">
      <c r="A7647">
        <v>149.52000000000001</v>
      </c>
      <c r="B7647">
        <v>207.67</v>
      </c>
      <c r="C7647">
        <v>17254.5</v>
      </c>
      <c r="D7647">
        <v>4</v>
      </c>
      <c r="E7647">
        <v>18394</v>
      </c>
      <c r="F7647">
        <v>23.7349</v>
      </c>
    </row>
    <row r="7648" spans="1:6" x14ac:dyDescent="0.25">
      <c r="A7648">
        <v>149.52000000000001</v>
      </c>
      <c r="B7648">
        <v>207.67</v>
      </c>
      <c r="C7648">
        <v>18800</v>
      </c>
      <c r="D7648">
        <v>1</v>
      </c>
      <c r="E7648">
        <v>22588.6</v>
      </c>
      <c r="F7648">
        <v>21.540199999999999</v>
      </c>
    </row>
    <row r="7649" spans="1:6" x14ac:dyDescent="0.25">
      <c r="A7649">
        <v>149.52000000000001</v>
      </c>
      <c r="B7649">
        <v>207.67</v>
      </c>
      <c r="C7649">
        <v>18800</v>
      </c>
      <c r="D7649">
        <v>1.3</v>
      </c>
      <c r="E7649">
        <v>21681.3</v>
      </c>
      <c r="F7649">
        <v>22.786100000000001</v>
      </c>
    </row>
    <row r="7650" spans="1:6" x14ac:dyDescent="0.25">
      <c r="A7650">
        <v>149.52000000000001</v>
      </c>
      <c r="B7650">
        <v>207.67</v>
      </c>
      <c r="C7650">
        <v>18800</v>
      </c>
      <c r="D7650">
        <v>1.6</v>
      </c>
      <c r="E7650">
        <v>21074</v>
      </c>
      <c r="F7650">
        <v>22.901700000000002</v>
      </c>
    </row>
    <row r="7651" spans="1:6" x14ac:dyDescent="0.25">
      <c r="A7651">
        <v>149.52000000000001</v>
      </c>
      <c r="B7651">
        <v>207.67</v>
      </c>
      <c r="C7651">
        <v>18800</v>
      </c>
      <c r="D7651">
        <v>1.9</v>
      </c>
      <c r="E7651">
        <v>20911.900000000001</v>
      </c>
      <c r="F7651">
        <v>22.9786</v>
      </c>
    </row>
    <row r="7652" spans="1:6" x14ac:dyDescent="0.25">
      <c r="A7652">
        <v>149.52000000000001</v>
      </c>
      <c r="B7652">
        <v>207.67</v>
      </c>
      <c r="C7652">
        <v>18800</v>
      </c>
      <c r="D7652">
        <v>2.2000000000000002</v>
      </c>
      <c r="E7652">
        <v>20553.7</v>
      </c>
      <c r="F7652">
        <v>23.001799999999999</v>
      </c>
    </row>
    <row r="7653" spans="1:6" x14ac:dyDescent="0.25">
      <c r="A7653">
        <v>149.52000000000001</v>
      </c>
      <c r="B7653">
        <v>207.67</v>
      </c>
      <c r="C7653">
        <v>18800</v>
      </c>
      <c r="D7653">
        <v>2.5</v>
      </c>
      <c r="E7653">
        <v>20467.3</v>
      </c>
      <c r="F7653">
        <v>22.958500000000001</v>
      </c>
    </row>
    <row r="7654" spans="1:6" x14ac:dyDescent="0.25">
      <c r="A7654">
        <v>149.52000000000001</v>
      </c>
      <c r="B7654">
        <v>207.67</v>
      </c>
      <c r="C7654">
        <v>18800</v>
      </c>
      <c r="D7654">
        <v>2.8</v>
      </c>
      <c r="E7654">
        <v>20303.400000000001</v>
      </c>
      <c r="F7654">
        <v>23.4129</v>
      </c>
    </row>
    <row r="7655" spans="1:6" x14ac:dyDescent="0.25">
      <c r="A7655">
        <v>149.52000000000001</v>
      </c>
      <c r="B7655">
        <v>207.67</v>
      </c>
      <c r="C7655">
        <v>18800</v>
      </c>
      <c r="D7655">
        <v>3.1</v>
      </c>
      <c r="E7655">
        <v>20264.2</v>
      </c>
      <c r="F7655">
        <v>23.518699999999999</v>
      </c>
    </row>
    <row r="7656" spans="1:6" x14ac:dyDescent="0.25">
      <c r="A7656">
        <v>149.52000000000001</v>
      </c>
      <c r="B7656">
        <v>207.67</v>
      </c>
      <c r="C7656">
        <v>18800</v>
      </c>
      <c r="D7656">
        <v>3.4</v>
      </c>
      <c r="E7656">
        <v>20077.2</v>
      </c>
      <c r="F7656">
        <v>23.622299999999999</v>
      </c>
    </row>
    <row r="7657" spans="1:6" x14ac:dyDescent="0.25">
      <c r="A7657">
        <v>149.52000000000001</v>
      </c>
      <c r="B7657">
        <v>207.67</v>
      </c>
      <c r="C7657">
        <v>18800</v>
      </c>
      <c r="D7657">
        <v>3.7</v>
      </c>
      <c r="E7657">
        <v>20003.7</v>
      </c>
      <c r="F7657">
        <v>23.678000000000001</v>
      </c>
    </row>
    <row r="7658" spans="1:6" x14ac:dyDescent="0.25">
      <c r="A7658">
        <v>149.52000000000001</v>
      </c>
      <c r="B7658">
        <v>207.67</v>
      </c>
      <c r="C7658">
        <v>18800</v>
      </c>
      <c r="D7658">
        <v>4</v>
      </c>
      <c r="E7658">
        <v>19981.900000000001</v>
      </c>
      <c r="F7658">
        <v>23.7349</v>
      </c>
    </row>
    <row r="7659" spans="1:6" x14ac:dyDescent="0.25">
      <c r="A7659">
        <v>149.52000000000001</v>
      </c>
      <c r="B7659">
        <v>211.3</v>
      </c>
      <c r="C7659">
        <v>1800</v>
      </c>
      <c r="D7659">
        <v>1</v>
      </c>
      <c r="E7659">
        <v>5503.5</v>
      </c>
      <c r="F7659">
        <v>44.874200000000002</v>
      </c>
    </row>
    <row r="7660" spans="1:6" x14ac:dyDescent="0.25">
      <c r="A7660">
        <v>149.52000000000001</v>
      </c>
      <c r="B7660">
        <v>211.3</v>
      </c>
      <c r="C7660">
        <v>1800</v>
      </c>
      <c r="D7660">
        <v>1.3</v>
      </c>
      <c r="E7660">
        <v>4891.3100000000004</v>
      </c>
      <c r="F7660">
        <v>55.431100000000001</v>
      </c>
    </row>
    <row r="7661" spans="1:6" x14ac:dyDescent="0.25">
      <c r="A7661">
        <v>149.52000000000001</v>
      </c>
      <c r="B7661">
        <v>211.3</v>
      </c>
      <c r="C7661">
        <v>1800</v>
      </c>
      <c r="D7661">
        <v>1.6</v>
      </c>
      <c r="E7661">
        <v>4563.2</v>
      </c>
      <c r="F7661">
        <v>62.431699999999999</v>
      </c>
    </row>
    <row r="7662" spans="1:6" x14ac:dyDescent="0.25">
      <c r="A7662">
        <v>149.52000000000001</v>
      </c>
      <c r="B7662">
        <v>211.3</v>
      </c>
      <c r="C7662">
        <v>1800</v>
      </c>
      <c r="D7662">
        <v>1.9</v>
      </c>
      <c r="E7662">
        <v>4220.66</v>
      </c>
      <c r="F7662">
        <v>69.602599999999995</v>
      </c>
    </row>
    <row r="7663" spans="1:6" x14ac:dyDescent="0.25">
      <c r="A7663">
        <v>149.52000000000001</v>
      </c>
      <c r="B7663">
        <v>211.3</v>
      </c>
      <c r="C7663">
        <v>1800</v>
      </c>
      <c r="D7663">
        <v>2.2000000000000002</v>
      </c>
      <c r="E7663">
        <v>4003.73</v>
      </c>
      <c r="F7663">
        <v>75.814800000000005</v>
      </c>
    </row>
    <row r="7664" spans="1:6" x14ac:dyDescent="0.25">
      <c r="A7664">
        <v>149.52000000000001</v>
      </c>
      <c r="B7664">
        <v>211.3</v>
      </c>
      <c r="C7664">
        <v>1800</v>
      </c>
      <c r="D7664">
        <v>2.5</v>
      </c>
      <c r="E7664">
        <v>3817.01</v>
      </c>
      <c r="F7664">
        <v>80.787300000000002</v>
      </c>
    </row>
    <row r="7665" spans="1:6" x14ac:dyDescent="0.25">
      <c r="A7665">
        <v>149.52000000000001</v>
      </c>
      <c r="B7665">
        <v>211.3</v>
      </c>
      <c r="C7665">
        <v>1800</v>
      </c>
      <c r="D7665">
        <v>2.8</v>
      </c>
      <c r="E7665">
        <v>3675</v>
      </c>
      <c r="F7665">
        <v>83.410700000000006</v>
      </c>
    </row>
    <row r="7666" spans="1:6" x14ac:dyDescent="0.25">
      <c r="A7666">
        <v>149.52000000000001</v>
      </c>
      <c r="B7666">
        <v>211.3</v>
      </c>
      <c r="C7666">
        <v>1800</v>
      </c>
      <c r="D7666">
        <v>3.1</v>
      </c>
      <c r="E7666">
        <v>3542.59</v>
      </c>
      <c r="F7666">
        <v>83.330399999999997</v>
      </c>
    </row>
    <row r="7667" spans="1:6" x14ac:dyDescent="0.25">
      <c r="A7667">
        <v>149.52000000000001</v>
      </c>
      <c r="B7667">
        <v>211.3</v>
      </c>
      <c r="C7667">
        <v>1800</v>
      </c>
      <c r="D7667">
        <v>3.4</v>
      </c>
      <c r="E7667">
        <v>3437.66</v>
      </c>
      <c r="F7667">
        <v>87.957899999999995</v>
      </c>
    </row>
    <row r="7668" spans="1:6" x14ac:dyDescent="0.25">
      <c r="A7668">
        <v>149.52000000000001</v>
      </c>
      <c r="B7668">
        <v>211.3</v>
      </c>
      <c r="C7668">
        <v>1800</v>
      </c>
      <c r="D7668">
        <v>3.7</v>
      </c>
      <c r="E7668">
        <v>3352.3</v>
      </c>
      <c r="F7668">
        <v>89.628500000000003</v>
      </c>
    </row>
    <row r="7669" spans="1:6" x14ac:dyDescent="0.25">
      <c r="A7669">
        <v>149.52000000000001</v>
      </c>
      <c r="B7669">
        <v>211.3</v>
      </c>
      <c r="C7669">
        <v>1800</v>
      </c>
      <c r="D7669">
        <v>4</v>
      </c>
      <c r="E7669">
        <v>3261.59</v>
      </c>
      <c r="F7669">
        <v>88.864199999999997</v>
      </c>
    </row>
    <row r="7670" spans="1:6" x14ac:dyDescent="0.25">
      <c r="A7670">
        <v>149.52000000000001</v>
      </c>
      <c r="B7670">
        <v>211.3</v>
      </c>
      <c r="C7670">
        <v>3345.45</v>
      </c>
      <c r="D7670">
        <v>1</v>
      </c>
      <c r="E7670">
        <v>6783.38</v>
      </c>
      <c r="F7670">
        <v>17.0105</v>
      </c>
    </row>
    <row r="7671" spans="1:6" x14ac:dyDescent="0.25">
      <c r="A7671">
        <v>149.52000000000001</v>
      </c>
      <c r="B7671">
        <v>211.3</v>
      </c>
      <c r="C7671">
        <v>3345.45</v>
      </c>
      <c r="D7671">
        <v>1.3</v>
      </c>
      <c r="E7671">
        <v>6366.27</v>
      </c>
      <c r="F7671">
        <v>17.636600000000001</v>
      </c>
    </row>
    <row r="7672" spans="1:6" x14ac:dyDescent="0.25">
      <c r="A7672">
        <v>149.52000000000001</v>
      </c>
      <c r="B7672">
        <v>211.3</v>
      </c>
      <c r="C7672">
        <v>3345.45</v>
      </c>
      <c r="D7672">
        <v>1.6</v>
      </c>
      <c r="E7672">
        <v>5802.51</v>
      </c>
      <c r="F7672">
        <v>19.064499999999999</v>
      </c>
    </row>
    <row r="7673" spans="1:6" x14ac:dyDescent="0.25">
      <c r="A7673">
        <v>149.52000000000001</v>
      </c>
      <c r="B7673">
        <v>211.3</v>
      </c>
      <c r="C7673">
        <v>3345.45</v>
      </c>
      <c r="D7673">
        <v>1.9</v>
      </c>
      <c r="E7673">
        <v>5751.72</v>
      </c>
      <c r="F7673">
        <v>20.650600000000001</v>
      </c>
    </row>
    <row r="7674" spans="1:6" x14ac:dyDescent="0.25">
      <c r="A7674">
        <v>149.52000000000001</v>
      </c>
      <c r="B7674">
        <v>211.3</v>
      </c>
      <c r="C7674">
        <v>3345.45</v>
      </c>
      <c r="D7674">
        <v>2.2000000000000002</v>
      </c>
      <c r="E7674">
        <v>5437.08</v>
      </c>
      <c r="F7674">
        <v>23.1798</v>
      </c>
    </row>
    <row r="7675" spans="1:6" x14ac:dyDescent="0.25">
      <c r="A7675">
        <v>149.52000000000001</v>
      </c>
      <c r="B7675">
        <v>211.3</v>
      </c>
      <c r="C7675">
        <v>3345.45</v>
      </c>
      <c r="D7675">
        <v>2.5</v>
      </c>
      <c r="E7675">
        <v>5173.09</v>
      </c>
      <c r="F7675">
        <v>23.053799999999999</v>
      </c>
    </row>
    <row r="7676" spans="1:6" x14ac:dyDescent="0.25">
      <c r="A7676">
        <v>149.52000000000001</v>
      </c>
      <c r="B7676">
        <v>211.3</v>
      </c>
      <c r="C7676">
        <v>3345.45</v>
      </c>
      <c r="D7676">
        <v>2.8</v>
      </c>
      <c r="E7676">
        <v>5083.9399999999996</v>
      </c>
      <c r="F7676">
        <v>24.9635</v>
      </c>
    </row>
    <row r="7677" spans="1:6" x14ac:dyDescent="0.25">
      <c r="A7677">
        <v>149.52000000000001</v>
      </c>
      <c r="B7677">
        <v>211.3</v>
      </c>
      <c r="C7677">
        <v>3345.45</v>
      </c>
      <c r="D7677">
        <v>3.1</v>
      </c>
      <c r="E7677">
        <v>4921.8900000000003</v>
      </c>
      <c r="F7677">
        <v>25.234500000000001</v>
      </c>
    </row>
    <row r="7678" spans="1:6" x14ac:dyDescent="0.25">
      <c r="A7678">
        <v>149.52000000000001</v>
      </c>
      <c r="B7678">
        <v>211.3</v>
      </c>
      <c r="C7678">
        <v>3345.45</v>
      </c>
      <c r="D7678">
        <v>3.4</v>
      </c>
      <c r="E7678">
        <v>4918.99</v>
      </c>
      <c r="F7678">
        <v>26.355</v>
      </c>
    </row>
    <row r="7679" spans="1:6" x14ac:dyDescent="0.25">
      <c r="A7679">
        <v>149.52000000000001</v>
      </c>
      <c r="B7679">
        <v>211.3</v>
      </c>
      <c r="C7679">
        <v>3345.45</v>
      </c>
      <c r="D7679">
        <v>3.7</v>
      </c>
      <c r="E7679">
        <v>4808.54</v>
      </c>
      <c r="F7679">
        <v>27.481999999999999</v>
      </c>
    </row>
    <row r="7680" spans="1:6" x14ac:dyDescent="0.25">
      <c r="A7680">
        <v>149.52000000000001</v>
      </c>
      <c r="B7680">
        <v>211.3</v>
      </c>
      <c r="C7680">
        <v>3345.45</v>
      </c>
      <c r="D7680">
        <v>4</v>
      </c>
      <c r="E7680">
        <v>4690.6000000000004</v>
      </c>
      <c r="F7680">
        <v>27.913900000000002</v>
      </c>
    </row>
    <row r="7681" spans="1:6" x14ac:dyDescent="0.25">
      <c r="A7681">
        <v>149.52000000000001</v>
      </c>
      <c r="B7681">
        <v>211.3</v>
      </c>
      <c r="C7681">
        <v>4890.8999999999996</v>
      </c>
      <c r="D7681">
        <v>1</v>
      </c>
      <c r="E7681">
        <v>8807.5499999999993</v>
      </c>
      <c r="F7681">
        <v>20.322199999999999</v>
      </c>
    </row>
    <row r="7682" spans="1:6" x14ac:dyDescent="0.25">
      <c r="A7682">
        <v>149.52000000000001</v>
      </c>
      <c r="B7682">
        <v>211.3</v>
      </c>
      <c r="C7682">
        <v>4890.8999999999996</v>
      </c>
      <c r="D7682">
        <v>1.3</v>
      </c>
      <c r="E7682">
        <v>7833.03</v>
      </c>
      <c r="F7682">
        <v>21.410900000000002</v>
      </c>
    </row>
    <row r="7683" spans="1:6" x14ac:dyDescent="0.25">
      <c r="A7683">
        <v>149.52000000000001</v>
      </c>
      <c r="B7683">
        <v>211.3</v>
      </c>
      <c r="C7683">
        <v>4890.8999999999996</v>
      </c>
      <c r="D7683">
        <v>1.6</v>
      </c>
      <c r="E7683">
        <v>7343.97</v>
      </c>
      <c r="F7683">
        <v>19.643599999999999</v>
      </c>
    </row>
    <row r="7684" spans="1:6" x14ac:dyDescent="0.25">
      <c r="A7684">
        <v>149.52000000000001</v>
      </c>
      <c r="B7684">
        <v>211.3</v>
      </c>
      <c r="C7684">
        <v>4890.8999999999996</v>
      </c>
      <c r="D7684">
        <v>1.9</v>
      </c>
      <c r="E7684">
        <v>7155.34</v>
      </c>
      <c r="F7684">
        <v>20.131399999999999</v>
      </c>
    </row>
    <row r="7685" spans="1:6" x14ac:dyDescent="0.25">
      <c r="A7685">
        <v>149.52000000000001</v>
      </c>
      <c r="B7685">
        <v>211.3</v>
      </c>
      <c r="C7685">
        <v>4890.8999999999996</v>
      </c>
      <c r="D7685">
        <v>2.2000000000000002</v>
      </c>
      <c r="E7685">
        <v>6882.75</v>
      </c>
      <c r="F7685">
        <v>20.537600000000001</v>
      </c>
    </row>
    <row r="7686" spans="1:6" x14ac:dyDescent="0.25">
      <c r="A7686">
        <v>149.52000000000001</v>
      </c>
      <c r="B7686">
        <v>211.3</v>
      </c>
      <c r="C7686">
        <v>4890.8999999999996</v>
      </c>
      <c r="D7686">
        <v>2.5</v>
      </c>
      <c r="E7686">
        <v>6608.37</v>
      </c>
      <c r="F7686">
        <v>20.933599999999998</v>
      </c>
    </row>
    <row r="7687" spans="1:6" x14ac:dyDescent="0.25">
      <c r="A7687">
        <v>149.52000000000001</v>
      </c>
      <c r="B7687">
        <v>211.3</v>
      </c>
      <c r="C7687">
        <v>4890.8999999999996</v>
      </c>
      <c r="D7687">
        <v>2.8</v>
      </c>
      <c r="E7687">
        <v>6544.61</v>
      </c>
      <c r="F7687">
        <v>18.745899999999999</v>
      </c>
    </row>
    <row r="7688" spans="1:6" x14ac:dyDescent="0.25">
      <c r="A7688">
        <v>149.52000000000001</v>
      </c>
      <c r="B7688">
        <v>211.3</v>
      </c>
      <c r="C7688">
        <v>4890.8999999999996</v>
      </c>
      <c r="D7688">
        <v>3.1</v>
      </c>
      <c r="E7688">
        <v>6340.51</v>
      </c>
      <c r="F7688">
        <v>18.652000000000001</v>
      </c>
    </row>
    <row r="7689" spans="1:6" x14ac:dyDescent="0.25">
      <c r="A7689">
        <v>149.52000000000001</v>
      </c>
      <c r="B7689">
        <v>211.3</v>
      </c>
      <c r="C7689">
        <v>4890.8999999999996</v>
      </c>
      <c r="D7689">
        <v>3.4</v>
      </c>
      <c r="E7689">
        <v>6199.1</v>
      </c>
      <c r="F7689">
        <v>18.764600000000002</v>
      </c>
    </row>
    <row r="7690" spans="1:6" x14ac:dyDescent="0.25">
      <c r="A7690">
        <v>149.52000000000001</v>
      </c>
      <c r="B7690">
        <v>211.3</v>
      </c>
      <c r="C7690">
        <v>4890.8999999999996</v>
      </c>
      <c r="D7690">
        <v>3.7</v>
      </c>
      <c r="E7690">
        <v>6169.64</v>
      </c>
      <c r="F7690">
        <v>18.8599</v>
      </c>
    </row>
    <row r="7691" spans="1:6" x14ac:dyDescent="0.25">
      <c r="A7691">
        <v>149.52000000000001</v>
      </c>
      <c r="B7691">
        <v>211.3</v>
      </c>
      <c r="C7691">
        <v>4890.8999999999996</v>
      </c>
      <c r="D7691">
        <v>4</v>
      </c>
      <c r="E7691">
        <v>6120.34</v>
      </c>
      <c r="F7691">
        <v>19.108499999999999</v>
      </c>
    </row>
    <row r="7692" spans="1:6" x14ac:dyDescent="0.25">
      <c r="A7692">
        <v>149.52000000000001</v>
      </c>
      <c r="B7692">
        <v>211.3</v>
      </c>
      <c r="C7692">
        <v>6436.35</v>
      </c>
      <c r="D7692">
        <v>1</v>
      </c>
      <c r="E7692">
        <v>10216.6</v>
      </c>
      <c r="F7692">
        <v>21.540199999999999</v>
      </c>
    </row>
    <row r="7693" spans="1:6" x14ac:dyDescent="0.25">
      <c r="A7693">
        <v>149.52000000000001</v>
      </c>
      <c r="B7693">
        <v>211.3</v>
      </c>
      <c r="C7693">
        <v>6436.35</v>
      </c>
      <c r="D7693">
        <v>1.3</v>
      </c>
      <c r="E7693">
        <v>9158.58</v>
      </c>
      <c r="F7693">
        <v>22.786100000000001</v>
      </c>
    </row>
    <row r="7694" spans="1:6" x14ac:dyDescent="0.25">
      <c r="A7694">
        <v>149.52000000000001</v>
      </c>
      <c r="B7694">
        <v>211.3</v>
      </c>
      <c r="C7694">
        <v>6436.35</v>
      </c>
      <c r="D7694">
        <v>1.6</v>
      </c>
      <c r="E7694">
        <v>8761.01</v>
      </c>
      <c r="F7694">
        <v>22.901700000000002</v>
      </c>
    </row>
    <row r="7695" spans="1:6" x14ac:dyDescent="0.25">
      <c r="A7695">
        <v>149.52000000000001</v>
      </c>
      <c r="B7695">
        <v>211.3</v>
      </c>
      <c r="C7695">
        <v>6436.35</v>
      </c>
      <c r="D7695">
        <v>1.9</v>
      </c>
      <c r="E7695">
        <v>8479.76</v>
      </c>
      <c r="F7695">
        <v>22.9786</v>
      </c>
    </row>
    <row r="7696" spans="1:6" x14ac:dyDescent="0.25">
      <c r="A7696">
        <v>149.52000000000001</v>
      </c>
      <c r="B7696">
        <v>211.3</v>
      </c>
      <c r="C7696">
        <v>6436.35</v>
      </c>
      <c r="D7696">
        <v>2.2000000000000002</v>
      </c>
      <c r="E7696">
        <v>8144.51</v>
      </c>
      <c r="F7696">
        <v>23.001799999999999</v>
      </c>
    </row>
    <row r="7697" spans="1:6" x14ac:dyDescent="0.25">
      <c r="A7697">
        <v>149.52000000000001</v>
      </c>
      <c r="B7697">
        <v>211.3</v>
      </c>
      <c r="C7697">
        <v>6436.35</v>
      </c>
      <c r="D7697">
        <v>2.5</v>
      </c>
      <c r="E7697">
        <v>8013.61</v>
      </c>
      <c r="F7697">
        <v>22.958500000000001</v>
      </c>
    </row>
    <row r="7698" spans="1:6" x14ac:dyDescent="0.25">
      <c r="A7698">
        <v>149.52000000000001</v>
      </c>
      <c r="B7698">
        <v>211.3</v>
      </c>
      <c r="C7698">
        <v>6436.35</v>
      </c>
      <c r="D7698">
        <v>2.8</v>
      </c>
      <c r="E7698">
        <v>7978.74</v>
      </c>
      <c r="F7698">
        <v>23.4129</v>
      </c>
    </row>
    <row r="7699" spans="1:6" x14ac:dyDescent="0.25">
      <c r="A7699">
        <v>149.52000000000001</v>
      </c>
      <c r="B7699">
        <v>211.3</v>
      </c>
      <c r="C7699">
        <v>6436.35</v>
      </c>
      <c r="D7699">
        <v>3.1</v>
      </c>
      <c r="E7699">
        <v>7870.75</v>
      </c>
      <c r="F7699">
        <v>23.518699999999999</v>
      </c>
    </row>
    <row r="7700" spans="1:6" x14ac:dyDescent="0.25">
      <c r="A7700">
        <v>149.52000000000001</v>
      </c>
      <c r="B7700">
        <v>211.3</v>
      </c>
      <c r="C7700">
        <v>6436.35</v>
      </c>
      <c r="D7700">
        <v>3.4</v>
      </c>
      <c r="E7700">
        <v>7737.97</v>
      </c>
      <c r="F7700">
        <v>23.622299999999999</v>
      </c>
    </row>
    <row r="7701" spans="1:6" x14ac:dyDescent="0.25">
      <c r="A7701">
        <v>149.52000000000001</v>
      </c>
      <c r="B7701">
        <v>211.3</v>
      </c>
      <c r="C7701">
        <v>6436.35</v>
      </c>
      <c r="D7701">
        <v>3.7</v>
      </c>
      <c r="E7701">
        <v>7664.62</v>
      </c>
      <c r="F7701">
        <v>23.678000000000001</v>
      </c>
    </row>
    <row r="7702" spans="1:6" x14ac:dyDescent="0.25">
      <c r="A7702">
        <v>149.52000000000001</v>
      </c>
      <c r="B7702">
        <v>211.3</v>
      </c>
      <c r="C7702">
        <v>6436.35</v>
      </c>
      <c r="D7702">
        <v>4</v>
      </c>
      <c r="E7702">
        <v>7597.39</v>
      </c>
      <c r="F7702">
        <v>23.7349</v>
      </c>
    </row>
    <row r="7703" spans="1:6" x14ac:dyDescent="0.25">
      <c r="A7703">
        <v>149.52000000000001</v>
      </c>
      <c r="B7703">
        <v>211.3</v>
      </c>
      <c r="C7703">
        <v>7981.8</v>
      </c>
      <c r="D7703">
        <v>1</v>
      </c>
      <c r="E7703">
        <v>11527.2</v>
      </c>
      <c r="F7703">
        <v>21.540199999999999</v>
      </c>
    </row>
    <row r="7704" spans="1:6" x14ac:dyDescent="0.25">
      <c r="A7704">
        <v>149.52000000000001</v>
      </c>
      <c r="B7704">
        <v>211.3</v>
      </c>
      <c r="C7704">
        <v>7981.8</v>
      </c>
      <c r="D7704">
        <v>1.3</v>
      </c>
      <c r="E7704">
        <v>10776.6</v>
      </c>
      <c r="F7704">
        <v>22.786100000000001</v>
      </c>
    </row>
    <row r="7705" spans="1:6" x14ac:dyDescent="0.25">
      <c r="A7705">
        <v>149.52000000000001</v>
      </c>
      <c r="B7705">
        <v>211.3</v>
      </c>
      <c r="C7705">
        <v>7981.8</v>
      </c>
      <c r="D7705">
        <v>1.6</v>
      </c>
      <c r="E7705">
        <v>10341.700000000001</v>
      </c>
      <c r="F7705">
        <v>22.901700000000002</v>
      </c>
    </row>
    <row r="7706" spans="1:6" x14ac:dyDescent="0.25">
      <c r="A7706">
        <v>149.52000000000001</v>
      </c>
      <c r="B7706">
        <v>211.3</v>
      </c>
      <c r="C7706">
        <v>7981.8</v>
      </c>
      <c r="D7706">
        <v>1.9</v>
      </c>
      <c r="E7706">
        <v>9953.9699999999993</v>
      </c>
      <c r="F7706">
        <v>22.9786</v>
      </c>
    </row>
    <row r="7707" spans="1:6" x14ac:dyDescent="0.25">
      <c r="A7707">
        <v>149.52000000000001</v>
      </c>
      <c r="B7707">
        <v>211.3</v>
      </c>
      <c r="C7707">
        <v>7981.8</v>
      </c>
      <c r="D7707">
        <v>2.2000000000000002</v>
      </c>
      <c r="E7707">
        <v>9848.14</v>
      </c>
      <c r="F7707">
        <v>23.001799999999999</v>
      </c>
    </row>
    <row r="7708" spans="1:6" x14ac:dyDescent="0.25">
      <c r="A7708">
        <v>149.52000000000001</v>
      </c>
      <c r="B7708">
        <v>211.3</v>
      </c>
      <c r="C7708">
        <v>7981.8</v>
      </c>
      <c r="D7708">
        <v>2.5</v>
      </c>
      <c r="E7708">
        <v>9616.2900000000009</v>
      </c>
      <c r="F7708">
        <v>22.958500000000001</v>
      </c>
    </row>
    <row r="7709" spans="1:6" x14ac:dyDescent="0.25">
      <c r="A7709">
        <v>149.52000000000001</v>
      </c>
      <c r="B7709">
        <v>211.3</v>
      </c>
      <c r="C7709">
        <v>7981.8</v>
      </c>
      <c r="D7709">
        <v>2.8</v>
      </c>
      <c r="E7709">
        <v>9462.81</v>
      </c>
      <c r="F7709">
        <v>23.4129</v>
      </c>
    </row>
    <row r="7710" spans="1:6" x14ac:dyDescent="0.25">
      <c r="A7710">
        <v>149.52000000000001</v>
      </c>
      <c r="B7710">
        <v>211.3</v>
      </c>
      <c r="C7710">
        <v>7981.8</v>
      </c>
      <c r="D7710">
        <v>3.1</v>
      </c>
      <c r="E7710">
        <v>9347.9699999999993</v>
      </c>
      <c r="F7710">
        <v>23.518699999999999</v>
      </c>
    </row>
    <row r="7711" spans="1:6" x14ac:dyDescent="0.25">
      <c r="A7711">
        <v>149.52000000000001</v>
      </c>
      <c r="B7711">
        <v>211.3</v>
      </c>
      <c r="C7711">
        <v>7981.8</v>
      </c>
      <c r="D7711">
        <v>3.4</v>
      </c>
      <c r="E7711">
        <v>9232.41</v>
      </c>
      <c r="F7711">
        <v>23.622299999999999</v>
      </c>
    </row>
    <row r="7712" spans="1:6" x14ac:dyDescent="0.25">
      <c r="A7712">
        <v>149.52000000000001</v>
      </c>
      <c r="B7712">
        <v>211.3</v>
      </c>
      <c r="C7712">
        <v>7981.8</v>
      </c>
      <c r="D7712">
        <v>3.7</v>
      </c>
      <c r="E7712">
        <v>9169.76</v>
      </c>
      <c r="F7712">
        <v>23.678000000000001</v>
      </c>
    </row>
    <row r="7713" spans="1:6" x14ac:dyDescent="0.25">
      <c r="A7713">
        <v>149.52000000000001</v>
      </c>
      <c r="B7713">
        <v>211.3</v>
      </c>
      <c r="C7713">
        <v>7981.8</v>
      </c>
      <c r="D7713">
        <v>4</v>
      </c>
      <c r="E7713">
        <v>9086.4</v>
      </c>
      <c r="F7713">
        <v>23.7349</v>
      </c>
    </row>
    <row r="7714" spans="1:6" x14ac:dyDescent="0.25">
      <c r="A7714">
        <v>149.52000000000001</v>
      </c>
      <c r="B7714">
        <v>211.3</v>
      </c>
      <c r="C7714">
        <v>9527.25</v>
      </c>
      <c r="D7714">
        <v>1</v>
      </c>
      <c r="E7714">
        <v>13293.7</v>
      </c>
      <c r="F7714">
        <v>21.540199999999999</v>
      </c>
    </row>
    <row r="7715" spans="1:6" x14ac:dyDescent="0.25">
      <c r="A7715">
        <v>149.52000000000001</v>
      </c>
      <c r="B7715">
        <v>211.3</v>
      </c>
      <c r="C7715">
        <v>9527.25</v>
      </c>
      <c r="D7715">
        <v>1.3</v>
      </c>
      <c r="E7715">
        <v>12468.6</v>
      </c>
      <c r="F7715">
        <v>22.786100000000001</v>
      </c>
    </row>
    <row r="7716" spans="1:6" x14ac:dyDescent="0.25">
      <c r="A7716">
        <v>149.52000000000001</v>
      </c>
      <c r="B7716">
        <v>211.3</v>
      </c>
      <c r="C7716">
        <v>9527.25</v>
      </c>
      <c r="D7716">
        <v>1.6</v>
      </c>
      <c r="E7716">
        <v>12026</v>
      </c>
      <c r="F7716">
        <v>22.901700000000002</v>
      </c>
    </row>
    <row r="7717" spans="1:6" x14ac:dyDescent="0.25">
      <c r="A7717">
        <v>149.52000000000001</v>
      </c>
      <c r="B7717">
        <v>211.3</v>
      </c>
      <c r="C7717">
        <v>9527.25</v>
      </c>
      <c r="D7717">
        <v>1.9</v>
      </c>
      <c r="E7717">
        <v>11594.2</v>
      </c>
      <c r="F7717">
        <v>22.9786</v>
      </c>
    </row>
    <row r="7718" spans="1:6" x14ac:dyDescent="0.25">
      <c r="A7718">
        <v>149.52000000000001</v>
      </c>
      <c r="B7718">
        <v>211.3</v>
      </c>
      <c r="C7718">
        <v>9527.25</v>
      </c>
      <c r="D7718">
        <v>2.2000000000000002</v>
      </c>
      <c r="E7718">
        <v>11300.1</v>
      </c>
      <c r="F7718">
        <v>23.001799999999999</v>
      </c>
    </row>
    <row r="7719" spans="1:6" x14ac:dyDescent="0.25">
      <c r="A7719">
        <v>149.52000000000001</v>
      </c>
      <c r="B7719">
        <v>211.3</v>
      </c>
      <c r="C7719">
        <v>9527.25</v>
      </c>
      <c r="D7719">
        <v>2.5</v>
      </c>
      <c r="E7719">
        <v>11092.4</v>
      </c>
      <c r="F7719">
        <v>22.958500000000001</v>
      </c>
    </row>
    <row r="7720" spans="1:6" x14ac:dyDescent="0.25">
      <c r="A7720">
        <v>149.52000000000001</v>
      </c>
      <c r="B7720">
        <v>211.3</v>
      </c>
      <c r="C7720">
        <v>9527.25</v>
      </c>
      <c r="D7720">
        <v>2.8</v>
      </c>
      <c r="E7720">
        <v>11098.2</v>
      </c>
      <c r="F7720">
        <v>23.4129</v>
      </c>
    </row>
    <row r="7721" spans="1:6" x14ac:dyDescent="0.25">
      <c r="A7721">
        <v>149.52000000000001</v>
      </c>
      <c r="B7721">
        <v>211.3</v>
      </c>
      <c r="C7721">
        <v>9527.25</v>
      </c>
      <c r="D7721">
        <v>3.1</v>
      </c>
      <c r="E7721">
        <v>10877.3</v>
      </c>
      <c r="F7721">
        <v>23.518699999999999</v>
      </c>
    </row>
    <row r="7722" spans="1:6" x14ac:dyDescent="0.25">
      <c r="A7722">
        <v>149.52000000000001</v>
      </c>
      <c r="B7722">
        <v>211.3</v>
      </c>
      <c r="C7722">
        <v>9527.25</v>
      </c>
      <c r="D7722">
        <v>3.4</v>
      </c>
      <c r="E7722">
        <v>10780.7</v>
      </c>
      <c r="F7722">
        <v>23.622299999999999</v>
      </c>
    </row>
    <row r="7723" spans="1:6" x14ac:dyDescent="0.25">
      <c r="A7723">
        <v>149.52000000000001</v>
      </c>
      <c r="B7723">
        <v>211.3</v>
      </c>
      <c r="C7723">
        <v>9527.25</v>
      </c>
      <c r="D7723">
        <v>3.7</v>
      </c>
      <c r="E7723">
        <v>10761.6</v>
      </c>
      <c r="F7723">
        <v>23.678000000000001</v>
      </c>
    </row>
    <row r="7724" spans="1:6" x14ac:dyDescent="0.25">
      <c r="A7724">
        <v>149.52000000000001</v>
      </c>
      <c r="B7724">
        <v>211.3</v>
      </c>
      <c r="C7724">
        <v>9527.25</v>
      </c>
      <c r="D7724">
        <v>4</v>
      </c>
      <c r="E7724">
        <v>10623.2</v>
      </c>
      <c r="F7724">
        <v>23.7349</v>
      </c>
    </row>
    <row r="7725" spans="1:6" x14ac:dyDescent="0.25">
      <c r="A7725">
        <v>149.52000000000001</v>
      </c>
      <c r="B7725">
        <v>211.3</v>
      </c>
      <c r="C7725">
        <v>11072.7</v>
      </c>
      <c r="D7725">
        <v>1</v>
      </c>
      <c r="E7725">
        <v>14626</v>
      </c>
      <c r="F7725">
        <v>21.540199999999999</v>
      </c>
    </row>
    <row r="7726" spans="1:6" x14ac:dyDescent="0.25">
      <c r="A7726">
        <v>149.52000000000001</v>
      </c>
      <c r="B7726">
        <v>211.3</v>
      </c>
      <c r="C7726">
        <v>11072.7</v>
      </c>
      <c r="D7726">
        <v>1.3</v>
      </c>
      <c r="E7726">
        <v>14030.8</v>
      </c>
      <c r="F7726">
        <v>22.786100000000001</v>
      </c>
    </row>
    <row r="7727" spans="1:6" x14ac:dyDescent="0.25">
      <c r="A7727">
        <v>149.52000000000001</v>
      </c>
      <c r="B7727">
        <v>211.3</v>
      </c>
      <c r="C7727">
        <v>11072.7</v>
      </c>
      <c r="D7727">
        <v>1.6</v>
      </c>
      <c r="E7727">
        <v>13566.8</v>
      </c>
      <c r="F7727">
        <v>22.901700000000002</v>
      </c>
    </row>
    <row r="7728" spans="1:6" x14ac:dyDescent="0.25">
      <c r="A7728">
        <v>149.52000000000001</v>
      </c>
      <c r="B7728">
        <v>211.3</v>
      </c>
      <c r="C7728">
        <v>11072.7</v>
      </c>
      <c r="D7728">
        <v>1.9</v>
      </c>
      <c r="E7728">
        <v>13064</v>
      </c>
      <c r="F7728">
        <v>22.9786</v>
      </c>
    </row>
    <row r="7729" spans="1:6" x14ac:dyDescent="0.25">
      <c r="A7729">
        <v>149.52000000000001</v>
      </c>
      <c r="B7729">
        <v>211.3</v>
      </c>
      <c r="C7729">
        <v>11072.7</v>
      </c>
      <c r="D7729">
        <v>2.2000000000000002</v>
      </c>
      <c r="E7729">
        <v>12893.9</v>
      </c>
      <c r="F7729">
        <v>23.001799999999999</v>
      </c>
    </row>
    <row r="7730" spans="1:6" x14ac:dyDescent="0.25">
      <c r="A7730">
        <v>149.52000000000001</v>
      </c>
      <c r="B7730">
        <v>211.3</v>
      </c>
      <c r="C7730">
        <v>11072.7</v>
      </c>
      <c r="D7730">
        <v>2.5</v>
      </c>
      <c r="E7730">
        <v>12636.9</v>
      </c>
      <c r="F7730">
        <v>22.958500000000001</v>
      </c>
    </row>
    <row r="7731" spans="1:6" x14ac:dyDescent="0.25">
      <c r="A7731">
        <v>149.52000000000001</v>
      </c>
      <c r="B7731">
        <v>211.3</v>
      </c>
      <c r="C7731">
        <v>11072.7</v>
      </c>
      <c r="D7731">
        <v>2.8</v>
      </c>
      <c r="E7731">
        <v>12541.1</v>
      </c>
      <c r="F7731">
        <v>23.4129</v>
      </c>
    </row>
    <row r="7732" spans="1:6" x14ac:dyDescent="0.25">
      <c r="A7732">
        <v>149.52000000000001</v>
      </c>
      <c r="B7732">
        <v>211.3</v>
      </c>
      <c r="C7732">
        <v>11072.7</v>
      </c>
      <c r="D7732">
        <v>3.1</v>
      </c>
      <c r="E7732">
        <v>12546.9</v>
      </c>
      <c r="F7732">
        <v>23.518699999999999</v>
      </c>
    </row>
    <row r="7733" spans="1:6" x14ac:dyDescent="0.25">
      <c r="A7733">
        <v>149.52000000000001</v>
      </c>
      <c r="B7733">
        <v>211.3</v>
      </c>
      <c r="C7733">
        <v>11072.7</v>
      </c>
      <c r="D7733">
        <v>3.4</v>
      </c>
      <c r="E7733">
        <v>12355.4</v>
      </c>
      <c r="F7733">
        <v>23.622299999999999</v>
      </c>
    </row>
    <row r="7734" spans="1:6" x14ac:dyDescent="0.25">
      <c r="A7734">
        <v>149.52000000000001</v>
      </c>
      <c r="B7734">
        <v>211.3</v>
      </c>
      <c r="C7734">
        <v>11072.7</v>
      </c>
      <c r="D7734">
        <v>3.7</v>
      </c>
      <c r="E7734">
        <v>12246.1</v>
      </c>
      <c r="F7734">
        <v>23.678000000000001</v>
      </c>
    </row>
    <row r="7735" spans="1:6" x14ac:dyDescent="0.25">
      <c r="A7735">
        <v>149.52000000000001</v>
      </c>
      <c r="B7735">
        <v>211.3</v>
      </c>
      <c r="C7735">
        <v>11072.7</v>
      </c>
      <c r="D7735">
        <v>4</v>
      </c>
      <c r="E7735">
        <v>12181.9</v>
      </c>
      <c r="F7735">
        <v>23.7349</v>
      </c>
    </row>
    <row r="7736" spans="1:6" x14ac:dyDescent="0.25">
      <c r="A7736">
        <v>149.52000000000001</v>
      </c>
      <c r="B7736">
        <v>211.3</v>
      </c>
      <c r="C7736">
        <v>12618.2</v>
      </c>
      <c r="D7736">
        <v>1</v>
      </c>
      <c r="E7736">
        <v>16376.1</v>
      </c>
      <c r="F7736">
        <v>21.540199999999999</v>
      </c>
    </row>
    <row r="7737" spans="1:6" x14ac:dyDescent="0.25">
      <c r="A7737">
        <v>149.52000000000001</v>
      </c>
      <c r="B7737">
        <v>211.3</v>
      </c>
      <c r="C7737">
        <v>12618.2</v>
      </c>
      <c r="D7737">
        <v>1.3</v>
      </c>
      <c r="E7737">
        <v>15609.8</v>
      </c>
      <c r="F7737">
        <v>22.786100000000001</v>
      </c>
    </row>
    <row r="7738" spans="1:6" x14ac:dyDescent="0.25">
      <c r="A7738">
        <v>149.52000000000001</v>
      </c>
      <c r="B7738">
        <v>211.3</v>
      </c>
      <c r="C7738">
        <v>12618.2</v>
      </c>
      <c r="D7738">
        <v>1.6</v>
      </c>
      <c r="E7738">
        <v>14954.6</v>
      </c>
      <c r="F7738">
        <v>22.901700000000002</v>
      </c>
    </row>
    <row r="7739" spans="1:6" x14ac:dyDescent="0.25">
      <c r="A7739">
        <v>149.52000000000001</v>
      </c>
      <c r="B7739">
        <v>211.3</v>
      </c>
      <c r="C7739">
        <v>12618.2</v>
      </c>
      <c r="D7739">
        <v>1.9</v>
      </c>
      <c r="E7739">
        <v>14645</v>
      </c>
      <c r="F7739">
        <v>22.9786</v>
      </c>
    </row>
    <row r="7740" spans="1:6" x14ac:dyDescent="0.25">
      <c r="A7740">
        <v>149.52000000000001</v>
      </c>
      <c r="B7740">
        <v>211.3</v>
      </c>
      <c r="C7740">
        <v>12618.2</v>
      </c>
      <c r="D7740">
        <v>2.2000000000000002</v>
      </c>
      <c r="E7740">
        <v>14453</v>
      </c>
      <c r="F7740">
        <v>23.001799999999999</v>
      </c>
    </row>
    <row r="7741" spans="1:6" x14ac:dyDescent="0.25">
      <c r="A7741">
        <v>149.52000000000001</v>
      </c>
      <c r="B7741">
        <v>211.3</v>
      </c>
      <c r="C7741">
        <v>12618.2</v>
      </c>
      <c r="D7741">
        <v>2.5</v>
      </c>
      <c r="E7741">
        <v>14202.8</v>
      </c>
      <c r="F7741">
        <v>22.958500000000001</v>
      </c>
    </row>
    <row r="7742" spans="1:6" x14ac:dyDescent="0.25">
      <c r="A7742">
        <v>149.52000000000001</v>
      </c>
      <c r="B7742">
        <v>211.3</v>
      </c>
      <c r="C7742">
        <v>12618.2</v>
      </c>
      <c r="D7742">
        <v>2.8</v>
      </c>
      <c r="E7742">
        <v>14132.9</v>
      </c>
      <c r="F7742">
        <v>23.4129</v>
      </c>
    </row>
    <row r="7743" spans="1:6" x14ac:dyDescent="0.25">
      <c r="A7743">
        <v>149.52000000000001</v>
      </c>
      <c r="B7743">
        <v>211.3</v>
      </c>
      <c r="C7743">
        <v>12618.2</v>
      </c>
      <c r="D7743">
        <v>3.1</v>
      </c>
      <c r="E7743">
        <v>13992</v>
      </c>
      <c r="F7743">
        <v>23.518699999999999</v>
      </c>
    </row>
    <row r="7744" spans="1:6" x14ac:dyDescent="0.25">
      <c r="A7744">
        <v>149.52000000000001</v>
      </c>
      <c r="B7744">
        <v>211.3</v>
      </c>
      <c r="C7744">
        <v>12618.2</v>
      </c>
      <c r="D7744">
        <v>3.4</v>
      </c>
      <c r="E7744">
        <v>13881.9</v>
      </c>
      <c r="F7744">
        <v>23.622299999999999</v>
      </c>
    </row>
    <row r="7745" spans="1:6" x14ac:dyDescent="0.25">
      <c r="A7745">
        <v>149.52000000000001</v>
      </c>
      <c r="B7745">
        <v>211.3</v>
      </c>
      <c r="C7745">
        <v>12618.2</v>
      </c>
      <c r="D7745">
        <v>3.7</v>
      </c>
      <c r="E7745">
        <v>13804.8</v>
      </c>
      <c r="F7745">
        <v>23.678000000000001</v>
      </c>
    </row>
    <row r="7746" spans="1:6" x14ac:dyDescent="0.25">
      <c r="A7746">
        <v>149.52000000000001</v>
      </c>
      <c r="B7746">
        <v>211.3</v>
      </c>
      <c r="C7746">
        <v>12618.2</v>
      </c>
      <c r="D7746">
        <v>4</v>
      </c>
      <c r="E7746">
        <v>13763</v>
      </c>
      <c r="F7746">
        <v>23.7349</v>
      </c>
    </row>
    <row r="7747" spans="1:6" x14ac:dyDescent="0.25">
      <c r="A7747">
        <v>149.52000000000001</v>
      </c>
      <c r="B7747">
        <v>211.3</v>
      </c>
      <c r="C7747">
        <v>14163.6</v>
      </c>
      <c r="D7747">
        <v>1</v>
      </c>
      <c r="E7747">
        <v>17897.5</v>
      </c>
      <c r="F7747">
        <v>21.540199999999999</v>
      </c>
    </row>
    <row r="7748" spans="1:6" x14ac:dyDescent="0.25">
      <c r="A7748">
        <v>149.52000000000001</v>
      </c>
      <c r="B7748">
        <v>211.3</v>
      </c>
      <c r="C7748">
        <v>14163.6</v>
      </c>
      <c r="D7748">
        <v>1.3</v>
      </c>
      <c r="E7748">
        <v>17137.2</v>
      </c>
      <c r="F7748">
        <v>22.786100000000001</v>
      </c>
    </row>
    <row r="7749" spans="1:6" x14ac:dyDescent="0.25">
      <c r="A7749">
        <v>149.52000000000001</v>
      </c>
      <c r="B7749">
        <v>211.3</v>
      </c>
      <c r="C7749">
        <v>14163.6</v>
      </c>
      <c r="D7749">
        <v>1.6</v>
      </c>
      <c r="E7749">
        <v>16502.900000000001</v>
      </c>
      <c r="F7749">
        <v>22.901700000000002</v>
      </c>
    </row>
    <row r="7750" spans="1:6" x14ac:dyDescent="0.25">
      <c r="A7750">
        <v>149.52000000000001</v>
      </c>
      <c r="B7750">
        <v>211.3</v>
      </c>
      <c r="C7750">
        <v>14163.6</v>
      </c>
      <c r="D7750">
        <v>1.9</v>
      </c>
      <c r="E7750">
        <v>16150.5</v>
      </c>
      <c r="F7750">
        <v>22.9786</v>
      </c>
    </row>
    <row r="7751" spans="1:6" x14ac:dyDescent="0.25">
      <c r="A7751">
        <v>149.52000000000001</v>
      </c>
      <c r="B7751">
        <v>211.3</v>
      </c>
      <c r="C7751">
        <v>14163.6</v>
      </c>
      <c r="D7751">
        <v>2.2000000000000002</v>
      </c>
      <c r="E7751">
        <v>15969.4</v>
      </c>
      <c r="F7751">
        <v>23.001799999999999</v>
      </c>
    </row>
    <row r="7752" spans="1:6" x14ac:dyDescent="0.25">
      <c r="A7752">
        <v>149.52000000000001</v>
      </c>
      <c r="B7752">
        <v>211.3</v>
      </c>
      <c r="C7752">
        <v>14163.6</v>
      </c>
      <c r="D7752">
        <v>2.5</v>
      </c>
      <c r="E7752">
        <v>15721</v>
      </c>
      <c r="F7752">
        <v>22.958500000000001</v>
      </c>
    </row>
    <row r="7753" spans="1:6" x14ac:dyDescent="0.25">
      <c r="A7753">
        <v>149.52000000000001</v>
      </c>
      <c r="B7753">
        <v>211.3</v>
      </c>
      <c r="C7753">
        <v>14163.6</v>
      </c>
      <c r="D7753">
        <v>2.8</v>
      </c>
      <c r="E7753">
        <v>15731.3</v>
      </c>
      <c r="F7753">
        <v>23.4129</v>
      </c>
    </row>
    <row r="7754" spans="1:6" x14ac:dyDescent="0.25">
      <c r="A7754">
        <v>149.52000000000001</v>
      </c>
      <c r="B7754">
        <v>211.3</v>
      </c>
      <c r="C7754">
        <v>14163.6</v>
      </c>
      <c r="D7754">
        <v>3.1</v>
      </c>
      <c r="E7754">
        <v>15573.6</v>
      </c>
      <c r="F7754">
        <v>23.518699999999999</v>
      </c>
    </row>
    <row r="7755" spans="1:6" x14ac:dyDescent="0.25">
      <c r="A7755">
        <v>149.52000000000001</v>
      </c>
      <c r="B7755">
        <v>211.3</v>
      </c>
      <c r="C7755">
        <v>14163.6</v>
      </c>
      <c r="D7755">
        <v>3.4</v>
      </c>
      <c r="E7755">
        <v>15440.7</v>
      </c>
      <c r="F7755">
        <v>23.622299999999999</v>
      </c>
    </row>
    <row r="7756" spans="1:6" x14ac:dyDescent="0.25">
      <c r="A7756">
        <v>149.52000000000001</v>
      </c>
      <c r="B7756">
        <v>211.3</v>
      </c>
      <c r="C7756">
        <v>14163.6</v>
      </c>
      <c r="D7756">
        <v>3.7</v>
      </c>
      <c r="E7756">
        <v>15351.9</v>
      </c>
      <c r="F7756">
        <v>23.678000000000001</v>
      </c>
    </row>
    <row r="7757" spans="1:6" x14ac:dyDescent="0.25">
      <c r="A7757">
        <v>149.52000000000001</v>
      </c>
      <c r="B7757">
        <v>211.3</v>
      </c>
      <c r="C7757">
        <v>14163.6</v>
      </c>
      <c r="D7757">
        <v>4</v>
      </c>
      <c r="E7757">
        <v>15316.9</v>
      </c>
      <c r="F7757">
        <v>23.7349</v>
      </c>
    </row>
    <row r="7758" spans="1:6" x14ac:dyDescent="0.25">
      <c r="A7758">
        <v>149.52000000000001</v>
      </c>
      <c r="B7758">
        <v>211.3</v>
      </c>
      <c r="C7758">
        <v>15709.1</v>
      </c>
      <c r="D7758">
        <v>1</v>
      </c>
      <c r="E7758">
        <v>19266.5</v>
      </c>
      <c r="F7758">
        <v>21.540199999999999</v>
      </c>
    </row>
    <row r="7759" spans="1:6" x14ac:dyDescent="0.25">
      <c r="A7759">
        <v>149.52000000000001</v>
      </c>
      <c r="B7759">
        <v>211.3</v>
      </c>
      <c r="C7759">
        <v>15709.1</v>
      </c>
      <c r="D7759">
        <v>1.3</v>
      </c>
      <c r="E7759">
        <v>18668.900000000001</v>
      </c>
      <c r="F7759">
        <v>22.786100000000001</v>
      </c>
    </row>
    <row r="7760" spans="1:6" x14ac:dyDescent="0.25">
      <c r="A7760">
        <v>149.52000000000001</v>
      </c>
      <c r="B7760">
        <v>211.3</v>
      </c>
      <c r="C7760">
        <v>15709.1</v>
      </c>
      <c r="D7760">
        <v>1.6</v>
      </c>
      <c r="E7760">
        <v>18121.2</v>
      </c>
      <c r="F7760">
        <v>22.901700000000002</v>
      </c>
    </row>
    <row r="7761" spans="1:6" x14ac:dyDescent="0.25">
      <c r="A7761">
        <v>149.52000000000001</v>
      </c>
      <c r="B7761">
        <v>211.3</v>
      </c>
      <c r="C7761">
        <v>15709.1</v>
      </c>
      <c r="D7761">
        <v>1.9</v>
      </c>
      <c r="E7761">
        <v>17675.900000000001</v>
      </c>
      <c r="F7761">
        <v>22.9786</v>
      </c>
    </row>
    <row r="7762" spans="1:6" x14ac:dyDescent="0.25">
      <c r="A7762">
        <v>149.52000000000001</v>
      </c>
      <c r="B7762">
        <v>211.3</v>
      </c>
      <c r="C7762">
        <v>15709.1</v>
      </c>
      <c r="D7762">
        <v>2.2000000000000002</v>
      </c>
      <c r="E7762">
        <v>17561.7</v>
      </c>
      <c r="F7762">
        <v>23.001799999999999</v>
      </c>
    </row>
    <row r="7763" spans="1:6" x14ac:dyDescent="0.25">
      <c r="A7763">
        <v>149.52000000000001</v>
      </c>
      <c r="B7763">
        <v>211.3</v>
      </c>
      <c r="C7763">
        <v>15709.1</v>
      </c>
      <c r="D7763">
        <v>2.5</v>
      </c>
      <c r="E7763">
        <v>17257.3</v>
      </c>
      <c r="F7763">
        <v>22.958500000000001</v>
      </c>
    </row>
    <row r="7764" spans="1:6" x14ac:dyDescent="0.25">
      <c r="A7764">
        <v>149.52000000000001</v>
      </c>
      <c r="B7764">
        <v>211.3</v>
      </c>
      <c r="C7764">
        <v>15709.1</v>
      </c>
      <c r="D7764">
        <v>2.8</v>
      </c>
      <c r="E7764">
        <v>17296.3</v>
      </c>
      <c r="F7764">
        <v>23.4129</v>
      </c>
    </row>
    <row r="7765" spans="1:6" x14ac:dyDescent="0.25">
      <c r="A7765">
        <v>149.52000000000001</v>
      </c>
      <c r="B7765">
        <v>211.3</v>
      </c>
      <c r="C7765">
        <v>15709.1</v>
      </c>
      <c r="D7765">
        <v>3.1</v>
      </c>
      <c r="E7765">
        <v>17141.400000000001</v>
      </c>
      <c r="F7765">
        <v>23.518699999999999</v>
      </c>
    </row>
    <row r="7766" spans="1:6" x14ac:dyDescent="0.25">
      <c r="A7766">
        <v>149.52000000000001</v>
      </c>
      <c r="B7766">
        <v>211.3</v>
      </c>
      <c r="C7766">
        <v>15709.1</v>
      </c>
      <c r="D7766">
        <v>3.4</v>
      </c>
      <c r="E7766">
        <v>17004.7</v>
      </c>
      <c r="F7766">
        <v>23.622299999999999</v>
      </c>
    </row>
    <row r="7767" spans="1:6" x14ac:dyDescent="0.25">
      <c r="A7767">
        <v>149.52000000000001</v>
      </c>
      <c r="B7767">
        <v>211.3</v>
      </c>
      <c r="C7767">
        <v>15709.1</v>
      </c>
      <c r="D7767">
        <v>3.7</v>
      </c>
      <c r="E7767">
        <v>16875.8</v>
      </c>
      <c r="F7767">
        <v>23.678000000000001</v>
      </c>
    </row>
    <row r="7768" spans="1:6" x14ac:dyDescent="0.25">
      <c r="A7768">
        <v>149.52000000000001</v>
      </c>
      <c r="B7768">
        <v>211.3</v>
      </c>
      <c r="C7768">
        <v>15709.1</v>
      </c>
      <c r="D7768">
        <v>4</v>
      </c>
      <c r="E7768">
        <v>16850.099999999999</v>
      </c>
      <c r="F7768">
        <v>23.7349</v>
      </c>
    </row>
    <row r="7769" spans="1:6" x14ac:dyDescent="0.25">
      <c r="A7769">
        <v>149.52000000000001</v>
      </c>
      <c r="B7769">
        <v>211.3</v>
      </c>
      <c r="C7769">
        <v>17254.5</v>
      </c>
      <c r="D7769">
        <v>1</v>
      </c>
      <c r="E7769">
        <v>20968.400000000001</v>
      </c>
      <c r="F7769">
        <v>21.540199999999999</v>
      </c>
    </row>
    <row r="7770" spans="1:6" x14ac:dyDescent="0.25">
      <c r="A7770">
        <v>149.52000000000001</v>
      </c>
      <c r="B7770">
        <v>211.3</v>
      </c>
      <c r="C7770">
        <v>17254.5</v>
      </c>
      <c r="D7770">
        <v>1.3</v>
      </c>
      <c r="E7770">
        <v>20052.3</v>
      </c>
      <c r="F7770">
        <v>22.786100000000001</v>
      </c>
    </row>
    <row r="7771" spans="1:6" x14ac:dyDescent="0.25">
      <c r="A7771">
        <v>149.52000000000001</v>
      </c>
      <c r="B7771">
        <v>211.3</v>
      </c>
      <c r="C7771">
        <v>17254.5</v>
      </c>
      <c r="D7771">
        <v>1.6</v>
      </c>
      <c r="E7771">
        <v>19672</v>
      </c>
      <c r="F7771">
        <v>22.901700000000002</v>
      </c>
    </row>
    <row r="7772" spans="1:6" x14ac:dyDescent="0.25">
      <c r="A7772">
        <v>149.52000000000001</v>
      </c>
      <c r="B7772">
        <v>211.3</v>
      </c>
      <c r="C7772">
        <v>17254.5</v>
      </c>
      <c r="D7772">
        <v>1.9</v>
      </c>
      <c r="E7772">
        <v>19383.900000000001</v>
      </c>
      <c r="F7772">
        <v>22.9786</v>
      </c>
    </row>
    <row r="7773" spans="1:6" x14ac:dyDescent="0.25">
      <c r="A7773">
        <v>149.52000000000001</v>
      </c>
      <c r="B7773">
        <v>211.3</v>
      </c>
      <c r="C7773">
        <v>17254.5</v>
      </c>
      <c r="D7773">
        <v>2.2000000000000002</v>
      </c>
      <c r="E7773">
        <v>18987.2</v>
      </c>
      <c r="F7773">
        <v>23.001799999999999</v>
      </c>
    </row>
    <row r="7774" spans="1:6" x14ac:dyDescent="0.25">
      <c r="A7774">
        <v>149.52000000000001</v>
      </c>
      <c r="B7774">
        <v>211.3</v>
      </c>
      <c r="C7774">
        <v>17254.5</v>
      </c>
      <c r="D7774">
        <v>2.5</v>
      </c>
      <c r="E7774">
        <v>18862.8</v>
      </c>
      <c r="F7774">
        <v>22.958500000000001</v>
      </c>
    </row>
    <row r="7775" spans="1:6" x14ac:dyDescent="0.25">
      <c r="A7775">
        <v>149.52000000000001</v>
      </c>
      <c r="B7775">
        <v>211.3</v>
      </c>
      <c r="C7775">
        <v>17254.5</v>
      </c>
      <c r="D7775">
        <v>2.8</v>
      </c>
      <c r="E7775">
        <v>18813.5</v>
      </c>
      <c r="F7775">
        <v>23.4129</v>
      </c>
    </row>
    <row r="7776" spans="1:6" x14ac:dyDescent="0.25">
      <c r="A7776">
        <v>149.52000000000001</v>
      </c>
      <c r="B7776">
        <v>211.3</v>
      </c>
      <c r="C7776">
        <v>17254.5</v>
      </c>
      <c r="D7776">
        <v>3.1</v>
      </c>
      <c r="E7776">
        <v>18597.2</v>
      </c>
      <c r="F7776">
        <v>23.518699999999999</v>
      </c>
    </row>
    <row r="7777" spans="1:6" x14ac:dyDescent="0.25">
      <c r="A7777">
        <v>149.52000000000001</v>
      </c>
      <c r="B7777">
        <v>211.3</v>
      </c>
      <c r="C7777">
        <v>17254.5</v>
      </c>
      <c r="D7777">
        <v>3.4</v>
      </c>
      <c r="E7777">
        <v>18604.599999999999</v>
      </c>
      <c r="F7777">
        <v>23.622299999999999</v>
      </c>
    </row>
    <row r="7778" spans="1:6" x14ac:dyDescent="0.25">
      <c r="A7778">
        <v>149.52000000000001</v>
      </c>
      <c r="B7778">
        <v>211.3</v>
      </c>
      <c r="C7778">
        <v>17254.5</v>
      </c>
      <c r="D7778">
        <v>3.7</v>
      </c>
      <c r="E7778">
        <v>18410</v>
      </c>
      <c r="F7778">
        <v>23.678000000000001</v>
      </c>
    </row>
    <row r="7779" spans="1:6" x14ac:dyDescent="0.25">
      <c r="A7779">
        <v>149.52000000000001</v>
      </c>
      <c r="B7779">
        <v>211.3</v>
      </c>
      <c r="C7779">
        <v>17254.5</v>
      </c>
      <c r="D7779">
        <v>4</v>
      </c>
      <c r="E7779">
        <v>18332.099999999999</v>
      </c>
      <c r="F7779">
        <v>23.7349</v>
      </c>
    </row>
    <row r="7780" spans="1:6" x14ac:dyDescent="0.25">
      <c r="A7780">
        <v>149.52000000000001</v>
      </c>
      <c r="B7780">
        <v>211.3</v>
      </c>
      <c r="C7780">
        <v>18800</v>
      </c>
      <c r="D7780">
        <v>1</v>
      </c>
      <c r="E7780">
        <v>22588.6</v>
      </c>
      <c r="F7780">
        <v>21.540199999999999</v>
      </c>
    </row>
    <row r="7781" spans="1:6" x14ac:dyDescent="0.25">
      <c r="A7781">
        <v>149.52000000000001</v>
      </c>
      <c r="B7781">
        <v>211.3</v>
      </c>
      <c r="C7781">
        <v>18800</v>
      </c>
      <c r="D7781">
        <v>1.3</v>
      </c>
      <c r="E7781">
        <v>21681.3</v>
      </c>
      <c r="F7781">
        <v>22.786100000000001</v>
      </c>
    </row>
    <row r="7782" spans="1:6" x14ac:dyDescent="0.25">
      <c r="A7782">
        <v>149.52000000000001</v>
      </c>
      <c r="B7782">
        <v>211.3</v>
      </c>
      <c r="C7782">
        <v>18800</v>
      </c>
      <c r="D7782">
        <v>1.6</v>
      </c>
      <c r="E7782">
        <v>21071.599999999999</v>
      </c>
      <c r="F7782">
        <v>22.901700000000002</v>
      </c>
    </row>
    <row r="7783" spans="1:6" x14ac:dyDescent="0.25">
      <c r="A7783">
        <v>149.52000000000001</v>
      </c>
      <c r="B7783">
        <v>211.3</v>
      </c>
      <c r="C7783">
        <v>18800</v>
      </c>
      <c r="D7783">
        <v>1.9</v>
      </c>
      <c r="E7783">
        <v>20911.900000000001</v>
      </c>
      <c r="F7783">
        <v>22.9786</v>
      </c>
    </row>
    <row r="7784" spans="1:6" x14ac:dyDescent="0.25">
      <c r="A7784">
        <v>149.52000000000001</v>
      </c>
      <c r="B7784">
        <v>211.3</v>
      </c>
      <c r="C7784">
        <v>18800</v>
      </c>
      <c r="D7784">
        <v>2.2000000000000002</v>
      </c>
      <c r="E7784">
        <v>20553.7</v>
      </c>
      <c r="F7784">
        <v>23.001799999999999</v>
      </c>
    </row>
    <row r="7785" spans="1:6" x14ac:dyDescent="0.25">
      <c r="A7785">
        <v>149.52000000000001</v>
      </c>
      <c r="B7785">
        <v>211.3</v>
      </c>
      <c r="C7785">
        <v>18800</v>
      </c>
      <c r="D7785">
        <v>2.5</v>
      </c>
      <c r="E7785">
        <v>20467.3</v>
      </c>
      <c r="F7785">
        <v>22.958500000000001</v>
      </c>
    </row>
    <row r="7786" spans="1:6" x14ac:dyDescent="0.25">
      <c r="A7786">
        <v>149.52000000000001</v>
      </c>
      <c r="B7786">
        <v>211.3</v>
      </c>
      <c r="C7786">
        <v>18800</v>
      </c>
      <c r="D7786">
        <v>2.8</v>
      </c>
      <c r="E7786">
        <v>20348.2</v>
      </c>
      <c r="F7786">
        <v>23.4129</v>
      </c>
    </row>
    <row r="7787" spans="1:6" x14ac:dyDescent="0.25">
      <c r="A7787">
        <v>149.52000000000001</v>
      </c>
      <c r="B7787">
        <v>211.3</v>
      </c>
      <c r="C7787">
        <v>18800</v>
      </c>
      <c r="D7787">
        <v>3.1</v>
      </c>
      <c r="E7787">
        <v>20230.099999999999</v>
      </c>
      <c r="F7787">
        <v>23.518699999999999</v>
      </c>
    </row>
    <row r="7788" spans="1:6" x14ac:dyDescent="0.25">
      <c r="A7788">
        <v>149.52000000000001</v>
      </c>
      <c r="B7788">
        <v>211.3</v>
      </c>
      <c r="C7788">
        <v>18800</v>
      </c>
      <c r="D7788">
        <v>3.4</v>
      </c>
      <c r="E7788">
        <v>20052.7</v>
      </c>
      <c r="F7788">
        <v>23.622299999999999</v>
      </c>
    </row>
    <row r="7789" spans="1:6" x14ac:dyDescent="0.25">
      <c r="A7789">
        <v>149.52000000000001</v>
      </c>
      <c r="B7789">
        <v>211.3</v>
      </c>
      <c r="C7789">
        <v>18800</v>
      </c>
      <c r="D7789">
        <v>3.7</v>
      </c>
      <c r="E7789">
        <v>19972.400000000001</v>
      </c>
      <c r="F7789">
        <v>23.678000000000001</v>
      </c>
    </row>
    <row r="7790" spans="1:6" x14ac:dyDescent="0.25">
      <c r="A7790">
        <v>149.52000000000001</v>
      </c>
      <c r="B7790">
        <v>211.3</v>
      </c>
      <c r="C7790">
        <v>18800</v>
      </c>
      <c r="D7790">
        <v>4</v>
      </c>
      <c r="E7790">
        <v>19953.7</v>
      </c>
      <c r="F7790">
        <v>23.7349</v>
      </c>
    </row>
    <row r="7791" spans="1:6" x14ac:dyDescent="0.25">
      <c r="A7791">
        <v>149.52000000000001</v>
      </c>
      <c r="B7791">
        <v>214.93</v>
      </c>
      <c r="C7791">
        <v>1800</v>
      </c>
      <c r="D7791">
        <v>1</v>
      </c>
      <c r="E7791">
        <v>5503.5</v>
      </c>
      <c r="F7791">
        <v>44.874200000000002</v>
      </c>
    </row>
    <row r="7792" spans="1:6" x14ac:dyDescent="0.25">
      <c r="A7792">
        <v>149.52000000000001</v>
      </c>
      <c r="B7792">
        <v>214.93</v>
      </c>
      <c r="C7792">
        <v>1800</v>
      </c>
      <c r="D7792">
        <v>1.3</v>
      </c>
      <c r="E7792">
        <v>4891.3100000000004</v>
      </c>
      <c r="F7792">
        <v>55.431100000000001</v>
      </c>
    </row>
    <row r="7793" spans="1:6" x14ac:dyDescent="0.25">
      <c r="A7793">
        <v>149.52000000000001</v>
      </c>
      <c r="B7793">
        <v>214.93</v>
      </c>
      <c r="C7793">
        <v>1800</v>
      </c>
      <c r="D7793">
        <v>1.6</v>
      </c>
      <c r="E7793">
        <v>4563.2</v>
      </c>
      <c r="F7793">
        <v>62.431699999999999</v>
      </c>
    </row>
    <row r="7794" spans="1:6" x14ac:dyDescent="0.25">
      <c r="A7794">
        <v>149.52000000000001</v>
      </c>
      <c r="B7794">
        <v>214.93</v>
      </c>
      <c r="C7794">
        <v>1800</v>
      </c>
      <c r="D7794">
        <v>1.9</v>
      </c>
      <c r="E7794">
        <v>4220.66</v>
      </c>
      <c r="F7794">
        <v>69.602599999999995</v>
      </c>
    </row>
    <row r="7795" spans="1:6" x14ac:dyDescent="0.25">
      <c r="A7795">
        <v>149.52000000000001</v>
      </c>
      <c r="B7795">
        <v>214.93</v>
      </c>
      <c r="C7795">
        <v>1800</v>
      </c>
      <c r="D7795">
        <v>2.2000000000000002</v>
      </c>
      <c r="E7795">
        <v>4003.73</v>
      </c>
      <c r="F7795">
        <v>75.814800000000005</v>
      </c>
    </row>
    <row r="7796" spans="1:6" x14ac:dyDescent="0.25">
      <c r="A7796">
        <v>149.52000000000001</v>
      </c>
      <c r="B7796">
        <v>214.93</v>
      </c>
      <c r="C7796">
        <v>1800</v>
      </c>
      <c r="D7796">
        <v>2.5</v>
      </c>
      <c r="E7796">
        <v>3817.01</v>
      </c>
      <c r="F7796">
        <v>80.787300000000002</v>
      </c>
    </row>
    <row r="7797" spans="1:6" x14ac:dyDescent="0.25">
      <c r="A7797">
        <v>149.52000000000001</v>
      </c>
      <c r="B7797">
        <v>214.93</v>
      </c>
      <c r="C7797">
        <v>1800</v>
      </c>
      <c r="D7797">
        <v>2.8</v>
      </c>
      <c r="E7797">
        <v>3675</v>
      </c>
      <c r="F7797">
        <v>83.410700000000006</v>
      </c>
    </row>
    <row r="7798" spans="1:6" x14ac:dyDescent="0.25">
      <c r="A7798">
        <v>149.52000000000001</v>
      </c>
      <c r="B7798">
        <v>214.93</v>
      </c>
      <c r="C7798">
        <v>1800</v>
      </c>
      <c r="D7798">
        <v>3.1</v>
      </c>
      <c r="E7798">
        <v>3542.59</v>
      </c>
      <c r="F7798">
        <v>83.330399999999997</v>
      </c>
    </row>
    <row r="7799" spans="1:6" x14ac:dyDescent="0.25">
      <c r="A7799">
        <v>149.52000000000001</v>
      </c>
      <c r="B7799">
        <v>214.93</v>
      </c>
      <c r="C7799">
        <v>1800</v>
      </c>
      <c r="D7799">
        <v>3.4</v>
      </c>
      <c r="E7799">
        <v>3437.66</v>
      </c>
      <c r="F7799">
        <v>87.957899999999995</v>
      </c>
    </row>
    <row r="7800" spans="1:6" x14ac:dyDescent="0.25">
      <c r="A7800">
        <v>149.52000000000001</v>
      </c>
      <c r="B7800">
        <v>214.93</v>
      </c>
      <c r="C7800">
        <v>1800</v>
      </c>
      <c r="D7800">
        <v>3.7</v>
      </c>
      <c r="E7800">
        <v>3352.3</v>
      </c>
      <c r="F7800">
        <v>89.628500000000003</v>
      </c>
    </row>
    <row r="7801" spans="1:6" x14ac:dyDescent="0.25">
      <c r="A7801">
        <v>149.52000000000001</v>
      </c>
      <c r="B7801">
        <v>214.93</v>
      </c>
      <c r="C7801">
        <v>1800</v>
      </c>
      <c r="D7801">
        <v>4</v>
      </c>
      <c r="E7801">
        <v>3261.59</v>
      </c>
      <c r="F7801">
        <v>88.864199999999997</v>
      </c>
    </row>
    <row r="7802" spans="1:6" x14ac:dyDescent="0.25">
      <c r="A7802">
        <v>149.52000000000001</v>
      </c>
      <c r="B7802">
        <v>214.93</v>
      </c>
      <c r="C7802">
        <v>3345.45</v>
      </c>
      <c r="D7802">
        <v>1</v>
      </c>
      <c r="E7802">
        <v>6783.38</v>
      </c>
      <c r="F7802">
        <v>17.0105</v>
      </c>
    </row>
    <row r="7803" spans="1:6" x14ac:dyDescent="0.25">
      <c r="A7803">
        <v>149.52000000000001</v>
      </c>
      <c r="B7803">
        <v>214.93</v>
      </c>
      <c r="C7803">
        <v>3345.45</v>
      </c>
      <c r="D7803">
        <v>1.3</v>
      </c>
      <c r="E7803">
        <v>6366.27</v>
      </c>
      <c r="F7803">
        <v>17.636600000000001</v>
      </c>
    </row>
    <row r="7804" spans="1:6" x14ac:dyDescent="0.25">
      <c r="A7804">
        <v>149.52000000000001</v>
      </c>
      <c r="B7804">
        <v>214.93</v>
      </c>
      <c r="C7804">
        <v>3345.45</v>
      </c>
      <c r="D7804">
        <v>1.6</v>
      </c>
      <c r="E7804">
        <v>5802.51</v>
      </c>
      <c r="F7804">
        <v>19.064499999999999</v>
      </c>
    </row>
    <row r="7805" spans="1:6" x14ac:dyDescent="0.25">
      <c r="A7805">
        <v>149.52000000000001</v>
      </c>
      <c r="B7805">
        <v>214.93</v>
      </c>
      <c r="C7805">
        <v>3345.45</v>
      </c>
      <c r="D7805">
        <v>1.9</v>
      </c>
      <c r="E7805">
        <v>5751.72</v>
      </c>
      <c r="F7805">
        <v>20.650600000000001</v>
      </c>
    </row>
    <row r="7806" spans="1:6" x14ac:dyDescent="0.25">
      <c r="A7806">
        <v>149.52000000000001</v>
      </c>
      <c r="B7806">
        <v>214.93</v>
      </c>
      <c r="C7806">
        <v>3345.45</v>
      </c>
      <c r="D7806">
        <v>2.2000000000000002</v>
      </c>
      <c r="E7806">
        <v>5437.08</v>
      </c>
      <c r="F7806">
        <v>23.1798</v>
      </c>
    </row>
    <row r="7807" spans="1:6" x14ac:dyDescent="0.25">
      <c r="A7807">
        <v>149.52000000000001</v>
      </c>
      <c r="B7807">
        <v>214.93</v>
      </c>
      <c r="C7807">
        <v>3345.45</v>
      </c>
      <c r="D7807">
        <v>2.5</v>
      </c>
      <c r="E7807">
        <v>5173.09</v>
      </c>
      <c r="F7807">
        <v>23.053799999999999</v>
      </c>
    </row>
    <row r="7808" spans="1:6" x14ac:dyDescent="0.25">
      <c r="A7808">
        <v>149.52000000000001</v>
      </c>
      <c r="B7808">
        <v>214.93</v>
      </c>
      <c r="C7808">
        <v>3345.45</v>
      </c>
      <c r="D7808">
        <v>2.8</v>
      </c>
      <c r="E7808">
        <v>5083.9399999999996</v>
      </c>
      <c r="F7808">
        <v>24.9635</v>
      </c>
    </row>
    <row r="7809" spans="1:6" x14ac:dyDescent="0.25">
      <c r="A7809">
        <v>149.52000000000001</v>
      </c>
      <c r="B7809">
        <v>214.93</v>
      </c>
      <c r="C7809">
        <v>3345.45</v>
      </c>
      <c r="D7809">
        <v>3.1</v>
      </c>
      <c r="E7809">
        <v>4921.8900000000003</v>
      </c>
      <c r="F7809">
        <v>25.234500000000001</v>
      </c>
    </row>
    <row r="7810" spans="1:6" x14ac:dyDescent="0.25">
      <c r="A7810">
        <v>149.52000000000001</v>
      </c>
      <c r="B7810">
        <v>214.93</v>
      </c>
      <c r="C7810">
        <v>3345.45</v>
      </c>
      <c r="D7810">
        <v>3.4</v>
      </c>
      <c r="E7810">
        <v>4918.99</v>
      </c>
      <c r="F7810">
        <v>26.355</v>
      </c>
    </row>
    <row r="7811" spans="1:6" x14ac:dyDescent="0.25">
      <c r="A7811">
        <v>149.52000000000001</v>
      </c>
      <c r="B7811">
        <v>214.93</v>
      </c>
      <c r="C7811">
        <v>3345.45</v>
      </c>
      <c r="D7811">
        <v>3.7</v>
      </c>
      <c r="E7811">
        <v>4808.54</v>
      </c>
      <c r="F7811">
        <v>27.481999999999999</v>
      </c>
    </row>
    <row r="7812" spans="1:6" x14ac:dyDescent="0.25">
      <c r="A7812">
        <v>149.52000000000001</v>
      </c>
      <c r="B7812">
        <v>214.93</v>
      </c>
      <c r="C7812">
        <v>3345.45</v>
      </c>
      <c r="D7812">
        <v>4</v>
      </c>
      <c r="E7812">
        <v>4690.6000000000004</v>
      </c>
      <c r="F7812">
        <v>27.913900000000002</v>
      </c>
    </row>
    <row r="7813" spans="1:6" x14ac:dyDescent="0.25">
      <c r="A7813">
        <v>149.52000000000001</v>
      </c>
      <c r="B7813">
        <v>214.93</v>
      </c>
      <c r="C7813">
        <v>4890.8999999999996</v>
      </c>
      <c r="D7813">
        <v>1</v>
      </c>
      <c r="E7813">
        <v>8807.5499999999993</v>
      </c>
      <c r="F7813">
        <v>20.322199999999999</v>
      </c>
    </row>
    <row r="7814" spans="1:6" x14ac:dyDescent="0.25">
      <c r="A7814">
        <v>149.52000000000001</v>
      </c>
      <c r="B7814">
        <v>214.93</v>
      </c>
      <c r="C7814">
        <v>4890.8999999999996</v>
      </c>
      <c r="D7814">
        <v>1.3</v>
      </c>
      <c r="E7814">
        <v>7833.03</v>
      </c>
      <c r="F7814">
        <v>21.410900000000002</v>
      </c>
    </row>
    <row r="7815" spans="1:6" x14ac:dyDescent="0.25">
      <c r="A7815">
        <v>149.52000000000001</v>
      </c>
      <c r="B7815">
        <v>214.93</v>
      </c>
      <c r="C7815">
        <v>4890.8999999999996</v>
      </c>
      <c r="D7815">
        <v>1.6</v>
      </c>
      <c r="E7815">
        <v>7343.97</v>
      </c>
      <c r="F7815">
        <v>19.643599999999999</v>
      </c>
    </row>
    <row r="7816" spans="1:6" x14ac:dyDescent="0.25">
      <c r="A7816">
        <v>149.52000000000001</v>
      </c>
      <c r="B7816">
        <v>214.93</v>
      </c>
      <c r="C7816">
        <v>4890.8999999999996</v>
      </c>
      <c r="D7816">
        <v>1.9</v>
      </c>
      <c r="E7816">
        <v>7155.34</v>
      </c>
      <c r="F7816">
        <v>20.131399999999999</v>
      </c>
    </row>
    <row r="7817" spans="1:6" x14ac:dyDescent="0.25">
      <c r="A7817">
        <v>149.52000000000001</v>
      </c>
      <c r="B7817">
        <v>214.93</v>
      </c>
      <c r="C7817">
        <v>4890.8999999999996</v>
      </c>
      <c r="D7817">
        <v>2.2000000000000002</v>
      </c>
      <c r="E7817">
        <v>6882.75</v>
      </c>
      <c r="F7817">
        <v>20.537600000000001</v>
      </c>
    </row>
    <row r="7818" spans="1:6" x14ac:dyDescent="0.25">
      <c r="A7818">
        <v>149.52000000000001</v>
      </c>
      <c r="B7818">
        <v>214.93</v>
      </c>
      <c r="C7818">
        <v>4890.8999999999996</v>
      </c>
      <c r="D7818">
        <v>2.5</v>
      </c>
      <c r="E7818">
        <v>6608.37</v>
      </c>
      <c r="F7818">
        <v>20.933599999999998</v>
      </c>
    </row>
    <row r="7819" spans="1:6" x14ac:dyDescent="0.25">
      <c r="A7819">
        <v>149.52000000000001</v>
      </c>
      <c r="B7819">
        <v>214.93</v>
      </c>
      <c r="C7819">
        <v>4890.8999999999996</v>
      </c>
      <c r="D7819">
        <v>2.8</v>
      </c>
      <c r="E7819">
        <v>6544.61</v>
      </c>
      <c r="F7819">
        <v>18.745899999999999</v>
      </c>
    </row>
    <row r="7820" spans="1:6" x14ac:dyDescent="0.25">
      <c r="A7820">
        <v>149.52000000000001</v>
      </c>
      <c r="B7820">
        <v>214.93</v>
      </c>
      <c r="C7820">
        <v>4890.8999999999996</v>
      </c>
      <c r="D7820">
        <v>3.1</v>
      </c>
      <c r="E7820">
        <v>6340.51</v>
      </c>
      <c r="F7820">
        <v>18.652000000000001</v>
      </c>
    </row>
    <row r="7821" spans="1:6" x14ac:dyDescent="0.25">
      <c r="A7821">
        <v>149.52000000000001</v>
      </c>
      <c r="B7821">
        <v>214.93</v>
      </c>
      <c r="C7821">
        <v>4890.8999999999996</v>
      </c>
      <c r="D7821">
        <v>3.4</v>
      </c>
      <c r="E7821">
        <v>6199.1</v>
      </c>
      <c r="F7821">
        <v>18.764600000000002</v>
      </c>
    </row>
    <row r="7822" spans="1:6" x14ac:dyDescent="0.25">
      <c r="A7822">
        <v>149.52000000000001</v>
      </c>
      <c r="B7822">
        <v>214.93</v>
      </c>
      <c r="C7822">
        <v>4890.8999999999996</v>
      </c>
      <c r="D7822">
        <v>3.7</v>
      </c>
      <c r="E7822">
        <v>6169.64</v>
      </c>
      <c r="F7822">
        <v>18.8599</v>
      </c>
    </row>
    <row r="7823" spans="1:6" x14ac:dyDescent="0.25">
      <c r="A7823">
        <v>149.52000000000001</v>
      </c>
      <c r="B7823">
        <v>214.93</v>
      </c>
      <c r="C7823">
        <v>4890.8999999999996</v>
      </c>
      <c r="D7823">
        <v>4</v>
      </c>
      <c r="E7823">
        <v>6120.34</v>
      </c>
      <c r="F7823">
        <v>19.108499999999999</v>
      </c>
    </row>
    <row r="7824" spans="1:6" x14ac:dyDescent="0.25">
      <c r="A7824">
        <v>149.52000000000001</v>
      </c>
      <c r="B7824">
        <v>214.93</v>
      </c>
      <c r="C7824">
        <v>6436.35</v>
      </c>
      <c r="D7824">
        <v>1</v>
      </c>
      <c r="E7824">
        <v>10216.6</v>
      </c>
      <c r="F7824">
        <v>21.540199999999999</v>
      </c>
    </row>
    <row r="7825" spans="1:6" x14ac:dyDescent="0.25">
      <c r="A7825">
        <v>149.52000000000001</v>
      </c>
      <c r="B7825">
        <v>214.93</v>
      </c>
      <c r="C7825">
        <v>6436.35</v>
      </c>
      <c r="D7825">
        <v>1.3</v>
      </c>
      <c r="E7825">
        <v>9158.58</v>
      </c>
      <c r="F7825">
        <v>22.786100000000001</v>
      </c>
    </row>
    <row r="7826" spans="1:6" x14ac:dyDescent="0.25">
      <c r="A7826">
        <v>149.52000000000001</v>
      </c>
      <c r="B7826">
        <v>214.93</v>
      </c>
      <c r="C7826">
        <v>6436.35</v>
      </c>
      <c r="D7826">
        <v>1.6</v>
      </c>
      <c r="E7826">
        <v>8761.01</v>
      </c>
      <c r="F7826">
        <v>22.901700000000002</v>
      </c>
    </row>
    <row r="7827" spans="1:6" x14ac:dyDescent="0.25">
      <c r="A7827">
        <v>149.52000000000001</v>
      </c>
      <c r="B7827">
        <v>214.93</v>
      </c>
      <c r="C7827">
        <v>6436.35</v>
      </c>
      <c r="D7827">
        <v>1.9</v>
      </c>
      <c r="E7827">
        <v>8479.76</v>
      </c>
      <c r="F7827">
        <v>22.9786</v>
      </c>
    </row>
    <row r="7828" spans="1:6" x14ac:dyDescent="0.25">
      <c r="A7828">
        <v>149.52000000000001</v>
      </c>
      <c r="B7828">
        <v>214.93</v>
      </c>
      <c r="C7828">
        <v>6436.35</v>
      </c>
      <c r="D7828">
        <v>2.2000000000000002</v>
      </c>
      <c r="E7828">
        <v>8287.57</v>
      </c>
      <c r="F7828">
        <v>23.001799999999999</v>
      </c>
    </row>
    <row r="7829" spans="1:6" x14ac:dyDescent="0.25">
      <c r="A7829">
        <v>149.52000000000001</v>
      </c>
      <c r="B7829">
        <v>214.93</v>
      </c>
      <c r="C7829">
        <v>6436.35</v>
      </c>
      <c r="D7829">
        <v>2.5</v>
      </c>
      <c r="E7829">
        <v>8013.61</v>
      </c>
      <c r="F7829">
        <v>22.958500000000001</v>
      </c>
    </row>
    <row r="7830" spans="1:6" x14ac:dyDescent="0.25">
      <c r="A7830">
        <v>149.52000000000001</v>
      </c>
      <c r="B7830">
        <v>214.93</v>
      </c>
      <c r="C7830">
        <v>6436.35</v>
      </c>
      <c r="D7830">
        <v>2.8</v>
      </c>
      <c r="E7830">
        <v>7978.74</v>
      </c>
      <c r="F7830">
        <v>23.4129</v>
      </c>
    </row>
    <row r="7831" spans="1:6" x14ac:dyDescent="0.25">
      <c r="A7831">
        <v>149.52000000000001</v>
      </c>
      <c r="B7831">
        <v>214.93</v>
      </c>
      <c r="C7831">
        <v>6436.35</v>
      </c>
      <c r="D7831">
        <v>3.1</v>
      </c>
      <c r="E7831">
        <v>7870.75</v>
      </c>
      <c r="F7831">
        <v>23.518699999999999</v>
      </c>
    </row>
    <row r="7832" spans="1:6" x14ac:dyDescent="0.25">
      <c r="A7832">
        <v>149.52000000000001</v>
      </c>
      <c r="B7832">
        <v>214.93</v>
      </c>
      <c r="C7832">
        <v>6436.35</v>
      </c>
      <c r="D7832">
        <v>3.4</v>
      </c>
      <c r="E7832">
        <v>7753.07</v>
      </c>
      <c r="F7832">
        <v>23.622299999999999</v>
      </c>
    </row>
    <row r="7833" spans="1:6" x14ac:dyDescent="0.25">
      <c r="A7833">
        <v>149.52000000000001</v>
      </c>
      <c r="B7833">
        <v>214.93</v>
      </c>
      <c r="C7833">
        <v>6436.35</v>
      </c>
      <c r="D7833">
        <v>3.7</v>
      </c>
      <c r="E7833">
        <v>7652.83</v>
      </c>
      <c r="F7833">
        <v>23.678000000000001</v>
      </c>
    </row>
    <row r="7834" spans="1:6" x14ac:dyDescent="0.25">
      <c r="A7834">
        <v>149.52000000000001</v>
      </c>
      <c r="B7834">
        <v>214.93</v>
      </c>
      <c r="C7834">
        <v>6436.35</v>
      </c>
      <c r="D7834">
        <v>4</v>
      </c>
      <c r="E7834">
        <v>7583.47</v>
      </c>
      <c r="F7834">
        <v>23.7349</v>
      </c>
    </row>
    <row r="7835" spans="1:6" x14ac:dyDescent="0.25">
      <c r="A7835">
        <v>149.52000000000001</v>
      </c>
      <c r="B7835">
        <v>214.93</v>
      </c>
      <c r="C7835">
        <v>7981.8</v>
      </c>
      <c r="D7835">
        <v>1</v>
      </c>
      <c r="E7835">
        <v>11527.2</v>
      </c>
      <c r="F7835">
        <v>21.540199999999999</v>
      </c>
    </row>
    <row r="7836" spans="1:6" x14ac:dyDescent="0.25">
      <c r="A7836">
        <v>149.52000000000001</v>
      </c>
      <c r="B7836">
        <v>214.93</v>
      </c>
      <c r="C7836">
        <v>7981.8</v>
      </c>
      <c r="D7836">
        <v>1.3</v>
      </c>
      <c r="E7836">
        <v>10776.6</v>
      </c>
      <c r="F7836">
        <v>22.786100000000001</v>
      </c>
    </row>
    <row r="7837" spans="1:6" x14ac:dyDescent="0.25">
      <c r="A7837">
        <v>149.52000000000001</v>
      </c>
      <c r="B7837">
        <v>214.93</v>
      </c>
      <c r="C7837">
        <v>7981.8</v>
      </c>
      <c r="D7837">
        <v>1.6</v>
      </c>
      <c r="E7837">
        <v>10341.700000000001</v>
      </c>
      <c r="F7837">
        <v>22.901700000000002</v>
      </c>
    </row>
    <row r="7838" spans="1:6" x14ac:dyDescent="0.25">
      <c r="A7838">
        <v>149.52000000000001</v>
      </c>
      <c r="B7838">
        <v>214.93</v>
      </c>
      <c r="C7838">
        <v>7981.8</v>
      </c>
      <c r="D7838">
        <v>1.9</v>
      </c>
      <c r="E7838">
        <v>9953.9699999999993</v>
      </c>
      <c r="F7838">
        <v>22.9786</v>
      </c>
    </row>
    <row r="7839" spans="1:6" x14ac:dyDescent="0.25">
      <c r="A7839">
        <v>149.52000000000001</v>
      </c>
      <c r="B7839">
        <v>214.93</v>
      </c>
      <c r="C7839">
        <v>7981.8</v>
      </c>
      <c r="D7839">
        <v>2.2000000000000002</v>
      </c>
      <c r="E7839">
        <v>9848.14</v>
      </c>
      <c r="F7839">
        <v>23.001799999999999</v>
      </c>
    </row>
    <row r="7840" spans="1:6" x14ac:dyDescent="0.25">
      <c r="A7840">
        <v>149.52000000000001</v>
      </c>
      <c r="B7840">
        <v>214.93</v>
      </c>
      <c r="C7840">
        <v>7981.8</v>
      </c>
      <c r="D7840">
        <v>2.5</v>
      </c>
      <c r="E7840">
        <v>9616.2900000000009</v>
      </c>
      <c r="F7840">
        <v>22.958500000000001</v>
      </c>
    </row>
    <row r="7841" spans="1:6" x14ac:dyDescent="0.25">
      <c r="A7841">
        <v>149.52000000000001</v>
      </c>
      <c r="B7841">
        <v>214.93</v>
      </c>
      <c r="C7841">
        <v>7981.8</v>
      </c>
      <c r="D7841">
        <v>2.8</v>
      </c>
      <c r="E7841">
        <v>9462.81</v>
      </c>
      <c r="F7841">
        <v>23.4129</v>
      </c>
    </row>
    <row r="7842" spans="1:6" x14ac:dyDescent="0.25">
      <c r="A7842">
        <v>149.52000000000001</v>
      </c>
      <c r="B7842">
        <v>214.93</v>
      </c>
      <c r="C7842">
        <v>7981.8</v>
      </c>
      <c r="D7842">
        <v>3.1</v>
      </c>
      <c r="E7842">
        <v>9347.9699999999993</v>
      </c>
      <c r="F7842">
        <v>23.518699999999999</v>
      </c>
    </row>
    <row r="7843" spans="1:6" x14ac:dyDescent="0.25">
      <c r="A7843">
        <v>149.52000000000001</v>
      </c>
      <c r="B7843">
        <v>214.93</v>
      </c>
      <c r="C7843">
        <v>7981.8</v>
      </c>
      <c r="D7843">
        <v>3.4</v>
      </c>
      <c r="E7843">
        <v>9232.41</v>
      </c>
      <c r="F7843">
        <v>23.622299999999999</v>
      </c>
    </row>
    <row r="7844" spans="1:6" x14ac:dyDescent="0.25">
      <c r="A7844">
        <v>149.52000000000001</v>
      </c>
      <c r="B7844">
        <v>214.93</v>
      </c>
      <c r="C7844">
        <v>7981.8</v>
      </c>
      <c r="D7844">
        <v>3.7</v>
      </c>
      <c r="E7844">
        <v>9169.76</v>
      </c>
      <c r="F7844">
        <v>23.678000000000001</v>
      </c>
    </row>
    <row r="7845" spans="1:6" x14ac:dyDescent="0.25">
      <c r="A7845">
        <v>149.52000000000001</v>
      </c>
      <c r="B7845">
        <v>214.93</v>
      </c>
      <c r="C7845">
        <v>7981.8</v>
      </c>
      <c r="D7845">
        <v>4</v>
      </c>
      <c r="E7845">
        <v>9086.4</v>
      </c>
      <c r="F7845">
        <v>23.7349</v>
      </c>
    </row>
    <row r="7846" spans="1:6" x14ac:dyDescent="0.25">
      <c r="A7846">
        <v>149.52000000000001</v>
      </c>
      <c r="B7846">
        <v>214.93</v>
      </c>
      <c r="C7846">
        <v>9527.25</v>
      </c>
      <c r="D7846">
        <v>1</v>
      </c>
      <c r="E7846">
        <v>13293.7</v>
      </c>
      <c r="F7846">
        <v>21.540199999999999</v>
      </c>
    </row>
    <row r="7847" spans="1:6" x14ac:dyDescent="0.25">
      <c r="A7847">
        <v>149.52000000000001</v>
      </c>
      <c r="B7847">
        <v>214.93</v>
      </c>
      <c r="C7847">
        <v>9527.25</v>
      </c>
      <c r="D7847">
        <v>1.3</v>
      </c>
      <c r="E7847">
        <v>12468.6</v>
      </c>
      <c r="F7847">
        <v>22.786100000000001</v>
      </c>
    </row>
    <row r="7848" spans="1:6" x14ac:dyDescent="0.25">
      <c r="A7848">
        <v>149.52000000000001</v>
      </c>
      <c r="B7848">
        <v>214.93</v>
      </c>
      <c r="C7848">
        <v>9527.25</v>
      </c>
      <c r="D7848">
        <v>1.6</v>
      </c>
      <c r="E7848">
        <v>12026</v>
      </c>
      <c r="F7848">
        <v>22.901700000000002</v>
      </c>
    </row>
    <row r="7849" spans="1:6" x14ac:dyDescent="0.25">
      <c r="A7849">
        <v>149.52000000000001</v>
      </c>
      <c r="B7849">
        <v>214.93</v>
      </c>
      <c r="C7849">
        <v>9527.25</v>
      </c>
      <c r="D7849">
        <v>1.9</v>
      </c>
      <c r="E7849">
        <v>11594.2</v>
      </c>
      <c r="F7849">
        <v>22.9786</v>
      </c>
    </row>
    <row r="7850" spans="1:6" x14ac:dyDescent="0.25">
      <c r="A7850">
        <v>149.52000000000001</v>
      </c>
      <c r="B7850">
        <v>214.93</v>
      </c>
      <c r="C7850">
        <v>9527.25</v>
      </c>
      <c r="D7850">
        <v>2.2000000000000002</v>
      </c>
      <c r="E7850">
        <v>11300.1</v>
      </c>
      <c r="F7850">
        <v>23.001799999999999</v>
      </c>
    </row>
    <row r="7851" spans="1:6" x14ac:dyDescent="0.25">
      <c r="A7851">
        <v>149.52000000000001</v>
      </c>
      <c r="B7851">
        <v>214.93</v>
      </c>
      <c r="C7851">
        <v>9527.25</v>
      </c>
      <c r="D7851">
        <v>2.5</v>
      </c>
      <c r="E7851">
        <v>11092.4</v>
      </c>
      <c r="F7851">
        <v>22.958500000000001</v>
      </c>
    </row>
    <row r="7852" spans="1:6" x14ac:dyDescent="0.25">
      <c r="A7852">
        <v>149.52000000000001</v>
      </c>
      <c r="B7852">
        <v>214.93</v>
      </c>
      <c r="C7852">
        <v>9527.25</v>
      </c>
      <c r="D7852">
        <v>2.8</v>
      </c>
      <c r="E7852">
        <v>11098.2</v>
      </c>
      <c r="F7852">
        <v>23.4129</v>
      </c>
    </row>
    <row r="7853" spans="1:6" x14ac:dyDescent="0.25">
      <c r="A7853">
        <v>149.52000000000001</v>
      </c>
      <c r="B7853">
        <v>214.93</v>
      </c>
      <c r="C7853">
        <v>9527.25</v>
      </c>
      <c r="D7853">
        <v>3.1</v>
      </c>
      <c r="E7853">
        <v>10877.3</v>
      </c>
      <c r="F7853">
        <v>23.518699999999999</v>
      </c>
    </row>
    <row r="7854" spans="1:6" x14ac:dyDescent="0.25">
      <c r="A7854">
        <v>149.52000000000001</v>
      </c>
      <c r="B7854">
        <v>214.93</v>
      </c>
      <c r="C7854">
        <v>9527.25</v>
      </c>
      <c r="D7854">
        <v>3.4</v>
      </c>
      <c r="E7854">
        <v>10780.7</v>
      </c>
      <c r="F7854">
        <v>23.622299999999999</v>
      </c>
    </row>
    <row r="7855" spans="1:6" x14ac:dyDescent="0.25">
      <c r="A7855">
        <v>149.52000000000001</v>
      </c>
      <c r="B7855">
        <v>214.93</v>
      </c>
      <c r="C7855">
        <v>9527.25</v>
      </c>
      <c r="D7855">
        <v>3.7</v>
      </c>
      <c r="E7855">
        <v>10761.6</v>
      </c>
      <c r="F7855">
        <v>23.678000000000001</v>
      </c>
    </row>
    <row r="7856" spans="1:6" x14ac:dyDescent="0.25">
      <c r="A7856">
        <v>149.52000000000001</v>
      </c>
      <c r="B7856">
        <v>214.93</v>
      </c>
      <c r="C7856">
        <v>9527.25</v>
      </c>
      <c r="D7856">
        <v>4</v>
      </c>
      <c r="E7856">
        <v>10623.2</v>
      </c>
      <c r="F7856">
        <v>23.7349</v>
      </c>
    </row>
    <row r="7857" spans="1:6" x14ac:dyDescent="0.25">
      <c r="A7857">
        <v>149.52000000000001</v>
      </c>
      <c r="B7857">
        <v>214.93</v>
      </c>
      <c r="C7857">
        <v>11072.7</v>
      </c>
      <c r="D7857">
        <v>1</v>
      </c>
      <c r="E7857">
        <v>14626</v>
      </c>
      <c r="F7857">
        <v>21.540199999999999</v>
      </c>
    </row>
    <row r="7858" spans="1:6" x14ac:dyDescent="0.25">
      <c r="A7858">
        <v>149.52000000000001</v>
      </c>
      <c r="B7858">
        <v>214.93</v>
      </c>
      <c r="C7858">
        <v>11072.7</v>
      </c>
      <c r="D7858">
        <v>1.3</v>
      </c>
      <c r="E7858">
        <v>14030.8</v>
      </c>
      <c r="F7858">
        <v>22.786100000000001</v>
      </c>
    </row>
    <row r="7859" spans="1:6" x14ac:dyDescent="0.25">
      <c r="A7859">
        <v>149.52000000000001</v>
      </c>
      <c r="B7859">
        <v>214.93</v>
      </c>
      <c r="C7859">
        <v>11072.7</v>
      </c>
      <c r="D7859">
        <v>1.6</v>
      </c>
      <c r="E7859">
        <v>13566.8</v>
      </c>
      <c r="F7859">
        <v>22.901700000000002</v>
      </c>
    </row>
    <row r="7860" spans="1:6" x14ac:dyDescent="0.25">
      <c r="A7860">
        <v>149.52000000000001</v>
      </c>
      <c r="B7860">
        <v>214.93</v>
      </c>
      <c r="C7860">
        <v>11072.7</v>
      </c>
      <c r="D7860">
        <v>1.9</v>
      </c>
      <c r="E7860">
        <v>13064</v>
      </c>
      <c r="F7860">
        <v>22.9786</v>
      </c>
    </row>
    <row r="7861" spans="1:6" x14ac:dyDescent="0.25">
      <c r="A7861">
        <v>149.52000000000001</v>
      </c>
      <c r="B7861">
        <v>214.93</v>
      </c>
      <c r="C7861">
        <v>11072.7</v>
      </c>
      <c r="D7861">
        <v>2.2000000000000002</v>
      </c>
      <c r="E7861">
        <v>12893.9</v>
      </c>
      <c r="F7861">
        <v>23.001799999999999</v>
      </c>
    </row>
    <row r="7862" spans="1:6" x14ac:dyDescent="0.25">
      <c r="A7862">
        <v>149.52000000000001</v>
      </c>
      <c r="B7862">
        <v>214.93</v>
      </c>
      <c r="C7862">
        <v>11072.7</v>
      </c>
      <c r="D7862">
        <v>2.5</v>
      </c>
      <c r="E7862">
        <v>12636.9</v>
      </c>
      <c r="F7862">
        <v>22.958500000000001</v>
      </c>
    </row>
    <row r="7863" spans="1:6" x14ac:dyDescent="0.25">
      <c r="A7863">
        <v>149.52000000000001</v>
      </c>
      <c r="B7863">
        <v>214.93</v>
      </c>
      <c r="C7863">
        <v>11072.7</v>
      </c>
      <c r="D7863">
        <v>2.8</v>
      </c>
      <c r="E7863">
        <v>12541.1</v>
      </c>
      <c r="F7863">
        <v>23.4129</v>
      </c>
    </row>
    <row r="7864" spans="1:6" x14ac:dyDescent="0.25">
      <c r="A7864">
        <v>149.52000000000001</v>
      </c>
      <c r="B7864">
        <v>214.93</v>
      </c>
      <c r="C7864">
        <v>11072.7</v>
      </c>
      <c r="D7864">
        <v>3.1</v>
      </c>
      <c r="E7864">
        <v>12546.9</v>
      </c>
      <c r="F7864">
        <v>23.518699999999999</v>
      </c>
    </row>
    <row r="7865" spans="1:6" x14ac:dyDescent="0.25">
      <c r="A7865">
        <v>149.52000000000001</v>
      </c>
      <c r="B7865">
        <v>214.93</v>
      </c>
      <c r="C7865">
        <v>11072.7</v>
      </c>
      <c r="D7865">
        <v>3.4</v>
      </c>
      <c r="E7865">
        <v>12355.4</v>
      </c>
      <c r="F7865">
        <v>23.622299999999999</v>
      </c>
    </row>
    <row r="7866" spans="1:6" x14ac:dyDescent="0.25">
      <c r="A7866">
        <v>149.52000000000001</v>
      </c>
      <c r="B7866">
        <v>214.93</v>
      </c>
      <c r="C7866">
        <v>11072.7</v>
      </c>
      <c r="D7866">
        <v>3.7</v>
      </c>
      <c r="E7866">
        <v>12246.1</v>
      </c>
      <c r="F7866">
        <v>23.678000000000001</v>
      </c>
    </row>
    <row r="7867" spans="1:6" x14ac:dyDescent="0.25">
      <c r="A7867">
        <v>149.52000000000001</v>
      </c>
      <c r="B7867">
        <v>214.93</v>
      </c>
      <c r="C7867">
        <v>11072.7</v>
      </c>
      <c r="D7867">
        <v>4</v>
      </c>
      <c r="E7867">
        <v>12181.9</v>
      </c>
      <c r="F7867">
        <v>23.7349</v>
      </c>
    </row>
    <row r="7868" spans="1:6" x14ac:dyDescent="0.25">
      <c r="A7868">
        <v>149.52000000000001</v>
      </c>
      <c r="B7868">
        <v>214.93</v>
      </c>
      <c r="C7868">
        <v>12618.2</v>
      </c>
      <c r="D7868">
        <v>1</v>
      </c>
      <c r="E7868">
        <v>16376.1</v>
      </c>
      <c r="F7868">
        <v>21.540199999999999</v>
      </c>
    </row>
    <row r="7869" spans="1:6" x14ac:dyDescent="0.25">
      <c r="A7869">
        <v>149.52000000000001</v>
      </c>
      <c r="B7869">
        <v>214.93</v>
      </c>
      <c r="C7869">
        <v>12618.2</v>
      </c>
      <c r="D7869">
        <v>1.3</v>
      </c>
      <c r="E7869">
        <v>15609.8</v>
      </c>
      <c r="F7869">
        <v>22.786100000000001</v>
      </c>
    </row>
    <row r="7870" spans="1:6" x14ac:dyDescent="0.25">
      <c r="A7870">
        <v>149.52000000000001</v>
      </c>
      <c r="B7870">
        <v>214.93</v>
      </c>
      <c r="C7870">
        <v>12618.2</v>
      </c>
      <c r="D7870">
        <v>1.6</v>
      </c>
      <c r="E7870">
        <v>14954.6</v>
      </c>
      <c r="F7870">
        <v>22.901700000000002</v>
      </c>
    </row>
    <row r="7871" spans="1:6" x14ac:dyDescent="0.25">
      <c r="A7871">
        <v>149.52000000000001</v>
      </c>
      <c r="B7871">
        <v>214.93</v>
      </c>
      <c r="C7871">
        <v>12618.2</v>
      </c>
      <c r="D7871">
        <v>1.9</v>
      </c>
      <c r="E7871">
        <v>14645</v>
      </c>
      <c r="F7871">
        <v>22.9786</v>
      </c>
    </row>
    <row r="7872" spans="1:6" x14ac:dyDescent="0.25">
      <c r="A7872">
        <v>149.52000000000001</v>
      </c>
      <c r="B7872">
        <v>214.93</v>
      </c>
      <c r="C7872">
        <v>12618.2</v>
      </c>
      <c r="D7872">
        <v>2.2000000000000002</v>
      </c>
      <c r="E7872">
        <v>14453</v>
      </c>
      <c r="F7872">
        <v>23.001799999999999</v>
      </c>
    </row>
    <row r="7873" spans="1:6" x14ac:dyDescent="0.25">
      <c r="A7873">
        <v>149.52000000000001</v>
      </c>
      <c r="B7873">
        <v>214.93</v>
      </c>
      <c r="C7873">
        <v>12618.2</v>
      </c>
      <c r="D7873">
        <v>2.5</v>
      </c>
      <c r="E7873">
        <v>14202.8</v>
      </c>
      <c r="F7873">
        <v>22.958500000000001</v>
      </c>
    </row>
    <row r="7874" spans="1:6" x14ac:dyDescent="0.25">
      <c r="A7874">
        <v>149.52000000000001</v>
      </c>
      <c r="B7874">
        <v>214.93</v>
      </c>
      <c r="C7874">
        <v>12618.2</v>
      </c>
      <c r="D7874">
        <v>2.8</v>
      </c>
      <c r="E7874">
        <v>14120.4</v>
      </c>
      <c r="F7874">
        <v>23.4129</v>
      </c>
    </row>
    <row r="7875" spans="1:6" x14ac:dyDescent="0.25">
      <c r="A7875">
        <v>149.52000000000001</v>
      </c>
      <c r="B7875">
        <v>214.93</v>
      </c>
      <c r="C7875">
        <v>12618.2</v>
      </c>
      <c r="D7875">
        <v>3.1</v>
      </c>
      <c r="E7875">
        <v>13974.4</v>
      </c>
      <c r="F7875">
        <v>23.518699999999999</v>
      </c>
    </row>
    <row r="7876" spans="1:6" x14ac:dyDescent="0.25">
      <c r="A7876">
        <v>149.52000000000001</v>
      </c>
      <c r="B7876">
        <v>214.93</v>
      </c>
      <c r="C7876">
        <v>12618.2</v>
      </c>
      <c r="D7876">
        <v>3.4</v>
      </c>
      <c r="E7876">
        <v>13881.9</v>
      </c>
      <c r="F7876">
        <v>23.622299999999999</v>
      </c>
    </row>
    <row r="7877" spans="1:6" x14ac:dyDescent="0.25">
      <c r="A7877">
        <v>149.52000000000001</v>
      </c>
      <c r="B7877">
        <v>214.93</v>
      </c>
      <c r="C7877">
        <v>12618.2</v>
      </c>
      <c r="D7877">
        <v>3.7</v>
      </c>
      <c r="E7877">
        <v>13804.8</v>
      </c>
      <c r="F7877">
        <v>23.678000000000001</v>
      </c>
    </row>
    <row r="7878" spans="1:6" x14ac:dyDescent="0.25">
      <c r="A7878">
        <v>149.52000000000001</v>
      </c>
      <c r="B7878">
        <v>214.93</v>
      </c>
      <c r="C7878">
        <v>12618.2</v>
      </c>
      <c r="D7878">
        <v>4</v>
      </c>
      <c r="E7878">
        <v>13763</v>
      </c>
      <c r="F7878">
        <v>23.7349</v>
      </c>
    </row>
    <row r="7879" spans="1:6" x14ac:dyDescent="0.25">
      <c r="A7879">
        <v>149.52000000000001</v>
      </c>
      <c r="B7879">
        <v>214.93</v>
      </c>
      <c r="C7879">
        <v>14163.6</v>
      </c>
      <c r="D7879">
        <v>1</v>
      </c>
      <c r="E7879">
        <v>17897.5</v>
      </c>
      <c r="F7879">
        <v>21.540199999999999</v>
      </c>
    </row>
    <row r="7880" spans="1:6" x14ac:dyDescent="0.25">
      <c r="A7880">
        <v>149.52000000000001</v>
      </c>
      <c r="B7880">
        <v>214.93</v>
      </c>
      <c r="C7880">
        <v>14163.6</v>
      </c>
      <c r="D7880">
        <v>1.3</v>
      </c>
      <c r="E7880">
        <v>17137.2</v>
      </c>
      <c r="F7880">
        <v>22.786100000000001</v>
      </c>
    </row>
    <row r="7881" spans="1:6" x14ac:dyDescent="0.25">
      <c r="A7881">
        <v>149.52000000000001</v>
      </c>
      <c r="B7881">
        <v>214.93</v>
      </c>
      <c r="C7881">
        <v>14163.6</v>
      </c>
      <c r="D7881">
        <v>1.6</v>
      </c>
      <c r="E7881">
        <v>16502.900000000001</v>
      </c>
      <c r="F7881">
        <v>22.901700000000002</v>
      </c>
    </row>
    <row r="7882" spans="1:6" x14ac:dyDescent="0.25">
      <c r="A7882">
        <v>149.52000000000001</v>
      </c>
      <c r="B7882">
        <v>214.93</v>
      </c>
      <c r="C7882">
        <v>14163.6</v>
      </c>
      <c r="D7882">
        <v>1.9</v>
      </c>
      <c r="E7882">
        <v>16150.5</v>
      </c>
      <c r="F7882">
        <v>22.9786</v>
      </c>
    </row>
    <row r="7883" spans="1:6" x14ac:dyDescent="0.25">
      <c r="A7883">
        <v>149.52000000000001</v>
      </c>
      <c r="B7883">
        <v>214.93</v>
      </c>
      <c r="C7883">
        <v>14163.6</v>
      </c>
      <c r="D7883">
        <v>2.2000000000000002</v>
      </c>
      <c r="E7883">
        <v>15969.4</v>
      </c>
      <c r="F7883">
        <v>23.001799999999999</v>
      </c>
    </row>
    <row r="7884" spans="1:6" x14ac:dyDescent="0.25">
      <c r="A7884">
        <v>149.52000000000001</v>
      </c>
      <c r="B7884">
        <v>214.93</v>
      </c>
      <c r="C7884">
        <v>14163.6</v>
      </c>
      <c r="D7884">
        <v>2.5</v>
      </c>
      <c r="E7884">
        <v>15721</v>
      </c>
      <c r="F7884">
        <v>22.958500000000001</v>
      </c>
    </row>
    <row r="7885" spans="1:6" x14ac:dyDescent="0.25">
      <c r="A7885">
        <v>149.52000000000001</v>
      </c>
      <c r="B7885">
        <v>214.93</v>
      </c>
      <c r="C7885">
        <v>14163.6</v>
      </c>
      <c r="D7885">
        <v>2.8</v>
      </c>
      <c r="E7885">
        <v>15715.8</v>
      </c>
      <c r="F7885">
        <v>23.4129</v>
      </c>
    </row>
    <row r="7886" spans="1:6" x14ac:dyDescent="0.25">
      <c r="A7886">
        <v>149.52000000000001</v>
      </c>
      <c r="B7886">
        <v>214.93</v>
      </c>
      <c r="C7886">
        <v>14163.6</v>
      </c>
      <c r="D7886">
        <v>3.1</v>
      </c>
      <c r="E7886">
        <v>15589.6</v>
      </c>
      <c r="F7886">
        <v>23.518699999999999</v>
      </c>
    </row>
    <row r="7887" spans="1:6" x14ac:dyDescent="0.25">
      <c r="A7887">
        <v>149.52000000000001</v>
      </c>
      <c r="B7887">
        <v>214.93</v>
      </c>
      <c r="C7887">
        <v>14163.6</v>
      </c>
      <c r="D7887">
        <v>3.4</v>
      </c>
      <c r="E7887">
        <v>15442.3</v>
      </c>
      <c r="F7887">
        <v>23.622299999999999</v>
      </c>
    </row>
    <row r="7888" spans="1:6" x14ac:dyDescent="0.25">
      <c r="A7888">
        <v>149.52000000000001</v>
      </c>
      <c r="B7888">
        <v>214.93</v>
      </c>
      <c r="C7888">
        <v>14163.6</v>
      </c>
      <c r="D7888">
        <v>3.7</v>
      </c>
      <c r="E7888">
        <v>15351.9</v>
      </c>
      <c r="F7888">
        <v>23.678000000000001</v>
      </c>
    </row>
    <row r="7889" spans="1:6" x14ac:dyDescent="0.25">
      <c r="A7889">
        <v>149.52000000000001</v>
      </c>
      <c r="B7889">
        <v>214.93</v>
      </c>
      <c r="C7889">
        <v>14163.6</v>
      </c>
      <c r="D7889">
        <v>4</v>
      </c>
      <c r="E7889">
        <v>15316.9</v>
      </c>
      <c r="F7889">
        <v>23.7349</v>
      </c>
    </row>
    <row r="7890" spans="1:6" x14ac:dyDescent="0.25">
      <c r="A7890">
        <v>149.52000000000001</v>
      </c>
      <c r="B7890">
        <v>214.93</v>
      </c>
      <c r="C7890">
        <v>15709.1</v>
      </c>
      <c r="D7890">
        <v>1</v>
      </c>
      <c r="E7890">
        <v>19266.5</v>
      </c>
      <c r="F7890">
        <v>21.540199999999999</v>
      </c>
    </row>
    <row r="7891" spans="1:6" x14ac:dyDescent="0.25">
      <c r="A7891">
        <v>149.52000000000001</v>
      </c>
      <c r="B7891">
        <v>214.93</v>
      </c>
      <c r="C7891">
        <v>15709.1</v>
      </c>
      <c r="D7891">
        <v>1.3</v>
      </c>
      <c r="E7891">
        <v>18668.900000000001</v>
      </c>
      <c r="F7891">
        <v>22.786100000000001</v>
      </c>
    </row>
    <row r="7892" spans="1:6" x14ac:dyDescent="0.25">
      <c r="A7892">
        <v>149.52000000000001</v>
      </c>
      <c r="B7892">
        <v>214.93</v>
      </c>
      <c r="C7892">
        <v>15709.1</v>
      </c>
      <c r="D7892">
        <v>1.6</v>
      </c>
      <c r="E7892">
        <v>18146.2</v>
      </c>
      <c r="F7892">
        <v>22.901700000000002</v>
      </c>
    </row>
    <row r="7893" spans="1:6" x14ac:dyDescent="0.25">
      <c r="A7893">
        <v>149.52000000000001</v>
      </c>
      <c r="B7893">
        <v>214.93</v>
      </c>
      <c r="C7893">
        <v>15709.1</v>
      </c>
      <c r="D7893">
        <v>1.9</v>
      </c>
      <c r="E7893">
        <v>17887.5</v>
      </c>
      <c r="F7893">
        <v>22.9786</v>
      </c>
    </row>
    <row r="7894" spans="1:6" x14ac:dyDescent="0.25">
      <c r="A7894">
        <v>149.52000000000001</v>
      </c>
      <c r="B7894">
        <v>214.93</v>
      </c>
      <c r="C7894">
        <v>15709.1</v>
      </c>
      <c r="D7894">
        <v>2.2000000000000002</v>
      </c>
      <c r="E7894">
        <v>17542.099999999999</v>
      </c>
      <c r="F7894">
        <v>23.001799999999999</v>
      </c>
    </row>
    <row r="7895" spans="1:6" x14ac:dyDescent="0.25">
      <c r="A7895">
        <v>149.52000000000001</v>
      </c>
      <c r="B7895">
        <v>214.93</v>
      </c>
      <c r="C7895">
        <v>15709.1</v>
      </c>
      <c r="D7895">
        <v>2.5</v>
      </c>
      <c r="E7895">
        <v>17252.3</v>
      </c>
      <c r="F7895">
        <v>22.958500000000001</v>
      </c>
    </row>
    <row r="7896" spans="1:6" x14ac:dyDescent="0.25">
      <c r="A7896">
        <v>149.52000000000001</v>
      </c>
      <c r="B7896">
        <v>214.93</v>
      </c>
      <c r="C7896">
        <v>15709.1</v>
      </c>
      <c r="D7896">
        <v>2.8</v>
      </c>
      <c r="E7896">
        <v>17286.400000000001</v>
      </c>
      <c r="F7896">
        <v>23.4129</v>
      </c>
    </row>
    <row r="7897" spans="1:6" x14ac:dyDescent="0.25">
      <c r="A7897">
        <v>149.52000000000001</v>
      </c>
      <c r="B7897">
        <v>214.93</v>
      </c>
      <c r="C7897">
        <v>15709.1</v>
      </c>
      <c r="D7897">
        <v>3.1</v>
      </c>
      <c r="E7897">
        <v>17135.2</v>
      </c>
      <c r="F7897">
        <v>23.518699999999999</v>
      </c>
    </row>
    <row r="7898" spans="1:6" x14ac:dyDescent="0.25">
      <c r="A7898">
        <v>149.52000000000001</v>
      </c>
      <c r="B7898">
        <v>214.93</v>
      </c>
      <c r="C7898">
        <v>15709.1</v>
      </c>
      <c r="D7898">
        <v>3.4</v>
      </c>
      <c r="E7898">
        <v>17004.7</v>
      </c>
      <c r="F7898">
        <v>23.622299999999999</v>
      </c>
    </row>
    <row r="7899" spans="1:6" x14ac:dyDescent="0.25">
      <c r="A7899">
        <v>149.52000000000001</v>
      </c>
      <c r="B7899">
        <v>214.93</v>
      </c>
      <c r="C7899">
        <v>15709.1</v>
      </c>
      <c r="D7899">
        <v>3.7</v>
      </c>
      <c r="E7899">
        <v>16875.8</v>
      </c>
      <c r="F7899">
        <v>23.678000000000001</v>
      </c>
    </row>
    <row r="7900" spans="1:6" x14ac:dyDescent="0.25">
      <c r="A7900">
        <v>149.52000000000001</v>
      </c>
      <c r="B7900">
        <v>214.93</v>
      </c>
      <c r="C7900">
        <v>15709.1</v>
      </c>
      <c r="D7900">
        <v>4</v>
      </c>
      <c r="E7900">
        <v>16850.099999999999</v>
      </c>
      <c r="F7900">
        <v>23.7349</v>
      </c>
    </row>
    <row r="7901" spans="1:6" x14ac:dyDescent="0.25">
      <c r="A7901">
        <v>149.52000000000001</v>
      </c>
      <c r="B7901">
        <v>214.93</v>
      </c>
      <c r="C7901">
        <v>17254.5</v>
      </c>
      <c r="D7901">
        <v>1</v>
      </c>
      <c r="E7901">
        <v>20968.400000000001</v>
      </c>
      <c r="F7901">
        <v>21.540199999999999</v>
      </c>
    </row>
    <row r="7902" spans="1:6" x14ac:dyDescent="0.25">
      <c r="A7902">
        <v>149.52000000000001</v>
      </c>
      <c r="B7902">
        <v>214.93</v>
      </c>
      <c r="C7902">
        <v>17254.5</v>
      </c>
      <c r="D7902">
        <v>1.3</v>
      </c>
      <c r="E7902">
        <v>20052.3</v>
      </c>
      <c r="F7902">
        <v>22.786100000000001</v>
      </c>
    </row>
    <row r="7903" spans="1:6" x14ac:dyDescent="0.25">
      <c r="A7903">
        <v>149.52000000000001</v>
      </c>
      <c r="B7903">
        <v>214.93</v>
      </c>
      <c r="C7903">
        <v>17254.5</v>
      </c>
      <c r="D7903">
        <v>1.6</v>
      </c>
      <c r="E7903">
        <v>19672</v>
      </c>
      <c r="F7903">
        <v>22.901700000000002</v>
      </c>
    </row>
    <row r="7904" spans="1:6" x14ac:dyDescent="0.25">
      <c r="A7904">
        <v>149.52000000000001</v>
      </c>
      <c r="B7904">
        <v>214.93</v>
      </c>
      <c r="C7904">
        <v>17254.5</v>
      </c>
      <c r="D7904">
        <v>1.9</v>
      </c>
      <c r="E7904">
        <v>19383.900000000001</v>
      </c>
      <c r="F7904">
        <v>22.9786</v>
      </c>
    </row>
    <row r="7905" spans="1:6" x14ac:dyDescent="0.25">
      <c r="A7905">
        <v>149.52000000000001</v>
      </c>
      <c r="B7905">
        <v>214.93</v>
      </c>
      <c r="C7905">
        <v>17254.5</v>
      </c>
      <c r="D7905">
        <v>2.2000000000000002</v>
      </c>
      <c r="E7905">
        <v>18989.3</v>
      </c>
      <c r="F7905">
        <v>23.001799999999999</v>
      </c>
    </row>
    <row r="7906" spans="1:6" x14ac:dyDescent="0.25">
      <c r="A7906">
        <v>149.52000000000001</v>
      </c>
      <c r="B7906">
        <v>214.93</v>
      </c>
      <c r="C7906">
        <v>17254.5</v>
      </c>
      <c r="D7906">
        <v>2.5</v>
      </c>
      <c r="E7906">
        <v>18850.900000000001</v>
      </c>
      <c r="F7906">
        <v>22.958500000000001</v>
      </c>
    </row>
    <row r="7907" spans="1:6" x14ac:dyDescent="0.25">
      <c r="A7907">
        <v>149.52000000000001</v>
      </c>
      <c r="B7907">
        <v>214.93</v>
      </c>
      <c r="C7907">
        <v>17254.5</v>
      </c>
      <c r="D7907">
        <v>2.8</v>
      </c>
      <c r="E7907">
        <v>18813.5</v>
      </c>
      <c r="F7907">
        <v>23.4129</v>
      </c>
    </row>
    <row r="7908" spans="1:6" x14ac:dyDescent="0.25">
      <c r="A7908">
        <v>149.52000000000001</v>
      </c>
      <c r="B7908">
        <v>214.93</v>
      </c>
      <c r="C7908">
        <v>17254.5</v>
      </c>
      <c r="D7908">
        <v>3.1</v>
      </c>
      <c r="E7908">
        <v>18597.2</v>
      </c>
      <c r="F7908">
        <v>23.518699999999999</v>
      </c>
    </row>
    <row r="7909" spans="1:6" x14ac:dyDescent="0.25">
      <c r="A7909">
        <v>149.52000000000001</v>
      </c>
      <c r="B7909">
        <v>214.93</v>
      </c>
      <c r="C7909">
        <v>17254.5</v>
      </c>
      <c r="D7909">
        <v>3.4</v>
      </c>
      <c r="E7909">
        <v>18604.599999999999</v>
      </c>
      <c r="F7909">
        <v>23.622299999999999</v>
      </c>
    </row>
    <row r="7910" spans="1:6" x14ac:dyDescent="0.25">
      <c r="A7910">
        <v>149.52000000000001</v>
      </c>
      <c r="B7910">
        <v>214.93</v>
      </c>
      <c r="C7910">
        <v>17254.5</v>
      </c>
      <c r="D7910">
        <v>3.7</v>
      </c>
      <c r="E7910">
        <v>18410</v>
      </c>
      <c r="F7910">
        <v>23.678000000000001</v>
      </c>
    </row>
    <row r="7911" spans="1:6" x14ac:dyDescent="0.25">
      <c r="A7911">
        <v>149.52000000000001</v>
      </c>
      <c r="B7911">
        <v>214.93</v>
      </c>
      <c r="C7911">
        <v>17254.5</v>
      </c>
      <c r="D7911">
        <v>4</v>
      </c>
      <c r="E7911">
        <v>18423.3</v>
      </c>
      <c r="F7911">
        <v>23.7349</v>
      </c>
    </row>
    <row r="7912" spans="1:6" x14ac:dyDescent="0.25">
      <c r="A7912">
        <v>149.52000000000001</v>
      </c>
      <c r="B7912">
        <v>214.93</v>
      </c>
      <c r="C7912">
        <v>18800</v>
      </c>
      <c r="D7912">
        <v>1</v>
      </c>
      <c r="E7912">
        <v>22588.6</v>
      </c>
      <c r="F7912">
        <v>21.540199999999999</v>
      </c>
    </row>
    <row r="7913" spans="1:6" x14ac:dyDescent="0.25">
      <c r="A7913">
        <v>149.52000000000001</v>
      </c>
      <c r="B7913">
        <v>214.93</v>
      </c>
      <c r="C7913">
        <v>18800</v>
      </c>
      <c r="D7913">
        <v>1.3</v>
      </c>
      <c r="E7913">
        <v>21681.3</v>
      </c>
      <c r="F7913">
        <v>22.786100000000001</v>
      </c>
    </row>
    <row r="7914" spans="1:6" x14ac:dyDescent="0.25">
      <c r="A7914">
        <v>149.52000000000001</v>
      </c>
      <c r="B7914">
        <v>214.93</v>
      </c>
      <c r="C7914">
        <v>18800</v>
      </c>
      <c r="D7914">
        <v>1.6</v>
      </c>
      <c r="E7914">
        <v>21071.599999999999</v>
      </c>
      <c r="F7914">
        <v>22.901700000000002</v>
      </c>
    </row>
    <row r="7915" spans="1:6" x14ac:dyDescent="0.25">
      <c r="A7915">
        <v>149.52000000000001</v>
      </c>
      <c r="B7915">
        <v>214.93</v>
      </c>
      <c r="C7915">
        <v>18800</v>
      </c>
      <c r="D7915">
        <v>1.9</v>
      </c>
      <c r="E7915">
        <v>20911.900000000001</v>
      </c>
      <c r="F7915">
        <v>22.9786</v>
      </c>
    </row>
    <row r="7916" spans="1:6" x14ac:dyDescent="0.25">
      <c r="A7916">
        <v>149.52000000000001</v>
      </c>
      <c r="B7916">
        <v>214.93</v>
      </c>
      <c r="C7916">
        <v>18800</v>
      </c>
      <c r="D7916">
        <v>2.2000000000000002</v>
      </c>
      <c r="E7916">
        <v>20553.7</v>
      </c>
      <c r="F7916">
        <v>23.001799999999999</v>
      </c>
    </row>
    <row r="7917" spans="1:6" x14ac:dyDescent="0.25">
      <c r="A7917">
        <v>149.52000000000001</v>
      </c>
      <c r="B7917">
        <v>214.93</v>
      </c>
      <c r="C7917">
        <v>18800</v>
      </c>
      <c r="D7917">
        <v>2.5</v>
      </c>
      <c r="E7917">
        <v>20467.3</v>
      </c>
      <c r="F7917">
        <v>22.958500000000001</v>
      </c>
    </row>
    <row r="7918" spans="1:6" x14ac:dyDescent="0.25">
      <c r="A7918">
        <v>149.52000000000001</v>
      </c>
      <c r="B7918">
        <v>214.93</v>
      </c>
      <c r="C7918">
        <v>18800</v>
      </c>
      <c r="D7918">
        <v>2.8</v>
      </c>
      <c r="E7918">
        <v>20289.3</v>
      </c>
      <c r="F7918">
        <v>23.4129</v>
      </c>
    </row>
    <row r="7919" spans="1:6" x14ac:dyDescent="0.25">
      <c r="A7919">
        <v>149.52000000000001</v>
      </c>
      <c r="B7919">
        <v>214.93</v>
      </c>
      <c r="C7919">
        <v>18800</v>
      </c>
      <c r="D7919">
        <v>3.1</v>
      </c>
      <c r="E7919">
        <v>20194.099999999999</v>
      </c>
      <c r="F7919">
        <v>23.518699999999999</v>
      </c>
    </row>
    <row r="7920" spans="1:6" x14ac:dyDescent="0.25">
      <c r="A7920">
        <v>149.52000000000001</v>
      </c>
      <c r="B7920">
        <v>214.93</v>
      </c>
      <c r="C7920">
        <v>18800</v>
      </c>
      <c r="D7920">
        <v>3.4</v>
      </c>
      <c r="E7920">
        <v>20103.5</v>
      </c>
      <c r="F7920">
        <v>23.622299999999999</v>
      </c>
    </row>
    <row r="7921" spans="1:6" x14ac:dyDescent="0.25">
      <c r="A7921">
        <v>149.52000000000001</v>
      </c>
      <c r="B7921">
        <v>214.93</v>
      </c>
      <c r="C7921">
        <v>18800</v>
      </c>
      <c r="D7921">
        <v>3.7</v>
      </c>
      <c r="E7921">
        <v>19979.400000000001</v>
      </c>
      <c r="F7921">
        <v>23.678000000000001</v>
      </c>
    </row>
    <row r="7922" spans="1:6" x14ac:dyDescent="0.25">
      <c r="A7922">
        <v>149.52000000000001</v>
      </c>
      <c r="B7922">
        <v>214.93</v>
      </c>
      <c r="C7922">
        <v>18800</v>
      </c>
      <c r="D7922">
        <v>4</v>
      </c>
      <c r="E7922">
        <v>19929.3</v>
      </c>
      <c r="F7922">
        <v>23.7349</v>
      </c>
    </row>
    <row r="7923" spans="1:6" x14ac:dyDescent="0.25">
      <c r="A7923">
        <v>153.15</v>
      </c>
      <c r="B7923">
        <v>175</v>
      </c>
      <c r="C7923">
        <v>1800</v>
      </c>
      <c r="D7923">
        <v>1</v>
      </c>
      <c r="E7923">
        <v>5570.66</v>
      </c>
      <c r="F7923">
        <v>41.432000000000002</v>
      </c>
    </row>
    <row r="7924" spans="1:6" x14ac:dyDescent="0.25">
      <c r="A7924">
        <v>153.15</v>
      </c>
      <c r="B7924">
        <v>175</v>
      </c>
      <c r="C7924">
        <v>1800</v>
      </c>
      <c r="D7924">
        <v>1.3</v>
      </c>
      <c r="E7924">
        <v>5058.6499999999996</v>
      </c>
      <c r="F7924">
        <v>51.634500000000003</v>
      </c>
    </row>
    <row r="7925" spans="1:6" x14ac:dyDescent="0.25">
      <c r="A7925">
        <v>153.15</v>
      </c>
      <c r="B7925">
        <v>175</v>
      </c>
      <c r="C7925">
        <v>1800</v>
      </c>
      <c r="D7925">
        <v>1.6</v>
      </c>
      <c r="E7925">
        <v>4671.05</v>
      </c>
      <c r="F7925">
        <v>61.974899999999998</v>
      </c>
    </row>
    <row r="7926" spans="1:6" x14ac:dyDescent="0.25">
      <c r="A7926">
        <v>153.15</v>
      </c>
      <c r="B7926">
        <v>175</v>
      </c>
      <c r="C7926">
        <v>1800</v>
      </c>
      <c r="D7926">
        <v>1.9</v>
      </c>
      <c r="E7926">
        <v>4571.93</v>
      </c>
      <c r="F7926">
        <v>69.346100000000007</v>
      </c>
    </row>
    <row r="7927" spans="1:6" x14ac:dyDescent="0.25">
      <c r="A7927">
        <v>153.15</v>
      </c>
      <c r="B7927">
        <v>175</v>
      </c>
      <c r="C7927">
        <v>1800</v>
      </c>
      <c r="D7927">
        <v>2.2000000000000002</v>
      </c>
      <c r="E7927">
        <v>4338.43</v>
      </c>
      <c r="F7927">
        <v>72.792599999999993</v>
      </c>
    </row>
    <row r="7928" spans="1:6" x14ac:dyDescent="0.25">
      <c r="A7928">
        <v>153.15</v>
      </c>
      <c r="B7928">
        <v>175</v>
      </c>
      <c r="C7928">
        <v>1800</v>
      </c>
      <c r="D7928">
        <v>2.5</v>
      </c>
      <c r="E7928">
        <v>4274.53</v>
      </c>
      <c r="F7928">
        <v>77.865499999999997</v>
      </c>
    </row>
    <row r="7929" spans="1:6" x14ac:dyDescent="0.25">
      <c r="A7929">
        <v>153.15</v>
      </c>
      <c r="B7929">
        <v>175</v>
      </c>
      <c r="C7929">
        <v>1800</v>
      </c>
      <c r="D7929">
        <v>2.8</v>
      </c>
      <c r="E7929">
        <v>4191.38</v>
      </c>
      <c r="F7929">
        <v>80.496899999999997</v>
      </c>
    </row>
    <row r="7930" spans="1:6" x14ac:dyDescent="0.25">
      <c r="A7930">
        <v>153.15</v>
      </c>
      <c r="B7930">
        <v>175</v>
      </c>
      <c r="C7930">
        <v>1800</v>
      </c>
      <c r="D7930">
        <v>3.1</v>
      </c>
      <c r="E7930">
        <v>4062.65</v>
      </c>
      <c r="F7930">
        <v>82.365099999999998</v>
      </c>
    </row>
    <row r="7931" spans="1:6" x14ac:dyDescent="0.25">
      <c r="A7931">
        <v>153.15</v>
      </c>
      <c r="B7931">
        <v>175</v>
      </c>
      <c r="C7931">
        <v>1800</v>
      </c>
      <c r="D7931">
        <v>3.4</v>
      </c>
      <c r="E7931">
        <v>4042.88</v>
      </c>
      <c r="F7931">
        <v>82.610600000000005</v>
      </c>
    </row>
    <row r="7932" spans="1:6" x14ac:dyDescent="0.25">
      <c r="A7932">
        <v>153.15</v>
      </c>
      <c r="B7932">
        <v>175</v>
      </c>
      <c r="C7932">
        <v>1800</v>
      </c>
      <c r="D7932">
        <v>3.7</v>
      </c>
      <c r="E7932">
        <v>3939.28</v>
      </c>
      <c r="F7932">
        <v>84.502600000000001</v>
      </c>
    </row>
    <row r="7933" spans="1:6" x14ac:dyDescent="0.25">
      <c r="A7933">
        <v>153.15</v>
      </c>
      <c r="B7933">
        <v>175</v>
      </c>
      <c r="C7933">
        <v>1800</v>
      </c>
      <c r="D7933">
        <v>4</v>
      </c>
      <c r="E7933">
        <v>3876.1</v>
      </c>
      <c r="F7933">
        <v>85.906899999999993</v>
      </c>
    </row>
    <row r="7934" spans="1:6" x14ac:dyDescent="0.25">
      <c r="A7934">
        <v>153.15</v>
      </c>
      <c r="B7934">
        <v>175</v>
      </c>
      <c r="C7934">
        <v>3345.45</v>
      </c>
      <c r="D7934">
        <v>1</v>
      </c>
      <c r="E7934">
        <v>6987.75</v>
      </c>
      <c r="F7934">
        <v>17.952100000000002</v>
      </c>
    </row>
    <row r="7935" spans="1:6" x14ac:dyDescent="0.25">
      <c r="A7935">
        <v>153.15</v>
      </c>
      <c r="B7935">
        <v>175</v>
      </c>
      <c r="C7935">
        <v>3345.45</v>
      </c>
      <c r="D7935">
        <v>1.3</v>
      </c>
      <c r="E7935">
        <v>6285.84</v>
      </c>
      <c r="F7935">
        <v>21.626799999999999</v>
      </c>
    </row>
    <row r="7936" spans="1:6" x14ac:dyDescent="0.25">
      <c r="A7936">
        <v>153.15</v>
      </c>
      <c r="B7936">
        <v>175</v>
      </c>
      <c r="C7936">
        <v>3345.45</v>
      </c>
      <c r="D7936">
        <v>1.6</v>
      </c>
      <c r="E7936">
        <v>5701.79</v>
      </c>
      <c r="F7936">
        <v>18.8735</v>
      </c>
    </row>
    <row r="7937" spans="1:6" x14ac:dyDescent="0.25">
      <c r="A7937">
        <v>153.15</v>
      </c>
      <c r="B7937">
        <v>175</v>
      </c>
      <c r="C7937">
        <v>3345.45</v>
      </c>
      <c r="D7937">
        <v>1.9</v>
      </c>
      <c r="E7937">
        <v>5680.94</v>
      </c>
      <c r="F7937">
        <v>19.203600000000002</v>
      </c>
    </row>
    <row r="7938" spans="1:6" x14ac:dyDescent="0.25">
      <c r="A7938">
        <v>153.15</v>
      </c>
      <c r="B7938">
        <v>175</v>
      </c>
      <c r="C7938">
        <v>3345.45</v>
      </c>
      <c r="D7938">
        <v>2.2000000000000002</v>
      </c>
      <c r="E7938">
        <v>5516.13</v>
      </c>
      <c r="F7938">
        <v>25.968900000000001</v>
      </c>
    </row>
    <row r="7939" spans="1:6" x14ac:dyDescent="0.25">
      <c r="A7939">
        <v>153.15</v>
      </c>
      <c r="B7939">
        <v>175</v>
      </c>
      <c r="C7939">
        <v>3345.45</v>
      </c>
      <c r="D7939">
        <v>2.5</v>
      </c>
      <c r="E7939">
        <v>5225.46</v>
      </c>
      <c r="F7939">
        <v>24.919499999999999</v>
      </c>
    </row>
    <row r="7940" spans="1:6" x14ac:dyDescent="0.25">
      <c r="A7940">
        <v>153.15</v>
      </c>
      <c r="B7940">
        <v>175</v>
      </c>
      <c r="C7940">
        <v>3345.45</v>
      </c>
      <c r="D7940">
        <v>2.8</v>
      </c>
      <c r="E7940">
        <v>5098.3500000000004</v>
      </c>
      <c r="F7940">
        <v>23.020900000000001</v>
      </c>
    </row>
    <row r="7941" spans="1:6" x14ac:dyDescent="0.25">
      <c r="A7941">
        <v>153.15</v>
      </c>
      <c r="B7941">
        <v>175</v>
      </c>
      <c r="C7941">
        <v>3345.45</v>
      </c>
      <c r="D7941">
        <v>3.1</v>
      </c>
      <c r="E7941">
        <v>4985.1400000000003</v>
      </c>
      <c r="F7941">
        <v>24.282800000000002</v>
      </c>
    </row>
    <row r="7942" spans="1:6" x14ac:dyDescent="0.25">
      <c r="A7942">
        <v>153.15</v>
      </c>
      <c r="B7942">
        <v>175</v>
      </c>
      <c r="C7942">
        <v>3345.45</v>
      </c>
      <c r="D7942">
        <v>3.4</v>
      </c>
      <c r="E7942">
        <v>5042.9799999999996</v>
      </c>
      <c r="F7942">
        <v>26.1388</v>
      </c>
    </row>
    <row r="7943" spans="1:6" x14ac:dyDescent="0.25">
      <c r="A7943">
        <v>153.15</v>
      </c>
      <c r="B7943">
        <v>175</v>
      </c>
      <c r="C7943">
        <v>3345.45</v>
      </c>
      <c r="D7943">
        <v>3.7</v>
      </c>
      <c r="E7943">
        <v>4885.58</v>
      </c>
      <c r="F7943">
        <v>26.740200000000002</v>
      </c>
    </row>
    <row r="7944" spans="1:6" x14ac:dyDescent="0.25">
      <c r="A7944">
        <v>153.15</v>
      </c>
      <c r="B7944">
        <v>175</v>
      </c>
      <c r="C7944">
        <v>3345.45</v>
      </c>
      <c r="D7944">
        <v>4</v>
      </c>
      <c r="E7944">
        <v>5053.53</v>
      </c>
      <c r="F7944">
        <v>27.9147</v>
      </c>
    </row>
    <row r="7945" spans="1:6" x14ac:dyDescent="0.25">
      <c r="A7945">
        <v>153.15</v>
      </c>
      <c r="B7945">
        <v>175</v>
      </c>
      <c r="C7945">
        <v>4890.8999999999996</v>
      </c>
      <c r="D7945">
        <v>1</v>
      </c>
      <c r="E7945">
        <v>8668.8799999999992</v>
      </c>
      <c r="F7945">
        <v>25.0593</v>
      </c>
    </row>
    <row r="7946" spans="1:6" x14ac:dyDescent="0.25">
      <c r="A7946">
        <v>153.15</v>
      </c>
      <c r="B7946">
        <v>175</v>
      </c>
      <c r="C7946">
        <v>4890.8999999999996</v>
      </c>
      <c r="D7946">
        <v>1.3</v>
      </c>
      <c r="E7946">
        <v>7624.73</v>
      </c>
      <c r="F7946">
        <v>24.986499999999999</v>
      </c>
    </row>
    <row r="7947" spans="1:6" x14ac:dyDescent="0.25">
      <c r="A7947">
        <v>153.15</v>
      </c>
      <c r="B7947">
        <v>175</v>
      </c>
      <c r="C7947">
        <v>4890.8999999999996</v>
      </c>
      <c r="D7947">
        <v>1.6</v>
      </c>
      <c r="E7947">
        <v>7259.51</v>
      </c>
      <c r="F7947">
        <v>25.502800000000001</v>
      </c>
    </row>
    <row r="7948" spans="1:6" x14ac:dyDescent="0.25">
      <c r="A7948">
        <v>153.15</v>
      </c>
      <c r="B7948">
        <v>175</v>
      </c>
      <c r="C7948">
        <v>4890.8999999999996</v>
      </c>
      <c r="D7948">
        <v>1.9</v>
      </c>
      <c r="E7948">
        <v>7191.42</v>
      </c>
      <c r="F7948">
        <v>26.246500000000001</v>
      </c>
    </row>
    <row r="7949" spans="1:6" x14ac:dyDescent="0.25">
      <c r="A7949">
        <v>153.15</v>
      </c>
      <c r="B7949">
        <v>175</v>
      </c>
      <c r="C7949">
        <v>4890.8999999999996</v>
      </c>
      <c r="D7949">
        <v>2.2000000000000002</v>
      </c>
      <c r="E7949">
        <v>6893.06</v>
      </c>
      <c r="F7949">
        <v>26.796500000000002</v>
      </c>
    </row>
    <row r="7950" spans="1:6" x14ac:dyDescent="0.25">
      <c r="A7950">
        <v>153.15</v>
      </c>
      <c r="B7950">
        <v>175</v>
      </c>
      <c r="C7950">
        <v>4890.8999999999996</v>
      </c>
      <c r="D7950">
        <v>2.5</v>
      </c>
      <c r="E7950">
        <v>6710.27</v>
      </c>
      <c r="F7950">
        <v>27.2866</v>
      </c>
    </row>
    <row r="7951" spans="1:6" x14ac:dyDescent="0.25">
      <c r="A7951">
        <v>153.15</v>
      </c>
      <c r="B7951">
        <v>175</v>
      </c>
      <c r="C7951">
        <v>4890.8999999999996</v>
      </c>
      <c r="D7951">
        <v>2.8</v>
      </c>
      <c r="E7951">
        <v>5678.88</v>
      </c>
      <c r="F7951">
        <v>25.9405</v>
      </c>
    </row>
    <row r="7952" spans="1:6" x14ac:dyDescent="0.25">
      <c r="A7952">
        <v>153.15</v>
      </c>
      <c r="B7952">
        <v>175</v>
      </c>
      <c r="C7952">
        <v>4890.8999999999996</v>
      </c>
      <c r="D7952">
        <v>3.1</v>
      </c>
      <c r="E7952">
        <v>5662.21</v>
      </c>
      <c r="F7952">
        <v>25.389199999999999</v>
      </c>
    </row>
    <row r="7953" spans="1:6" x14ac:dyDescent="0.25">
      <c r="A7953">
        <v>153.15</v>
      </c>
      <c r="B7953">
        <v>175</v>
      </c>
      <c r="C7953">
        <v>4890.8999999999996</v>
      </c>
      <c r="D7953">
        <v>3.4</v>
      </c>
      <c r="E7953">
        <v>6421.31</v>
      </c>
      <c r="F7953">
        <v>25.649100000000001</v>
      </c>
    </row>
    <row r="7954" spans="1:6" x14ac:dyDescent="0.25">
      <c r="A7954">
        <v>153.15</v>
      </c>
      <c r="B7954">
        <v>175</v>
      </c>
      <c r="C7954">
        <v>4890.8999999999996</v>
      </c>
      <c r="D7954">
        <v>3.7</v>
      </c>
      <c r="E7954">
        <v>6530.6</v>
      </c>
      <c r="F7954">
        <v>25.881499999999999</v>
      </c>
    </row>
    <row r="7955" spans="1:6" x14ac:dyDescent="0.25">
      <c r="A7955">
        <v>153.15</v>
      </c>
      <c r="B7955">
        <v>175</v>
      </c>
      <c r="C7955">
        <v>4890.8999999999996</v>
      </c>
      <c r="D7955">
        <v>4</v>
      </c>
      <c r="E7955">
        <v>6385.76</v>
      </c>
      <c r="F7955">
        <v>26.045999999999999</v>
      </c>
    </row>
    <row r="7956" spans="1:6" x14ac:dyDescent="0.25">
      <c r="A7956">
        <v>153.15</v>
      </c>
      <c r="B7956">
        <v>175</v>
      </c>
      <c r="C7956">
        <v>6436.35</v>
      </c>
      <c r="D7956">
        <v>1</v>
      </c>
      <c r="E7956">
        <v>10378.4</v>
      </c>
      <c r="F7956">
        <v>25.0593</v>
      </c>
    </row>
    <row r="7957" spans="1:6" x14ac:dyDescent="0.25">
      <c r="A7957">
        <v>153.15</v>
      </c>
      <c r="B7957">
        <v>175</v>
      </c>
      <c r="C7957">
        <v>6436.35</v>
      </c>
      <c r="D7957">
        <v>1.3</v>
      </c>
      <c r="E7957">
        <v>9277.4</v>
      </c>
      <c r="F7957">
        <v>25.409199999999998</v>
      </c>
    </row>
    <row r="7958" spans="1:6" x14ac:dyDescent="0.25">
      <c r="A7958">
        <v>153.15</v>
      </c>
      <c r="B7958">
        <v>175</v>
      </c>
      <c r="C7958">
        <v>6436.35</v>
      </c>
      <c r="D7958">
        <v>1.6</v>
      </c>
      <c r="E7958">
        <v>9080.2800000000007</v>
      </c>
      <c r="F7958">
        <v>25.502800000000001</v>
      </c>
    </row>
    <row r="7959" spans="1:6" x14ac:dyDescent="0.25">
      <c r="A7959">
        <v>153.15</v>
      </c>
      <c r="B7959">
        <v>175</v>
      </c>
      <c r="C7959">
        <v>6436.35</v>
      </c>
      <c r="D7959">
        <v>1.9</v>
      </c>
      <c r="E7959">
        <v>8589.32</v>
      </c>
      <c r="F7959">
        <v>26.246500000000001</v>
      </c>
    </row>
    <row r="7960" spans="1:6" x14ac:dyDescent="0.25">
      <c r="A7960">
        <v>153.15</v>
      </c>
      <c r="B7960">
        <v>175</v>
      </c>
      <c r="C7960">
        <v>6436.35</v>
      </c>
      <c r="D7960">
        <v>2.2000000000000002</v>
      </c>
      <c r="E7960">
        <v>8408.65</v>
      </c>
      <c r="F7960">
        <v>26.796500000000002</v>
      </c>
    </row>
    <row r="7961" spans="1:6" x14ac:dyDescent="0.25">
      <c r="A7961">
        <v>153.15</v>
      </c>
      <c r="B7961">
        <v>175</v>
      </c>
      <c r="C7961">
        <v>6436.35</v>
      </c>
      <c r="D7961">
        <v>2.5</v>
      </c>
      <c r="E7961">
        <v>8177.73</v>
      </c>
      <c r="F7961">
        <v>27.2866</v>
      </c>
    </row>
    <row r="7962" spans="1:6" x14ac:dyDescent="0.25">
      <c r="A7962">
        <v>153.15</v>
      </c>
      <c r="B7962">
        <v>175</v>
      </c>
      <c r="C7962">
        <v>6436.35</v>
      </c>
      <c r="D7962">
        <v>2.8</v>
      </c>
      <c r="E7962">
        <v>5678.88</v>
      </c>
      <c r="F7962">
        <v>27.008600000000001</v>
      </c>
    </row>
    <row r="7963" spans="1:6" x14ac:dyDescent="0.25">
      <c r="A7963">
        <v>153.15</v>
      </c>
      <c r="B7963">
        <v>175</v>
      </c>
      <c r="C7963">
        <v>6436.35</v>
      </c>
      <c r="D7963">
        <v>3.1</v>
      </c>
      <c r="E7963">
        <v>5662.21</v>
      </c>
      <c r="F7963">
        <v>26.9758</v>
      </c>
    </row>
    <row r="7964" spans="1:6" x14ac:dyDescent="0.25">
      <c r="A7964">
        <v>153.15</v>
      </c>
      <c r="B7964">
        <v>175</v>
      </c>
      <c r="C7964">
        <v>6436.35</v>
      </c>
      <c r="D7964">
        <v>3.4</v>
      </c>
      <c r="E7964">
        <v>5645.99</v>
      </c>
      <c r="F7964">
        <v>26.9514</v>
      </c>
    </row>
    <row r="7965" spans="1:6" x14ac:dyDescent="0.25">
      <c r="A7965">
        <v>153.15</v>
      </c>
      <c r="B7965">
        <v>175</v>
      </c>
      <c r="C7965">
        <v>6436.35</v>
      </c>
      <c r="D7965">
        <v>3.7</v>
      </c>
      <c r="E7965">
        <v>7381.39</v>
      </c>
      <c r="F7965">
        <v>26.9221</v>
      </c>
    </row>
    <row r="7966" spans="1:6" x14ac:dyDescent="0.25">
      <c r="A7966">
        <v>153.15</v>
      </c>
      <c r="B7966">
        <v>175</v>
      </c>
      <c r="C7966">
        <v>6436.35</v>
      </c>
      <c r="D7966">
        <v>4</v>
      </c>
      <c r="E7966">
        <v>7476.42</v>
      </c>
      <c r="F7966">
        <v>26.905899999999999</v>
      </c>
    </row>
    <row r="7967" spans="1:6" x14ac:dyDescent="0.25">
      <c r="A7967">
        <v>153.15</v>
      </c>
      <c r="B7967">
        <v>175</v>
      </c>
      <c r="C7967">
        <v>7981.8</v>
      </c>
      <c r="D7967">
        <v>1</v>
      </c>
      <c r="E7967">
        <v>11596.2</v>
      </c>
      <c r="F7967">
        <v>25.0593</v>
      </c>
    </row>
    <row r="7968" spans="1:6" x14ac:dyDescent="0.25">
      <c r="A7968">
        <v>153.15</v>
      </c>
      <c r="B7968">
        <v>175</v>
      </c>
      <c r="C7968">
        <v>7981.8</v>
      </c>
      <c r="D7968">
        <v>1.3</v>
      </c>
      <c r="E7968">
        <v>10777.6</v>
      </c>
      <c r="F7968">
        <v>25.409199999999998</v>
      </c>
    </row>
    <row r="7969" spans="1:6" x14ac:dyDescent="0.25">
      <c r="A7969">
        <v>153.15</v>
      </c>
      <c r="B7969">
        <v>175</v>
      </c>
      <c r="C7969">
        <v>7981.8</v>
      </c>
      <c r="D7969">
        <v>1.6</v>
      </c>
      <c r="E7969">
        <v>10557.3</v>
      </c>
      <c r="F7969">
        <v>25.502800000000001</v>
      </c>
    </row>
    <row r="7970" spans="1:6" x14ac:dyDescent="0.25">
      <c r="A7970">
        <v>153.15</v>
      </c>
      <c r="B7970">
        <v>175</v>
      </c>
      <c r="C7970">
        <v>7981.8</v>
      </c>
      <c r="D7970">
        <v>1.9</v>
      </c>
      <c r="E7970">
        <v>10299.299999999999</v>
      </c>
      <c r="F7970">
        <v>26.246500000000001</v>
      </c>
    </row>
    <row r="7971" spans="1:6" x14ac:dyDescent="0.25">
      <c r="A7971">
        <v>153.15</v>
      </c>
      <c r="B7971">
        <v>175</v>
      </c>
      <c r="C7971">
        <v>7981.8</v>
      </c>
      <c r="D7971">
        <v>2.2000000000000002</v>
      </c>
      <c r="E7971">
        <v>9847.4500000000007</v>
      </c>
      <c r="F7971">
        <v>26.796500000000002</v>
      </c>
    </row>
    <row r="7972" spans="1:6" x14ac:dyDescent="0.25">
      <c r="A7972">
        <v>153.15</v>
      </c>
      <c r="B7972">
        <v>175</v>
      </c>
      <c r="C7972">
        <v>7981.8</v>
      </c>
      <c r="D7972">
        <v>2.5</v>
      </c>
      <c r="E7972">
        <v>9670.15</v>
      </c>
      <c r="F7972">
        <v>27.2866</v>
      </c>
    </row>
    <row r="7973" spans="1:6" x14ac:dyDescent="0.25">
      <c r="A7973">
        <v>153.15</v>
      </c>
      <c r="B7973">
        <v>175</v>
      </c>
      <c r="C7973">
        <v>7981.8</v>
      </c>
      <c r="D7973">
        <v>2.8</v>
      </c>
      <c r="E7973">
        <v>5678.88</v>
      </c>
      <c r="F7973">
        <v>27.008600000000001</v>
      </c>
    </row>
    <row r="7974" spans="1:6" x14ac:dyDescent="0.25">
      <c r="A7974">
        <v>153.15</v>
      </c>
      <c r="B7974">
        <v>175</v>
      </c>
      <c r="C7974">
        <v>7981.8</v>
      </c>
      <c r="D7974">
        <v>3.1</v>
      </c>
      <c r="E7974">
        <v>5662.21</v>
      </c>
      <c r="F7974">
        <v>26.9758</v>
      </c>
    </row>
    <row r="7975" spans="1:6" x14ac:dyDescent="0.25">
      <c r="A7975">
        <v>153.15</v>
      </c>
      <c r="B7975">
        <v>175</v>
      </c>
      <c r="C7975">
        <v>7981.8</v>
      </c>
      <c r="D7975">
        <v>3.4</v>
      </c>
      <c r="E7975">
        <v>5645.99</v>
      </c>
      <c r="F7975">
        <v>26.9514</v>
      </c>
    </row>
    <row r="7976" spans="1:6" x14ac:dyDescent="0.25">
      <c r="A7976">
        <v>153.15</v>
      </c>
      <c r="B7976">
        <v>175</v>
      </c>
      <c r="C7976">
        <v>7981.8</v>
      </c>
      <c r="D7976">
        <v>3.7</v>
      </c>
      <c r="E7976">
        <v>8991.85</v>
      </c>
      <c r="F7976">
        <v>26.9221</v>
      </c>
    </row>
    <row r="7977" spans="1:6" x14ac:dyDescent="0.25">
      <c r="A7977">
        <v>153.15</v>
      </c>
      <c r="B7977">
        <v>175</v>
      </c>
      <c r="C7977">
        <v>7981.8</v>
      </c>
      <c r="D7977">
        <v>4</v>
      </c>
      <c r="E7977">
        <v>8966.89</v>
      </c>
      <c r="F7977">
        <v>26.905899999999999</v>
      </c>
    </row>
    <row r="7978" spans="1:6" x14ac:dyDescent="0.25">
      <c r="A7978">
        <v>153.15</v>
      </c>
      <c r="B7978">
        <v>175</v>
      </c>
      <c r="C7978">
        <v>9527.25</v>
      </c>
      <c r="D7978">
        <v>1</v>
      </c>
      <c r="E7978">
        <v>13458.7</v>
      </c>
      <c r="F7978">
        <v>25.0593</v>
      </c>
    </row>
    <row r="7979" spans="1:6" x14ac:dyDescent="0.25">
      <c r="A7979">
        <v>153.15</v>
      </c>
      <c r="B7979">
        <v>175</v>
      </c>
      <c r="C7979">
        <v>9527.25</v>
      </c>
      <c r="D7979">
        <v>1.3</v>
      </c>
      <c r="E7979">
        <v>12237.1</v>
      </c>
      <c r="F7979">
        <v>25.409199999999998</v>
      </c>
    </row>
    <row r="7980" spans="1:6" x14ac:dyDescent="0.25">
      <c r="A7980">
        <v>153.15</v>
      </c>
      <c r="B7980">
        <v>175</v>
      </c>
      <c r="C7980">
        <v>9527.25</v>
      </c>
      <c r="D7980">
        <v>1.6</v>
      </c>
      <c r="E7980">
        <v>12135.6</v>
      </c>
      <c r="F7980">
        <v>25.502800000000001</v>
      </c>
    </row>
    <row r="7981" spans="1:6" x14ac:dyDescent="0.25">
      <c r="A7981">
        <v>153.15</v>
      </c>
      <c r="B7981">
        <v>175</v>
      </c>
      <c r="C7981">
        <v>9527.25</v>
      </c>
      <c r="D7981">
        <v>1.9</v>
      </c>
      <c r="E7981">
        <v>11658.6</v>
      </c>
      <c r="F7981">
        <v>26.246500000000001</v>
      </c>
    </row>
    <row r="7982" spans="1:6" x14ac:dyDescent="0.25">
      <c r="A7982">
        <v>153.15</v>
      </c>
      <c r="B7982">
        <v>175</v>
      </c>
      <c r="C7982">
        <v>9527.25</v>
      </c>
      <c r="D7982">
        <v>2.2000000000000002</v>
      </c>
      <c r="E7982">
        <v>11453.5</v>
      </c>
      <c r="F7982">
        <v>26.796500000000002</v>
      </c>
    </row>
    <row r="7983" spans="1:6" x14ac:dyDescent="0.25">
      <c r="A7983">
        <v>153.15</v>
      </c>
      <c r="B7983">
        <v>175</v>
      </c>
      <c r="C7983">
        <v>9527.25</v>
      </c>
      <c r="D7983">
        <v>2.5</v>
      </c>
      <c r="E7983">
        <v>11199.8</v>
      </c>
      <c r="F7983">
        <v>27.2866</v>
      </c>
    </row>
    <row r="7984" spans="1:6" x14ac:dyDescent="0.25">
      <c r="A7984">
        <v>153.15</v>
      </c>
      <c r="B7984">
        <v>175</v>
      </c>
      <c r="C7984">
        <v>9527.25</v>
      </c>
      <c r="D7984">
        <v>2.8</v>
      </c>
      <c r="E7984">
        <v>5678.88</v>
      </c>
      <c r="F7984">
        <v>27.008600000000001</v>
      </c>
    </row>
    <row r="7985" spans="1:6" x14ac:dyDescent="0.25">
      <c r="A7985">
        <v>153.15</v>
      </c>
      <c r="B7985">
        <v>175</v>
      </c>
      <c r="C7985">
        <v>9527.25</v>
      </c>
      <c r="D7985">
        <v>3.1</v>
      </c>
      <c r="E7985">
        <v>5662.21</v>
      </c>
      <c r="F7985">
        <v>26.9758</v>
      </c>
    </row>
    <row r="7986" spans="1:6" x14ac:dyDescent="0.25">
      <c r="A7986">
        <v>153.15</v>
      </c>
      <c r="B7986">
        <v>175</v>
      </c>
      <c r="C7986">
        <v>9527.25</v>
      </c>
      <c r="D7986">
        <v>3.4</v>
      </c>
      <c r="E7986">
        <v>5645.99</v>
      </c>
      <c r="F7986">
        <v>26.9514</v>
      </c>
    </row>
    <row r="7987" spans="1:6" x14ac:dyDescent="0.25">
      <c r="A7987">
        <v>153.15</v>
      </c>
      <c r="B7987">
        <v>175</v>
      </c>
      <c r="C7987">
        <v>9527.25</v>
      </c>
      <c r="D7987">
        <v>3.7</v>
      </c>
      <c r="E7987">
        <v>10547.1</v>
      </c>
      <c r="F7987">
        <v>26.9221</v>
      </c>
    </row>
    <row r="7988" spans="1:6" x14ac:dyDescent="0.25">
      <c r="A7988">
        <v>153.15</v>
      </c>
      <c r="B7988">
        <v>175</v>
      </c>
      <c r="C7988">
        <v>9527.25</v>
      </c>
      <c r="D7988">
        <v>4</v>
      </c>
      <c r="E7988">
        <v>10433.5</v>
      </c>
      <c r="F7988">
        <v>26.905899999999999</v>
      </c>
    </row>
    <row r="7989" spans="1:6" x14ac:dyDescent="0.25">
      <c r="A7989">
        <v>153.15</v>
      </c>
      <c r="B7989">
        <v>175</v>
      </c>
      <c r="C7989">
        <v>11072.7</v>
      </c>
      <c r="D7989">
        <v>1</v>
      </c>
      <c r="E7989">
        <v>14560.3</v>
      </c>
      <c r="F7989">
        <v>25.0593</v>
      </c>
    </row>
    <row r="7990" spans="1:6" x14ac:dyDescent="0.25">
      <c r="A7990">
        <v>153.15</v>
      </c>
      <c r="B7990">
        <v>175</v>
      </c>
      <c r="C7990">
        <v>11072.7</v>
      </c>
      <c r="D7990">
        <v>1.3</v>
      </c>
      <c r="E7990">
        <v>13872.5</v>
      </c>
      <c r="F7990">
        <v>25.409199999999998</v>
      </c>
    </row>
    <row r="7991" spans="1:6" x14ac:dyDescent="0.25">
      <c r="A7991">
        <v>153.15</v>
      </c>
      <c r="B7991">
        <v>175</v>
      </c>
      <c r="C7991">
        <v>11072.7</v>
      </c>
      <c r="D7991">
        <v>1.6</v>
      </c>
      <c r="E7991">
        <v>13468.4</v>
      </c>
      <c r="F7991">
        <v>25.502800000000001</v>
      </c>
    </row>
    <row r="7992" spans="1:6" x14ac:dyDescent="0.25">
      <c r="A7992">
        <v>153.15</v>
      </c>
      <c r="B7992">
        <v>175</v>
      </c>
      <c r="C7992">
        <v>11072.7</v>
      </c>
      <c r="D7992">
        <v>1.9</v>
      </c>
      <c r="E7992">
        <v>13220.7</v>
      </c>
      <c r="F7992">
        <v>26.246500000000001</v>
      </c>
    </row>
    <row r="7993" spans="1:6" x14ac:dyDescent="0.25">
      <c r="A7993">
        <v>153.15</v>
      </c>
      <c r="B7993">
        <v>175</v>
      </c>
      <c r="C7993">
        <v>11072.7</v>
      </c>
      <c r="D7993">
        <v>2.2000000000000002</v>
      </c>
      <c r="E7993">
        <v>12942.7</v>
      </c>
      <c r="F7993">
        <v>26.796500000000002</v>
      </c>
    </row>
    <row r="7994" spans="1:6" x14ac:dyDescent="0.25">
      <c r="A7994">
        <v>153.15</v>
      </c>
      <c r="B7994">
        <v>175</v>
      </c>
      <c r="C7994">
        <v>11072.7</v>
      </c>
      <c r="D7994">
        <v>2.5</v>
      </c>
      <c r="E7994">
        <v>12734.2</v>
      </c>
      <c r="F7994">
        <v>27.2866</v>
      </c>
    </row>
    <row r="7995" spans="1:6" x14ac:dyDescent="0.25">
      <c r="A7995">
        <v>153.15</v>
      </c>
      <c r="B7995">
        <v>175</v>
      </c>
      <c r="C7995">
        <v>11072.7</v>
      </c>
      <c r="D7995">
        <v>2.8</v>
      </c>
      <c r="E7995">
        <v>5678.88</v>
      </c>
      <c r="F7995">
        <v>27.008600000000001</v>
      </c>
    </row>
    <row r="7996" spans="1:6" x14ac:dyDescent="0.25">
      <c r="A7996">
        <v>153.15</v>
      </c>
      <c r="B7996">
        <v>175</v>
      </c>
      <c r="C7996">
        <v>11072.7</v>
      </c>
      <c r="D7996">
        <v>3.1</v>
      </c>
      <c r="E7996">
        <v>5662.21</v>
      </c>
      <c r="F7996">
        <v>26.9758</v>
      </c>
    </row>
    <row r="7997" spans="1:6" x14ac:dyDescent="0.25">
      <c r="A7997">
        <v>153.15</v>
      </c>
      <c r="B7997">
        <v>175</v>
      </c>
      <c r="C7997">
        <v>11072.7</v>
      </c>
      <c r="D7997">
        <v>3.4</v>
      </c>
      <c r="E7997">
        <v>5645.99</v>
      </c>
      <c r="F7997">
        <v>26.9514</v>
      </c>
    </row>
    <row r="7998" spans="1:6" x14ac:dyDescent="0.25">
      <c r="A7998">
        <v>153.15</v>
      </c>
      <c r="B7998">
        <v>175</v>
      </c>
      <c r="C7998">
        <v>11072.7</v>
      </c>
      <c r="D7998">
        <v>3.7</v>
      </c>
      <c r="E7998">
        <v>12046.2</v>
      </c>
      <c r="F7998">
        <v>26.9221</v>
      </c>
    </row>
    <row r="7999" spans="1:6" x14ac:dyDescent="0.25">
      <c r="A7999">
        <v>153.15</v>
      </c>
      <c r="B7999">
        <v>175</v>
      </c>
      <c r="C7999">
        <v>11072.7</v>
      </c>
      <c r="D7999">
        <v>4</v>
      </c>
      <c r="E7999">
        <v>11956.3</v>
      </c>
      <c r="F7999">
        <v>26.905899999999999</v>
      </c>
    </row>
    <row r="8000" spans="1:6" x14ac:dyDescent="0.25">
      <c r="A8000">
        <v>153.15</v>
      </c>
      <c r="B8000">
        <v>175</v>
      </c>
      <c r="C8000">
        <v>12618.2</v>
      </c>
      <c r="D8000">
        <v>1</v>
      </c>
      <c r="E8000">
        <v>16216.1</v>
      </c>
      <c r="F8000">
        <v>25.0593</v>
      </c>
    </row>
    <row r="8001" spans="1:6" x14ac:dyDescent="0.25">
      <c r="A8001">
        <v>153.15</v>
      </c>
      <c r="B8001">
        <v>175</v>
      </c>
      <c r="C8001">
        <v>12618.2</v>
      </c>
      <c r="D8001">
        <v>1.3</v>
      </c>
      <c r="E8001">
        <v>15725.5</v>
      </c>
      <c r="F8001">
        <v>25.409199999999998</v>
      </c>
    </row>
    <row r="8002" spans="1:6" x14ac:dyDescent="0.25">
      <c r="A8002">
        <v>153.15</v>
      </c>
      <c r="B8002">
        <v>175</v>
      </c>
      <c r="C8002">
        <v>12618.2</v>
      </c>
      <c r="D8002">
        <v>1.6</v>
      </c>
      <c r="E8002">
        <v>15069.2</v>
      </c>
      <c r="F8002">
        <v>25.502800000000001</v>
      </c>
    </row>
    <row r="8003" spans="1:6" x14ac:dyDescent="0.25">
      <c r="A8003">
        <v>153.15</v>
      </c>
      <c r="B8003">
        <v>175</v>
      </c>
      <c r="C8003">
        <v>12618.2</v>
      </c>
      <c r="D8003">
        <v>1.9</v>
      </c>
      <c r="E8003">
        <v>14716</v>
      </c>
      <c r="F8003">
        <v>26.246500000000001</v>
      </c>
    </row>
    <row r="8004" spans="1:6" x14ac:dyDescent="0.25">
      <c r="A8004">
        <v>153.15</v>
      </c>
      <c r="B8004">
        <v>175</v>
      </c>
      <c r="C8004">
        <v>12618.2</v>
      </c>
      <c r="D8004">
        <v>2.2000000000000002</v>
      </c>
      <c r="E8004">
        <v>14550.4</v>
      </c>
      <c r="F8004">
        <v>26.796500000000002</v>
      </c>
    </row>
    <row r="8005" spans="1:6" x14ac:dyDescent="0.25">
      <c r="A8005">
        <v>153.15</v>
      </c>
      <c r="B8005">
        <v>175</v>
      </c>
      <c r="C8005">
        <v>12618.2</v>
      </c>
      <c r="D8005">
        <v>2.5</v>
      </c>
      <c r="E8005">
        <v>14216.3</v>
      </c>
      <c r="F8005">
        <v>27.2866</v>
      </c>
    </row>
    <row r="8006" spans="1:6" x14ac:dyDescent="0.25">
      <c r="A8006">
        <v>153.15</v>
      </c>
      <c r="B8006">
        <v>175</v>
      </c>
      <c r="C8006">
        <v>12618.2</v>
      </c>
      <c r="D8006">
        <v>2.8</v>
      </c>
      <c r="E8006">
        <v>5678.88</v>
      </c>
      <c r="F8006">
        <v>27.008600000000001</v>
      </c>
    </row>
    <row r="8007" spans="1:6" x14ac:dyDescent="0.25">
      <c r="A8007">
        <v>153.15</v>
      </c>
      <c r="B8007">
        <v>175</v>
      </c>
      <c r="C8007">
        <v>12618.2</v>
      </c>
      <c r="D8007">
        <v>3.1</v>
      </c>
      <c r="E8007">
        <v>5662.21</v>
      </c>
      <c r="F8007">
        <v>26.9758</v>
      </c>
    </row>
    <row r="8008" spans="1:6" x14ac:dyDescent="0.25">
      <c r="A8008">
        <v>153.15</v>
      </c>
      <c r="B8008">
        <v>175</v>
      </c>
      <c r="C8008">
        <v>12618.2</v>
      </c>
      <c r="D8008">
        <v>3.4</v>
      </c>
      <c r="E8008">
        <v>5645.99</v>
      </c>
      <c r="F8008">
        <v>26.9514</v>
      </c>
    </row>
    <row r="8009" spans="1:6" x14ac:dyDescent="0.25">
      <c r="A8009">
        <v>153.15</v>
      </c>
      <c r="B8009">
        <v>175</v>
      </c>
      <c r="C8009">
        <v>12618.2</v>
      </c>
      <c r="D8009">
        <v>3.7</v>
      </c>
      <c r="E8009">
        <v>13560.1</v>
      </c>
      <c r="F8009">
        <v>26.9221</v>
      </c>
    </row>
    <row r="8010" spans="1:6" x14ac:dyDescent="0.25">
      <c r="A8010">
        <v>153.15</v>
      </c>
      <c r="B8010">
        <v>175</v>
      </c>
      <c r="C8010">
        <v>12618.2</v>
      </c>
      <c r="D8010">
        <v>4</v>
      </c>
      <c r="E8010">
        <v>13567.3</v>
      </c>
      <c r="F8010">
        <v>26.905899999999999</v>
      </c>
    </row>
    <row r="8011" spans="1:6" x14ac:dyDescent="0.25">
      <c r="A8011">
        <v>153.15</v>
      </c>
      <c r="B8011">
        <v>175</v>
      </c>
      <c r="C8011">
        <v>14163.6</v>
      </c>
      <c r="D8011">
        <v>1</v>
      </c>
      <c r="E8011">
        <v>17943.900000000001</v>
      </c>
      <c r="F8011">
        <v>25.0593</v>
      </c>
    </row>
    <row r="8012" spans="1:6" x14ac:dyDescent="0.25">
      <c r="A8012">
        <v>153.15</v>
      </c>
      <c r="B8012">
        <v>175</v>
      </c>
      <c r="C8012">
        <v>14163.6</v>
      </c>
      <c r="D8012">
        <v>1.3</v>
      </c>
      <c r="E8012">
        <v>16889.2</v>
      </c>
      <c r="F8012">
        <v>25.409199999999998</v>
      </c>
    </row>
    <row r="8013" spans="1:6" x14ac:dyDescent="0.25">
      <c r="A8013">
        <v>153.15</v>
      </c>
      <c r="B8013">
        <v>175</v>
      </c>
      <c r="C8013">
        <v>14163.6</v>
      </c>
      <c r="D8013">
        <v>1.6</v>
      </c>
      <c r="E8013">
        <v>16485.599999999999</v>
      </c>
      <c r="F8013">
        <v>25.502800000000001</v>
      </c>
    </row>
    <row r="8014" spans="1:6" x14ac:dyDescent="0.25">
      <c r="A8014">
        <v>153.15</v>
      </c>
      <c r="B8014">
        <v>175</v>
      </c>
      <c r="C8014">
        <v>14163.6</v>
      </c>
      <c r="D8014">
        <v>1.9</v>
      </c>
      <c r="E8014">
        <v>16450</v>
      </c>
      <c r="F8014">
        <v>26.246500000000001</v>
      </c>
    </row>
    <row r="8015" spans="1:6" x14ac:dyDescent="0.25">
      <c r="A8015">
        <v>153.15</v>
      </c>
      <c r="B8015">
        <v>175</v>
      </c>
      <c r="C8015">
        <v>14163.6</v>
      </c>
      <c r="D8015">
        <v>2.2000000000000002</v>
      </c>
      <c r="E8015">
        <v>16051.8</v>
      </c>
      <c r="F8015">
        <v>26.796500000000002</v>
      </c>
    </row>
    <row r="8016" spans="1:6" x14ac:dyDescent="0.25">
      <c r="A8016">
        <v>153.15</v>
      </c>
      <c r="B8016">
        <v>175</v>
      </c>
      <c r="C8016">
        <v>14163.6</v>
      </c>
      <c r="D8016">
        <v>2.5</v>
      </c>
      <c r="E8016">
        <v>15896.4</v>
      </c>
      <c r="F8016">
        <v>27.2866</v>
      </c>
    </row>
    <row r="8017" spans="1:6" x14ac:dyDescent="0.25">
      <c r="A8017">
        <v>153.15</v>
      </c>
      <c r="B8017">
        <v>175</v>
      </c>
      <c r="C8017">
        <v>14163.6</v>
      </c>
      <c r="D8017">
        <v>2.8</v>
      </c>
      <c r="E8017">
        <v>5678.88</v>
      </c>
      <c r="F8017">
        <v>27.008600000000001</v>
      </c>
    </row>
    <row r="8018" spans="1:6" x14ac:dyDescent="0.25">
      <c r="A8018">
        <v>153.15</v>
      </c>
      <c r="B8018">
        <v>175</v>
      </c>
      <c r="C8018">
        <v>14163.6</v>
      </c>
      <c r="D8018">
        <v>3.1</v>
      </c>
      <c r="E8018">
        <v>5662.21</v>
      </c>
      <c r="F8018">
        <v>26.9758</v>
      </c>
    </row>
    <row r="8019" spans="1:6" x14ac:dyDescent="0.25">
      <c r="A8019">
        <v>153.15</v>
      </c>
      <c r="B8019">
        <v>175</v>
      </c>
      <c r="C8019">
        <v>14163.6</v>
      </c>
      <c r="D8019">
        <v>3.4</v>
      </c>
      <c r="E8019">
        <v>5645.99</v>
      </c>
      <c r="F8019">
        <v>26.9514</v>
      </c>
    </row>
    <row r="8020" spans="1:6" x14ac:dyDescent="0.25">
      <c r="A8020">
        <v>153.15</v>
      </c>
      <c r="B8020">
        <v>175</v>
      </c>
      <c r="C8020">
        <v>14163.6</v>
      </c>
      <c r="D8020">
        <v>3.7</v>
      </c>
      <c r="E8020">
        <v>15072.7</v>
      </c>
      <c r="F8020">
        <v>26.9221</v>
      </c>
    </row>
    <row r="8021" spans="1:6" x14ac:dyDescent="0.25">
      <c r="A8021">
        <v>153.15</v>
      </c>
      <c r="B8021">
        <v>175</v>
      </c>
      <c r="C8021">
        <v>14163.6</v>
      </c>
      <c r="D8021">
        <v>4</v>
      </c>
      <c r="E8021">
        <v>15054.4</v>
      </c>
      <c r="F8021">
        <v>26.905899999999999</v>
      </c>
    </row>
    <row r="8022" spans="1:6" x14ac:dyDescent="0.25">
      <c r="A8022">
        <v>153.15</v>
      </c>
      <c r="B8022">
        <v>175</v>
      </c>
      <c r="C8022">
        <v>15709.1</v>
      </c>
      <c r="D8022">
        <v>1</v>
      </c>
      <c r="E8022">
        <v>19204.8</v>
      </c>
      <c r="F8022">
        <v>25.0593</v>
      </c>
    </row>
    <row r="8023" spans="1:6" x14ac:dyDescent="0.25">
      <c r="A8023">
        <v>153.15</v>
      </c>
      <c r="B8023">
        <v>175</v>
      </c>
      <c r="C8023">
        <v>15709.1</v>
      </c>
      <c r="D8023">
        <v>1.3</v>
      </c>
      <c r="E8023">
        <v>18393.8</v>
      </c>
      <c r="F8023">
        <v>25.409199999999998</v>
      </c>
    </row>
    <row r="8024" spans="1:6" x14ac:dyDescent="0.25">
      <c r="A8024">
        <v>153.15</v>
      </c>
      <c r="B8024">
        <v>175</v>
      </c>
      <c r="C8024">
        <v>15709.1</v>
      </c>
      <c r="D8024">
        <v>1.6</v>
      </c>
      <c r="E8024">
        <v>18170.599999999999</v>
      </c>
      <c r="F8024">
        <v>25.502800000000001</v>
      </c>
    </row>
    <row r="8025" spans="1:6" x14ac:dyDescent="0.25">
      <c r="A8025">
        <v>153.15</v>
      </c>
      <c r="B8025">
        <v>175</v>
      </c>
      <c r="C8025">
        <v>15709.1</v>
      </c>
      <c r="D8025">
        <v>1.9</v>
      </c>
      <c r="E8025">
        <v>17992.7</v>
      </c>
      <c r="F8025">
        <v>26.246500000000001</v>
      </c>
    </row>
    <row r="8026" spans="1:6" x14ac:dyDescent="0.25">
      <c r="A8026">
        <v>153.15</v>
      </c>
      <c r="B8026">
        <v>175</v>
      </c>
      <c r="C8026">
        <v>15709.1</v>
      </c>
      <c r="D8026">
        <v>2.2000000000000002</v>
      </c>
      <c r="E8026">
        <v>17556.599999999999</v>
      </c>
      <c r="F8026">
        <v>26.796500000000002</v>
      </c>
    </row>
    <row r="8027" spans="1:6" x14ac:dyDescent="0.25">
      <c r="A8027">
        <v>153.15</v>
      </c>
      <c r="B8027">
        <v>175</v>
      </c>
      <c r="C8027">
        <v>15709.1</v>
      </c>
      <c r="D8027">
        <v>2.5</v>
      </c>
      <c r="E8027">
        <v>17476</v>
      </c>
      <c r="F8027">
        <v>27.2866</v>
      </c>
    </row>
    <row r="8028" spans="1:6" x14ac:dyDescent="0.25">
      <c r="A8028">
        <v>153.15</v>
      </c>
      <c r="B8028">
        <v>175</v>
      </c>
      <c r="C8028">
        <v>15709.1</v>
      </c>
      <c r="D8028">
        <v>2.8</v>
      </c>
      <c r="E8028">
        <v>5678.88</v>
      </c>
      <c r="F8028">
        <v>27.008600000000001</v>
      </c>
    </row>
    <row r="8029" spans="1:6" x14ac:dyDescent="0.25">
      <c r="A8029">
        <v>153.15</v>
      </c>
      <c r="B8029">
        <v>175</v>
      </c>
      <c r="C8029">
        <v>15709.1</v>
      </c>
      <c r="D8029">
        <v>3.1</v>
      </c>
      <c r="E8029">
        <v>5662.21</v>
      </c>
      <c r="F8029">
        <v>26.9758</v>
      </c>
    </row>
    <row r="8030" spans="1:6" x14ac:dyDescent="0.25">
      <c r="A8030">
        <v>153.15</v>
      </c>
      <c r="B8030">
        <v>175</v>
      </c>
      <c r="C8030">
        <v>15709.1</v>
      </c>
      <c r="D8030">
        <v>3.4</v>
      </c>
      <c r="E8030">
        <v>5645.99</v>
      </c>
      <c r="F8030">
        <v>26.9514</v>
      </c>
    </row>
    <row r="8031" spans="1:6" x14ac:dyDescent="0.25">
      <c r="A8031">
        <v>153.15</v>
      </c>
      <c r="B8031">
        <v>175</v>
      </c>
      <c r="C8031">
        <v>15709.1</v>
      </c>
      <c r="D8031">
        <v>3.7</v>
      </c>
      <c r="E8031">
        <v>16654.2</v>
      </c>
      <c r="F8031">
        <v>26.9221</v>
      </c>
    </row>
    <row r="8032" spans="1:6" x14ac:dyDescent="0.25">
      <c r="A8032">
        <v>153.15</v>
      </c>
      <c r="B8032">
        <v>175</v>
      </c>
      <c r="C8032">
        <v>15709.1</v>
      </c>
      <c r="D8032">
        <v>4</v>
      </c>
      <c r="E8032">
        <v>16677.8</v>
      </c>
      <c r="F8032">
        <v>26.905899999999999</v>
      </c>
    </row>
    <row r="8033" spans="1:6" x14ac:dyDescent="0.25">
      <c r="A8033">
        <v>153.15</v>
      </c>
      <c r="B8033">
        <v>175</v>
      </c>
      <c r="C8033">
        <v>17254.5</v>
      </c>
      <c r="D8033">
        <v>1</v>
      </c>
      <c r="E8033">
        <v>20978.2</v>
      </c>
      <c r="F8033">
        <v>25.0593</v>
      </c>
    </row>
    <row r="8034" spans="1:6" x14ac:dyDescent="0.25">
      <c r="A8034">
        <v>153.15</v>
      </c>
      <c r="B8034">
        <v>175</v>
      </c>
      <c r="C8034">
        <v>17254.5</v>
      </c>
      <c r="D8034">
        <v>1.3</v>
      </c>
      <c r="E8034">
        <v>20035.7</v>
      </c>
      <c r="F8034">
        <v>25.409199999999998</v>
      </c>
    </row>
    <row r="8035" spans="1:6" x14ac:dyDescent="0.25">
      <c r="A8035">
        <v>153.15</v>
      </c>
      <c r="B8035">
        <v>175</v>
      </c>
      <c r="C8035">
        <v>17254.5</v>
      </c>
      <c r="D8035">
        <v>1.6</v>
      </c>
      <c r="E8035">
        <v>19528.7</v>
      </c>
      <c r="F8035">
        <v>25.502800000000001</v>
      </c>
    </row>
    <row r="8036" spans="1:6" x14ac:dyDescent="0.25">
      <c r="A8036">
        <v>153.15</v>
      </c>
      <c r="B8036">
        <v>175</v>
      </c>
      <c r="C8036">
        <v>17254.5</v>
      </c>
      <c r="D8036">
        <v>1.9</v>
      </c>
      <c r="E8036">
        <v>19374.400000000001</v>
      </c>
      <c r="F8036">
        <v>26.246500000000001</v>
      </c>
    </row>
    <row r="8037" spans="1:6" x14ac:dyDescent="0.25">
      <c r="A8037">
        <v>153.15</v>
      </c>
      <c r="B8037">
        <v>175</v>
      </c>
      <c r="C8037">
        <v>17254.5</v>
      </c>
      <c r="D8037">
        <v>2.2000000000000002</v>
      </c>
      <c r="E8037">
        <v>19105.400000000001</v>
      </c>
      <c r="F8037">
        <v>26.796500000000002</v>
      </c>
    </row>
    <row r="8038" spans="1:6" x14ac:dyDescent="0.25">
      <c r="A8038">
        <v>153.15</v>
      </c>
      <c r="B8038">
        <v>175</v>
      </c>
      <c r="C8038">
        <v>17254.5</v>
      </c>
      <c r="D8038">
        <v>2.5</v>
      </c>
      <c r="E8038">
        <v>18901.099999999999</v>
      </c>
      <c r="F8038">
        <v>27.2866</v>
      </c>
    </row>
    <row r="8039" spans="1:6" x14ac:dyDescent="0.25">
      <c r="A8039">
        <v>153.15</v>
      </c>
      <c r="B8039">
        <v>175</v>
      </c>
      <c r="C8039">
        <v>17254.5</v>
      </c>
      <c r="D8039">
        <v>2.8</v>
      </c>
      <c r="E8039">
        <v>5678.88</v>
      </c>
      <c r="F8039">
        <v>27.008600000000001</v>
      </c>
    </row>
    <row r="8040" spans="1:6" x14ac:dyDescent="0.25">
      <c r="A8040">
        <v>153.15</v>
      </c>
      <c r="B8040">
        <v>175</v>
      </c>
      <c r="C8040">
        <v>17254.5</v>
      </c>
      <c r="D8040">
        <v>3.1</v>
      </c>
      <c r="E8040">
        <v>5662.21</v>
      </c>
      <c r="F8040">
        <v>26.9758</v>
      </c>
    </row>
    <row r="8041" spans="1:6" x14ac:dyDescent="0.25">
      <c r="A8041">
        <v>153.15</v>
      </c>
      <c r="B8041">
        <v>175</v>
      </c>
      <c r="C8041">
        <v>17254.5</v>
      </c>
      <c r="D8041">
        <v>3.4</v>
      </c>
      <c r="E8041">
        <v>5645.99</v>
      </c>
      <c r="F8041">
        <v>26.9514</v>
      </c>
    </row>
    <row r="8042" spans="1:6" x14ac:dyDescent="0.25">
      <c r="A8042">
        <v>153.15</v>
      </c>
      <c r="B8042">
        <v>175</v>
      </c>
      <c r="C8042">
        <v>17254.5</v>
      </c>
      <c r="D8042">
        <v>3.7</v>
      </c>
      <c r="E8042">
        <v>18215</v>
      </c>
      <c r="F8042">
        <v>26.9221</v>
      </c>
    </row>
    <row r="8043" spans="1:6" x14ac:dyDescent="0.25">
      <c r="A8043">
        <v>153.15</v>
      </c>
      <c r="B8043">
        <v>175</v>
      </c>
      <c r="C8043">
        <v>17254.5</v>
      </c>
      <c r="D8043">
        <v>4</v>
      </c>
      <c r="E8043">
        <v>18185.099999999999</v>
      </c>
      <c r="F8043">
        <v>26.905899999999999</v>
      </c>
    </row>
    <row r="8044" spans="1:6" x14ac:dyDescent="0.25">
      <c r="A8044">
        <v>153.15</v>
      </c>
      <c r="B8044">
        <v>175</v>
      </c>
      <c r="C8044">
        <v>18800</v>
      </c>
      <c r="D8044">
        <v>1</v>
      </c>
      <c r="E8044">
        <v>22835.1</v>
      </c>
      <c r="F8044">
        <v>25.0593</v>
      </c>
    </row>
    <row r="8045" spans="1:6" x14ac:dyDescent="0.25">
      <c r="A8045">
        <v>153.15</v>
      </c>
      <c r="B8045">
        <v>175</v>
      </c>
      <c r="C8045">
        <v>18800</v>
      </c>
      <c r="D8045">
        <v>1.3</v>
      </c>
      <c r="E8045">
        <v>21881.8</v>
      </c>
      <c r="F8045">
        <v>25.409199999999998</v>
      </c>
    </row>
    <row r="8046" spans="1:6" x14ac:dyDescent="0.25">
      <c r="A8046">
        <v>153.15</v>
      </c>
      <c r="B8046">
        <v>175</v>
      </c>
      <c r="C8046">
        <v>18800</v>
      </c>
      <c r="D8046">
        <v>1.6</v>
      </c>
      <c r="E8046">
        <v>21314.3</v>
      </c>
      <c r="F8046">
        <v>25.502800000000001</v>
      </c>
    </row>
    <row r="8047" spans="1:6" x14ac:dyDescent="0.25">
      <c r="A8047">
        <v>153.15</v>
      </c>
      <c r="B8047">
        <v>175</v>
      </c>
      <c r="C8047">
        <v>18800</v>
      </c>
      <c r="D8047">
        <v>1.9</v>
      </c>
      <c r="E8047">
        <v>20810.7</v>
      </c>
      <c r="F8047">
        <v>26.246500000000001</v>
      </c>
    </row>
    <row r="8048" spans="1:6" x14ac:dyDescent="0.25">
      <c r="A8048">
        <v>153.15</v>
      </c>
      <c r="B8048">
        <v>175</v>
      </c>
      <c r="C8048">
        <v>18800</v>
      </c>
      <c r="D8048">
        <v>2.2000000000000002</v>
      </c>
      <c r="E8048">
        <v>20813.400000000001</v>
      </c>
      <c r="F8048">
        <v>26.796500000000002</v>
      </c>
    </row>
    <row r="8049" spans="1:6" x14ac:dyDescent="0.25">
      <c r="A8049">
        <v>153.15</v>
      </c>
      <c r="B8049">
        <v>175</v>
      </c>
      <c r="C8049">
        <v>18800</v>
      </c>
      <c r="D8049">
        <v>2.5</v>
      </c>
      <c r="E8049">
        <v>20451.7</v>
      </c>
      <c r="F8049">
        <v>27.2866</v>
      </c>
    </row>
    <row r="8050" spans="1:6" x14ac:dyDescent="0.25">
      <c r="A8050">
        <v>153.15</v>
      </c>
      <c r="B8050">
        <v>175</v>
      </c>
      <c r="C8050">
        <v>18800</v>
      </c>
      <c r="D8050">
        <v>2.8</v>
      </c>
      <c r="E8050">
        <v>5678.88</v>
      </c>
      <c r="F8050">
        <v>27.008600000000001</v>
      </c>
    </row>
    <row r="8051" spans="1:6" x14ac:dyDescent="0.25">
      <c r="A8051">
        <v>153.15</v>
      </c>
      <c r="B8051">
        <v>175</v>
      </c>
      <c r="C8051">
        <v>18800</v>
      </c>
      <c r="D8051">
        <v>3.1</v>
      </c>
      <c r="E8051">
        <v>5662.21</v>
      </c>
      <c r="F8051">
        <v>26.9758</v>
      </c>
    </row>
    <row r="8052" spans="1:6" x14ac:dyDescent="0.25">
      <c r="A8052">
        <v>153.15</v>
      </c>
      <c r="B8052">
        <v>175</v>
      </c>
      <c r="C8052">
        <v>18800</v>
      </c>
      <c r="D8052">
        <v>3.4</v>
      </c>
      <c r="E8052">
        <v>5645.99</v>
      </c>
      <c r="F8052">
        <v>26.9514</v>
      </c>
    </row>
    <row r="8053" spans="1:6" x14ac:dyDescent="0.25">
      <c r="A8053">
        <v>153.15</v>
      </c>
      <c r="B8053">
        <v>175</v>
      </c>
      <c r="C8053">
        <v>18800</v>
      </c>
      <c r="D8053">
        <v>3.7</v>
      </c>
      <c r="E8053">
        <v>19701.900000000001</v>
      </c>
      <c r="F8053">
        <v>26.9221</v>
      </c>
    </row>
    <row r="8054" spans="1:6" x14ac:dyDescent="0.25">
      <c r="A8054">
        <v>153.15</v>
      </c>
      <c r="B8054">
        <v>175</v>
      </c>
      <c r="C8054">
        <v>18800</v>
      </c>
      <c r="D8054">
        <v>4</v>
      </c>
      <c r="E8054">
        <v>19779.599999999999</v>
      </c>
      <c r="F8054">
        <v>26.905899999999999</v>
      </c>
    </row>
    <row r="8055" spans="1:6" x14ac:dyDescent="0.25">
      <c r="A8055">
        <v>153.15</v>
      </c>
      <c r="B8055">
        <v>178.63</v>
      </c>
      <c r="C8055">
        <v>1800</v>
      </c>
      <c r="D8055">
        <v>1</v>
      </c>
      <c r="E8055">
        <v>5393.52</v>
      </c>
      <c r="F8055">
        <v>41.432000000000002</v>
      </c>
    </row>
    <row r="8056" spans="1:6" x14ac:dyDescent="0.25">
      <c r="A8056">
        <v>153.15</v>
      </c>
      <c r="B8056">
        <v>178.63</v>
      </c>
      <c r="C8056">
        <v>1800</v>
      </c>
      <c r="D8056">
        <v>1.3</v>
      </c>
      <c r="E8056">
        <v>4965.8500000000004</v>
      </c>
      <c r="F8056">
        <v>48.907899999999998</v>
      </c>
    </row>
    <row r="8057" spans="1:6" x14ac:dyDescent="0.25">
      <c r="A8057">
        <v>153.15</v>
      </c>
      <c r="B8057">
        <v>178.63</v>
      </c>
      <c r="C8057">
        <v>1800</v>
      </c>
      <c r="D8057">
        <v>1.6</v>
      </c>
      <c r="E8057">
        <v>4580.8100000000004</v>
      </c>
      <c r="F8057">
        <v>60.703699999999998</v>
      </c>
    </row>
    <row r="8058" spans="1:6" x14ac:dyDescent="0.25">
      <c r="A8058">
        <v>153.15</v>
      </c>
      <c r="B8058">
        <v>178.63</v>
      </c>
      <c r="C8058">
        <v>1800</v>
      </c>
      <c r="D8058">
        <v>1.9</v>
      </c>
      <c r="E8058">
        <v>4313.7700000000004</v>
      </c>
      <c r="F8058">
        <v>71.773899999999998</v>
      </c>
    </row>
    <row r="8059" spans="1:6" x14ac:dyDescent="0.25">
      <c r="A8059">
        <v>153.15</v>
      </c>
      <c r="B8059">
        <v>178.63</v>
      </c>
      <c r="C8059">
        <v>1800</v>
      </c>
      <c r="D8059">
        <v>2.2000000000000002</v>
      </c>
      <c r="E8059">
        <v>4233.42</v>
      </c>
      <c r="F8059">
        <v>73.072100000000006</v>
      </c>
    </row>
    <row r="8060" spans="1:6" x14ac:dyDescent="0.25">
      <c r="A8060">
        <v>153.15</v>
      </c>
      <c r="B8060">
        <v>178.63</v>
      </c>
      <c r="C8060">
        <v>1800</v>
      </c>
      <c r="D8060">
        <v>2.5</v>
      </c>
      <c r="E8060">
        <v>4006.8</v>
      </c>
      <c r="F8060">
        <v>79.662599999999998</v>
      </c>
    </row>
    <row r="8061" spans="1:6" x14ac:dyDescent="0.25">
      <c r="A8061">
        <v>153.15</v>
      </c>
      <c r="B8061">
        <v>178.63</v>
      </c>
      <c r="C8061">
        <v>1800</v>
      </c>
      <c r="D8061">
        <v>2.8</v>
      </c>
      <c r="E8061">
        <v>3935.91</v>
      </c>
      <c r="F8061">
        <v>83.516900000000007</v>
      </c>
    </row>
    <row r="8062" spans="1:6" x14ac:dyDescent="0.25">
      <c r="A8062">
        <v>153.15</v>
      </c>
      <c r="B8062">
        <v>178.63</v>
      </c>
      <c r="C8062">
        <v>1800</v>
      </c>
      <c r="D8062">
        <v>3.1</v>
      </c>
      <c r="E8062">
        <v>3911.87</v>
      </c>
      <c r="F8062">
        <v>85.903899999999993</v>
      </c>
    </row>
    <row r="8063" spans="1:6" x14ac:dyDescent="0.25">
      <c r="A8063">
        <v>153.15</v>
      </c>
      <c r="B8063">
        <v>178.63</v>
      </c>
      <c r="C8063">
        <v>1800</v>
      </c>
      <c r="D8063">
        <v>3.4</v>
      </c>
      <c r="E8063">
        <v>3836.72</v>
      </c>
      <c r="F8063">
        <v>88.034000000000006</v>
      </c>
    </row>
    <row r="8064" spans="1:6" x14ac:dyDescent="0.25">
      <c r="A8064">
        <v>153.15</v>
      </c>
      <c r="B8064">
        <v>178.63</v>
      </c>
      <c r="C8064">
        <v>1800</v>
      </c>
      <c r="D8064">
        <v>3.7</v>
      </c>
      <c r="E8064">
        <v>3745.63</v>
      </c>
      <c r="F8064">
        <v>86.1554</v>
      </c>
    </row>
    <row r="8065" spans="1:6" x14ac:dyDescent="0.25">
      <c r="A8065">
        <v>153.15</v>
      </c>
      <c r="B8065">
        <v>178.63</v>
      </c>
      <c r="C8065">
        <v>1800</v>
      </c>
      <c r="D8065">
        <v>4</v>
      </c>
      <c r="E8065">
        <v>3721.52</v>
      </c>
      <c r="F8065">
        <v>89.839500000000001</v>
      </c>
    </row>
    <row r="8066" spans="1:6" x14ac:dyDescent="0.25">
      <c r="A8066">
        <v>153.15</v>
      </c>
      <c r="B8066">
        <v>178.63</v>
      </c>
      <c r="C8066">
        <v>3345.45</v>
      </c>
      <c r="D8066">
        <v>1</v>
      </c>
      <c r="E8066">
        <v>6987.75</v>
      </c>
      <c r="F8066">
        <v>17.952100000000002</v>
      </c>
    </row>
    <row r="8067" spans="1:6" x14ac:dyDescent="0.25">
      <c r="A8067">
        <v>153.15</v>
      </c>
      <c r="B8067">
        <v>178.63</v>
      </c>
      <c r="C8067">
        <v>3345.45</v>
      </c>
      <c r="D8067">
        <v>1.3</v>
      </c>
      <c r="E8067">
        <v>6285.84</v>
      </c>
      <c r="F8067">
        <v>21.626799999999999</v>
      </c>
    </row>
    <row r="8068" spans="1:6" x14ac:dyDescent="0.25">
      <c r="A8068">
        <v>153.15</v>
      </c>
      <c r="B8068">
        <v>178.63</v>
      </c>
      <c r="C8068">
        <v>3345.45</v>
      </c>
      <c r="D8068">
        <v>1.6</v>
      </c>
      <c r="E8068">
        <v>5701.79</v>
      </c>
      <c r="F8068">
        <v>18.8735</v>
      </c>
    </row>
    <row r="8069" spans="1:6" x14ac:dyDescent="0.25">
      <c r="A8069">
        <v>153.15</v>
      </c>
      <c r="B8069">
        <v>178.63</v>
      </c>
      <c r="C8069">
        <v>3345.45</v>
      </c>
      <c r="D8069">
        <v>1.9</v>
      </c>
      <c r="E8069">
        <v>5654.13</v>
      </c>
      <c r="F8069">
        <v>19.203600000000002</v>
      </c>
    </row>
    <row r="8070" spans="1:6" x14ac:dyDescent="0.25">
      <c r="A8070">
        <v>153.15</v>
      </c>
      <c r="B8070">
        <v>178.63</v>
      </c>
      <c r="C8070">
        <v>3345.45</v>
      </c>
      <c r="D8070">
        <v>2.2000000000000002</v>
      </c>
      <c r="E8070">
        <v>5449.32</v>
      </c>
      <c r="F8070">
        <v>25.968900000000001</v>
      </c>
    </row>
    <row r="8071" spans="1:6" x14ac:dyDescent="0.25">
      <c r="A8071">
        <v>153.15</v>
      </c>
      <c r="B8071">
        <v>178.63</v>
      </c>
      <c r="C8071">
        <v>3345.45</v>
      </c>
      <c r="D8071">
        <v>2.5</v>
      </c>
      <c r="E8071">
        <v>5225.46</v>
      </c>
      <c r="F8071">
        <v>24.919499999999999</v>
      </c>
    </row>
    <row r="8072" spans="1:6" x14ac:dyDescent="0.25">
      <c r="A8072">
        <v>153.15</v>
      </c>
      <c r="B8072">
        <v>178.63</v>
      </c>
      <c r="C8072">
        <v>3345.45</v>
      </c>
      <c r="D8072">
        <v>2.8</v>
      </c>
      <c r="E8072">
        <v>5079.2700000000004</v>
      </c>
      <c r="F8072">
        <v>22.009</v>
      </c>
    </row>
    <row r="8073" spans="1:6" x14ac:dyDescent="0.25">
      <c r="A8073">
        <v>153.15</v>
      </c>
      <c r="B8073">
        <v>178.63</v>
      </c>
      <c r="C8073">
        <v>3345.45</v>
      </c>
      <c r="D8073">
        <v>3.1</v>
      </c>
      <c r="E8073">
        <v>4961.79</v>
      </c>
      <c r="F8073">
        <v>23.332999999999998</v>
      </c>
    </row>
    <row r="8074" spans="1:6" x14ac:dyDescent="0.25">
      <c r="A8074">
        <v>153.15</v>
      </c>
      <c r="B8074">
        <v>178.63</v>
      </c>
      <c r="C8074">
        <v>3345.45</v>
      </c>
      <c r="D8074">
        <v>3.4</v>
      </c>
      <c r="E8074">
        <v>4914.07</v>
      </c>
      <c r="F8074">
        <v>24.54</v>
      </c>
    </row>
    <row r="8075" spans="1:6" x14ac:dyDescent="0.25">
      <c r="A8075">
        <v>153.15</v>
      </c>
      <c r="B8075">
        <v>178.63</v>
      </c>
      <c r="C8075">
        <v>3345.45</v>
      </c>
      <c r="D8075">
        <v>3.7</v>
      </c>
      <c r="E8075">
        <v>4805.76</v>
      </c>
      <c r="F8075">
        <v>25.8858</v>
      </c>
    </row>
    <row r="8076" spans="1:6" x14ac:dyDescent="0.25">
      <c r="A8076">
        <v>153.15</v>
      </c>
      <c r="B8076">
        <v>178.63</v>
      </c>
      <c r="C8076">
        <v>3345.45</v>
      </c>
      <c r="D8076">
        <v>4</v>
      </c>
      <c r="E8076">
        <v>4796.8999999999996</v>
      </c>
      <c r="F8076">
        <v>27.717600000000001</v>
      </c>
    </row>
    <row r="8077" spans="1:6" x14ac:dyDescent="0.25">
      <c r="A8077">
        <v>153.15</v>
      </c>
      <c r="B8077">
        <v>178.63</v>
      </c>
      <c r="C8077">
        <v>4890.8999999999996</v>
      </c>
      <c r="D8077">
        <v>1</v>
      </c>
      <c r="E8077">
        <v>8668.8799999999992</v>
      </c>
      <c r="F8077">
        <v>25.0593</v>
      </c>
    </row>
    <row r="8078" spans="1:6" x14ac:dyDescent="0.25">
      <c r="A8078">
        <v>153.15</v>
      </c>
      <c r="B8078">
        <v>178.63</v>
      </c>
      <c r="C8078">
        <v>4890.8999999999996</v>
      </c>
      <c r="D8078">
        <v>1.3</v>
      </c>
      <c r="E8078">
        <v>7762.95</v>
      </c>
      <c r="F8078">
        <v>24.986499999999999</v>
      </c>
    </row>
    <row r="8079" spans="1:6" x14ac:dyDescent="0.25">
      <c r="A8079">
        <v>153.15</v>
      </c>
      <c r="B8079">
        <v>178.63</v>
      </c>
      <c r="C8079">
        <v>4890.8999999999996</v>
      </c>
      <c r="D8079">
        <v>1.6</v>
      </c>
      <c r="E8079">
        <v>7437.8</v>
      </c>
      <c r="F8079">
        <v>25.502800000000001</v>
      </c>
    </row>
    <row r="8080" spans="1:6" x14ac:dyDescent="0.25">
      <c r="A8080">
        <v>153.15</v>
      </c>
      <c r="B8080">
        <v>178.63</v>
      </c>
      <c r="C8080">
        <v>4890.8999999999996</v>
      </c>
      <c r="D8080">
        <v>1.9</v>
      </c>
      <c r="E8080">
        <v>6891.21</v>
      </c>
      <c r="F8080">
        <v>26.246500000000001</v>
      </c>
    </row>
    <row r="8081" spans="1:6" x14ac:dyDescent="0.25">
      <c r="A8081">
        <v>153.15</v>
      </c>
      <c r="B8081">
        <v>178.63</v>
      </c>
      <c r="C8081">
        <v>4890.8999999999996</v>
      </c>
      <c r="D8081">
        <v>2.2000000000000002</v>
      </c>
      <c r="E8081">
        <v>6893.06</v>
      </c>
      <c r="F8081">
        <v>26.796500000000002</v>
      </c>
    </row>
    <row r="8082" spans="1:6" x14ac:dyDescent="0.25">
      <c r="A8082">
        <v>153.15</v>
      </c>
      <c r="B8082">
        <v>178.63</v>
      </c>
      <c r="C8082">
        <v>4890.8999999999996</v>
      </c>
      <c r="D8082">
        <v>2.5</v>
      </c>
      <c r="E8082">
        <v>6461.36</v>
      </c>
      <c r="F8082">
        <v>27.2866</v>
      </c>
    </row>
    <row r="8083" spans="1:6" x14ac:dyDescent="0.25">
      <c r="A8083">
        <v>153.15</v>
      </c>
      <c r="B8083">
        <v>178.63</v>
      </c>
      <c r="C8083">
        <v>4890.8999999999996</v>
      </c>
      <c r="D8083">
        <v>2.8</v>
      </c>
      <c r="E8083">
        <v>5678.88</v>
      </c>
      <c r="F8083">
        <v>25.9405</v>
      </c>
    </row>
    <row r="8084" spans="1:6" x14ac:dyDescent="0.25">
      <c r="A8084">
        <v>153.15</v>
      </c>
      <c r="B8084">
        <v>178.63</v>
      </c>
      <c r="C8084">
        <v>4890.8999999999996</v>
      </c>
      <c r="D8084">
        <v>3.1</v>
      </c>
      <c r="E8084">
        <v>5662.21</v>
      </c>
      <c r="F8084">
        <v>25.389199999999999</v>
      </c>
    </row>
    <row r="8085" spans="1:6" x14ac:dyDescent="0.25">
      <c r="A8085">
        <v>153.15</v>
      </c>
      <c r="B8085">
        <v>178.63</v>
      </c>
      <c r="C8085">
        <v>4890.8999999999996</v>
      </c>
      <c r="D8085">
        <v>3.4</v>
      </c>
      <c r="E8085">
        <v>6421.31</v>
      </c>
      <c r="F8085">
        <v>25.649100000000001</v>
      </c>
    </row>
    <row r="8086" spans="1:6" x14ac:dyDescent="0.25">
      <c r="A8086">
        <v>153.15</v>
      </c>
      <c r="B8086">
        <v>178.63</v>
      </c>
      <c r="C8086">
        <v>4890.8999999999996</v>
      </c>
      <c r="D8086">
        <v>3.7</v>
      </c>
      <c r="E8086">
        <v>6331.59</v>
      </c>
      <c r="F8086">
        <v>25.881499999999999</v>
      </c>
    </row>
    <row r="8087" spans="1:6" x14ac:dyDescent="0.25">
      <c r="A8087">
        <v>153.15</v>
      </c>
      <c r="B8087">
        <v>178.63</v>
      </c>
      <c r="C8087">
        <v>4890.8999999999996</v>
      </c>
      <c r="D8087">
        <v>4</v>
      </c>
      <c r="E8087">
        <v>6210</v>
      </c>
      <c r="F8087">
        <v>26.045999999999999</v>
      </c>
    </row>
    <row r="8088" spans="1:6" x14ac:dyDescent="0.25">
      <c r="A8088">
        <v>153.15</v>
      </c>
      <c r="B8088">
        <v>178.63</v>
      </c>
      <c r="C8088">
        <v>6436.35</v>
      </c>
      <c r="D8088">
        <v>1</v>
      </c>
      <c r="E8088">
        <v>10378.4</v>
      </c>
      <c r="F8088">
        <v>25.0593</v>
      </c>
    </row>
    <row r="8089" spans="1:6" x14ac:dyDescent="0.25">
      <c r="A8089">
        <v>153.15</v>
      </c>
      <c r="B8089">
        <v>178.63</v>
      </c>
      <c r="C8089">
        <v>6436.35</v>
      </c>
      <c r="D8089">
        <v>1.3</v>
      </c>
      <c r="E8089">
        <v>9277.4</v>
      </c>
      <c r="F8089">
        <v>25.409199999999998</v>
      </c>
    </row>
    <row r="8090" spans="1:6" x14ac:dyDescent="0.25">
      <c r="A8090">
        <v>153.15</v>
      </c>
      <c r="B8090">
        <v>178.63</v>
      </c>
      <c r="C8090">
        <v>6436.35</v>
      </c>
      <c r="D8090">
        <v>1.6</v>
      </c>
      <c r="E8090">
        <v>9080.2800000000007</v>
      </c>
      <c r="F8090">
        <v>25.502800000000001</v>
      </c>
    </row>
    <row r="8091" spans="1:6" x14ac:dyDescent="0.25">
      <c r="A8091">
        <v>153.15</v>
      </c>
      <c r="B8091">
        <v>178.63</v>
      </c>
      <c r="C8091">
        <v>6436.35</v>
      </c>
      <c r="D8091">
        <v>1.9</v>
      </c>
      <c r="E8091">
        <v>8740.41</v>
      </c>
      <c r="F8091">
        <v>26.246500000000001</v>
      </c>
    </row>
    <row r="8092" spans="1:6" x14ac:dyDescent="0.25">
      <c r="A8092">
        <v>153.15</v>
      </c>
      <c r="B8092">
        <v>178.63</v>
      </c>
      <c r="C8092">
        <v>6436.35</v>
      </c>
      <c r="D8092">
        <v>2.2000000000000002</v>
      </c>
      <c r="E8092">
        <v>8317.3700000000008</v>
      </c>
      <c r="F8092">
        <v>26.796500000000002</v>
      </c>
    </row>
    <row r="8093" spans="1:6" x14ac:dyDescent="0.25">
      <c r="A8093">
        <v>153.15</v>
      </c>
      <c r="B8093">
        <v>178.63</v>
      </c>
      <c r="C8093">
        <v>6436.35</v>
      </c>
      <c r="D8093">
        <v>2.5</v>
      </c>
      <c r="E8093">
        <v>8077.02</v>
      </c>
      <c r="F8093">
        <v>27.2866</v>
      </c>
    </row>
    <row r="8094" spans="1:6" x14ac:dyDescent="0.25">
      <c r="A8094">
        <v>153.15</v>
      </c>
      <c r="B8094">
        <v>178.63</v>
      </c>
      <c r="C8094">
        <v>6436.35</v>
      </c>
      <c r="D8094">
        <v>2.8</v>
      </c>
      <c r="E8094">
        <v>5678.88</v>
      </c>
      <c r="F8094">
        <v>27.008600000000001</v>
      </c>
    </row>
    <row r="8095" spans="1:6" x14ac:dyDescent="0.25">
      <c r="A8095">
        <v>153.15</v>
      </c>
      <c r="B8095">
        <v>178.63</v>
      </c>
      <c r="C8095">
        <v>6436.35</v>
      </c>
      <c r="D8095">
        <v>3.1</v>
      </c>
      <c r="E8095">
        <v>5662.21</v>
      </c>
      <c r="F8095">
        <v>26.9758</v>
      </c>
    </row>
    <row r="8096" spans="1:6" x14ac:dyDescent="0.25">
      <c r="A8096">
        <v>153.15</v>
      </c>
      <c r="B8096">
        <v>178.63</v>
      </c>
      <c r="C8096">
        <v>6436.35</v>
      </c>
      <c r="D8096">
        <v>3.4</v>
      </c>
      <c r="E8096">
        <v>5645.99</v>
      </c>
      <c r="F8096">
        <v>26.9514</v>
      </c>
    </row>
    <row r="8097" spans="1:6" x14ac:dyDescent="0.25">
      <c r="A8097">
        <v>153.15</v>
      </c>
      <c r="B8097">
        <v>178.63</v>
      </c>
      <c r="C8097">
        <v>6436.35</v>
      </c>
      <c r="D8097">
        <v>3.7</v>
      </c>
      <c r="E8097">
        <v>7425.64</v>
      </c>
      <c r="F8097">
        <v>26.9221</v>
      </c>
    </row>
    <row r="8098" spans="1:6" x14ac:dyDescent="0.25">
      <c r="A8098">
        <v>153.15</v>
      </c>
      <c r="B8098">
        <v>178.63</v>
      </c>
      <c r="C8098">
        <v>6436.35</v>
      </c>
      <c r="D8098">
        <v>4</v>
      </c>
      <c r="E8098">
        <v>7349.19</v>
      </c>
      <c r="F8098">
        <v>26.905899999999999</v>
      </c>
    </row>
    <row r="8099" spans="1:6" x14ac:dyDescent="0.25">
      <c r="A8099">
        <v>153.15</v>
      </c>
      <c r="B8099">
        <v>178.63</v>
      </c>
      <c r="C8099">
        <v>7981.8</v>
      </c>
      <c r="D8099">
        <v>1</v>
      </c>
      <c r="E8099">
        <v>11596.2</v>
      </c>
      <c r="F8099">
        <v>25.0593</v>
      </c>
    </row>
    <row r="8100" spans="1:6" x14ac:dyDescent="0.25">
      <c r="A8100">
        <v>153.15</v>
      </c>
      <c r="B8100">
        <v>178.63</v>
      </c>
      <c r="C8100">
        <v>7981.8</v>
      </c>
      <c r="D8100">
        <v>1.3</v>
      </c>
      <c r="E8100">
        <v>10777.6</v>
      </c>
      <c r="F8100">
        <v>25.409199999999998</v>
      </c>
    </row>
    <row r="8101" spans="1:6" x14ac:dyDescent="0.25">
      <c r="A8101">
        <v>153.15</v>
      </c>
      <c r="B8101">
        <v>178.63</v>
      </c>
      <c r="C8101">
        <v>7981.8</v>
      </c>
      <c r="D8101">
        <v>1.6</v>
      </c>
      <c r="E8101">
        <v>10540.8</v>
      </c>
      <c r="F8101">
        <v>25.502800000000001</v>
      </c>
    </row>
    <row r="8102" spans="1:6" x14ac:dyDescent="0.25">
      <c r="A8102">
        <v>153.15</v>
      </c>
      <c r="B8102">
        <v>178.63</v>
      </c>
      <c r="C8102">
        <v>7981.8</v>
      </c>
      <c r="D8102">
        <v>1.9</v>
      </c>
      <c r="E8102">
        <v>10168.5</v>
      </c>
      <c r="F8102">
        <v>26.246500000000001</v>
      </c>
    </row>
    <row r="8103" spans="1:6" x14ac:dyDescent="0.25">
      <c r="A8103">
        <v>153.15</v>
      </c>
      <c r="B8103">
        <v>178.63</v>
      </c>
      <c r="C8103">
        <v>7981.8</v>
      </c>
      <c r="D8103">
        <v>2.2000000000000002</v>
      </c>
      <c r="E8103">
        <v>9896.52</v>
      </c>
      <c r="F8103">
        <v>26.796500000000002</v>
      </c>
    </row>
    <row r="8104" spans="1:6" x14ac:dyDescent="0.25">
      <c r="A8104">
        <v>153.15</v>
      </c>
      <c r="B8104">
        <v>178.63</v>
      </c>
      <c r="C8104">
        <v>7981.8</v>
      </c>
      <c r="D8104">
        <v>2.5</v>
      </c>
      <c r="E8104">
        <v>9656.33</v>
      </c>
      <c r="F8104">
        <v>27.2866</v>
      </c>
    </row>
    <row r="8105" spans="1:6" x14ac:dyDescent="0.25">
      <c r="A8105">
        <v>153.15</v>
      </c>
      <c r="B8105">
        <v>178.63</v>
      </c>
      <c r="C8105">
        <v>7981.8</v>
      </c>
      <c r="D8105">
        <v>2.8</v>
      </c>
      <c r="E8105">
        <v>5678.88</v>
      </c>
      <c r="F8105">
        <v>27.008600000000001</v>
      </c>
    </row>
    <row r="8106" spans="1:6" x14ac:dyDescent="0.25">
      <c r="A8106">
        <v>153.15</v>
      </c>
      <c r="B8106">
        <v>178.63</v>
      </c>
      <c r="C8106">
        <v>7981.8</v>
      </c>
      <c r="D8106">
        <v>3.1</v>
      </c>
      <c r="E8106">
        <v>5662.21</v>
      </c>
      <c r="F8106">
        <v>26.9758</v>
      </c>
    </row>
    <row r="8107" spans="1:6" x14ac:dyDescent="0.25">
      <c r="A8107">
        <v>153.15</v>
      </c>
      <c r="B8107">
        <v>178.63</v>
      </c>
      <c r="C8107">
        <v>7981.8</v>
      </c>
      <c r="D8107">
        <v>3.4</v>
      </c>
      <c r="E8107">
        <v>5645.99</v>
      </c>
      <c r="F8107">
        <v>26.9514</v>
      </c>
    </row>
    <row r="8108" spans="1:6" x14ac:dyDescent="0.25">
      <c r="A8108">
        <v>153.15</v>
      </c>
      <c r="B8108">
        <v>178.63</v>
      </c>
      <c r="C8108">
        <v>7981.8</v>
      </c>
      <c r="D8108">
        <v>3.7</v>
      </c>
      <c r="E8108">
        <v>8991.85</v>
      </c>
      <c r="F8108">
        <v>26.9221</v>
      </c>
    </row>
    <row r="8109" spans="1:6" x14ac:dyDescent="0.25">
      <c r="A8109">
        <v>153.15</v>
      </c>
      <c r="B8109">
        <v>178.63</v>
      </c>
      <c r="C8109">
        <v>7981.8</v>
      </c>
      <c r="D8109">
        <v>4</v>
      </c>
      <c r="E8109">
        <v>8997.31</v>
      </c>
      <c r="F8109">
        <v>26.905899999999999</v>
      </c>
    </row>
    <row r="8110" spans="1:6" x14ac:dyDescent="0.25">
      <c r="A8110">
        <v>153.15</v>
      </c>
      <c r="B8110">
        <v>178.63</v>
      </c>
      <c r="C8110">
        <v>9527.25</v>
      </c>
      <c r="D8110">
        <v>1</v>
      </c>
      <c r="E8110">
        <v>13458.7</v>
      </c>
      <c r="F8110">
        <v>25.0593</v>
      </c>
    </row>
    <row r="8111" spans="1:6" x14ac:dyDescent="0.25">
      <c r="A8111">
        <v>153.15</v>
      </c>
      <c r="B8111">
        <v>178.63</v>
      </c>
      <c r="C8111">
        <v>9527.25</v>
      </c>
      <c r="D8111">
        <v>1.3</v>
      </c>
      <c r="E8111">
        <v>12237.1</v>
      </c>
      <c r="F8111">
        <v>25.409199999999998</v>
      </c>
    </row>
    <row r="8112" spans="1:6" x14ac:dyDescent="0.25">
      <c r="A8112">
        <v>153.15</v>
      </c>
      <c r="B8112">
        <v>178.63</v>
      </c>
      <c r="C8112">
        <v>9527.25</v>
      </c>
      <c r="D8112">
        <v>1.6</v>
      </c>
      <c r="E8112">
        <v>11874.1</v>
      </c>
      <c r="F8112">
        <v>25.502800000000001</v>
      </c>
    </row>
    <row r="8113" spans="1:6" x14ac:dyDescent="0.25">
      <c r="A8113">
        <v>153.15</v>
      </c>
      <c r="B8113">
        <v>178.63</v>
      </c>
      <c r="C8113">
        <v>9527.25</v>
      </c>
      <c r="D8113">
        <v>1.9</v>
      </c>
      <c r="E8113">
        <v>11673.8</v>
      </c>
      <c r="F8113">
        <v>26.246500000000001</v>
      </c>
    </row>
    <row r="8114" spans="1:6" x14ac:dyDescent="0.25">
      <c r="A8114">
        <v>153.15</v>
      </c>
      <c r="B8114">
        <v>178.63</v>
      </c>
      <c r="C8114">
        <v>9527.25</v>
      </c>
      <c r="D8114">
        <v>2.2000000000000002</v>
      </c>
      <c r="E8114">
        <v>11279.4</v>
      </c>
      <c r="F8114">
        <v>26.796500000000002</v>
      </c>
    </row>
    <row r="8115" spans="1:6" x14ac:dyDescent="0.25">
      <c r="A8115">
        <v>153.15</v>
      </c>
      <c r="B8115">
        <v>178.63</v>
      </c>
      <c r="C8115">
        <v>9527.25</v>
      </c>
      <c r="D8115">
        <v>2.5</v>
      </c>
      <c r="E8115">
        <v>11172.1</v>
      </c>
      <c r="F8115">
        <v>27.2866</v>
      </c>
    </row>
    <row r="8116" spans="1:6" x14ac:dyDescent="0.25">
      <c r="A8116">
        <v>153.15</v>
      </c>
      <c r="B8116">
        <v>178.63</v>
      </c>
      <c r="C8116">
        <v>9527.25</v>
      </c>
      <c r="D8116">
        <v>2.8</v>
      </c>
      <c r="E8116">
        <v>5678.88</v>
      </c>
      <c r="F8116">
        <v>27.008600000000001</v>
      </c>
    </row>
    <row r="8117" spans="1:6" x14ac:dyDescent="0.25">
      <c r="A8117">
        <v>153.15</v>
      </c>
      <c r="B8117">
        <v>178.63</v>
      </c>
      <c r="C8117">
        <v>9527.25</v>
      </c>
      <c r="D8117">
        <v>3.1</v>
      </c>
      <c r="E8117">
        <v>5662.21</v>
      </c>
      <c r="F8117">
        <v>26.9758</v>
      </c>
    </row>
    <row r="8118" spans="1:6" x14ac:dyDescent="0.25">
      <c r="A8118">
        <v>153.15</v>
      </c>
      <c r="B8118">
        <v>178.63</v>
      </c>
      <c r="C8118">
        <v>9527.25</v>
      </c>
      <c r="D8118">
        <v>3.4</v>
      </c>
      <c r="E8118">
        <v>5645.99</v>
      </c>
      <c r="F8118">
        <v>26.9514</v>
      </c>
    </row>
    <row r="8119" spans="1:6" x14ac:dyDescent="0.25">
      <c r="A8119">
        <v>153.15</v>
      </c>
      <c r="B8119">
        <v>178.63</v>
      </c>
      <c r="C8119">
        <v>9527.25</v>
      </c>
      <c r="D8119">
        <v>3.7</v>
      </c>
      <c r="E8119">
        <v>10443.700000000001</v>
      </c>
      <c r="F8119">
        <v>26.9221</v>
      </c>
    </row>
    <row r="8120" spans="1:6" x14ac:dyDescent="0.25">
      <c r="A8120">
        <v>153.15</v>
      </c>
      <c r="B8120">
        <v>178.63</v>
      </c>
      <c r="C8120">
        <v>9527.25</v>
      </c>
      <c r="D8120">
        <v>4</v>
      </c>
      <c r="E8120">
        <v>10547.6</v>
      </c>
      <c r="F8120">
        <v>26.905899999999999</v>
      </c>
    </row>
    <row r="8121" spans="1:6" x14ac:dyDescent="0.25">
      <c r="A8121">
        <v>153.15</v>
      </c>
      <c r="B8121">
        <v>178.63</v>
      </c>
      <c r="C8121">
        <v>11072.7</v>
      </c>
      <c r="D8121">
        <v>1</v>
      </c>
      <c r="E8121">
        <v>14560.3</v>
      </c>
      <c r="F8121">
        <v>25.0593</v>
      </c>
    </row>
    <row r="8122" spans="1:6" x14ac:dyDescent="0.25">
      <c r="A8122">
        <v>153.15</v>
      </c>
      <c r="B8122">
        <v>178.63</v>
      </c>
      <c r="C8122">
        <v>11072.7</v>
      </c>
      <c r="D8122">
        <v>1.3</v>
      </c>
      <c r="E8122">
        <v>13884.2</v>
      </c>
      <c r="F8122">
        <v>25.409199999999998</v>
      </c>
    </row>
    <row r="8123" spans="1:6" x14ac:dyDescent="0.25">
      <c r="A8123">
        <v>153.15</v>
      </c>
      <c r="B8123">
        <v>178.63</v>
      </c>
      <c r="C8123">
        <v>11072.7</v>
      </c>
      <c r="D8123">
        <v>1.6</v>
      </c>
      <c r="E8123">
        <v>13468.4</v>
      </c>
      <c r="F8123">
        <v>25.502800000000001</v>
      </c>
    </row>
    <row r="8124" spans="1:6" x14ac:dyDescent="0.25">
      <c r="A8124">
        <v>153.15</v>
      </c>
      <c r="B8124">
        <v>178.63</v>
      </c>
      <c r="C8124">
        <v>11072.7</v>
      </c>
      <c r="D8124">
        <v>1.9</v>
      </c>
      <c r="E8124">
        <v>13233.1</v>
      </c>
      <c r="F8124">
        <v>26.246500000000001</v>
      </c>
    </row>
    <row r="8125" spans="1:6" x14ac:dyDescent="0.25">
      <c r="A8125">
        <v>153.15</v>
      </c>
      <c r="B8125">
        <v>178.63</v>
      </c>
      <c r="C8125">
        <v>11072.7</v>
      </c>
      <c r="D8125">
        <v>2.2000000000000002</v>
      </c>
      <c r="E8125">
        <v>12825.6</v>
      </c>
      <c r="F8125">
        <v>26.796500000000002</v>
      </c>
    </row>
    <row r="8126" spans="1:6" x14ac:dyDescent="0.25">
      <c r="A8126">
        <v>153.15</v>
      </c>
      <c r="B8126">
        <v>178.63</v>
      </c>
      <c r="C8126">
        <v>11072.7</v>
      </c>
      <c r="D8126">
        <v>2.5</v>
      </c>
      <c r="E8126">
        <v>12673</v>
      </c>
      <c r="F8126">
        <v>27.2866</v>
      </c>
    </row>
    <row r="8127" spans="1:6" x14ac:dyDescent="0.25">
      <c r="A8127">
        <v>153.15</v>
      </c>
      <c r="B8127">
        <v>178.63</v>
      </c>
      <c r="C8127">
        <v>11072.7</v>
      </c>
      <c r="D8127">
        <v>2.8</v>
      </c>
      <c r="E8127">
        <v>5678.88</v>
      </c>
      <c r="F8127">
        <v>27.008600000000001</v>
      </c>
    </row>
    <row r="8128" spans="1:6" x14ac:dyDescent="0.25">
      <c r="A8128">
        <v>153.15</v>
      </c>
      <c r="B8128">
        <v>178.63</v>
      </c>
      <c r="C8128">
        <v>11072.7</v>
      </c>
      <c r="D8128">
        <v>3.1</v>
      </c>
      <c r="E8128">
        <v>5662.21</v>
      </c>
      <c r="F8128">
        <v>26.9758</v>
      </c>
    </row>
    <row r="8129" spans="1:6" x14ac:dyDescent="0.25">
      <c r="A8129">
        <v>153.15</v>
      </c>
      <c r="B8129">
        <v>178.63</v>
      </c>
      <c r="C8129">
        <v>11072.7</v>
      </c>
      <c r="D8129">
        <v>3.4</v>
      </c>
      <c r="E8129">
        <v>5645.99</v>
      </c>
      <c r="F8129">
        <v>26.9514</v>
      </c>
    </row>
    <row r="8130" spans="1:6" x14ac:dyDescent="0.25">
      <c r="A8130">
        <v>153.15</v>
      </c>
      <c r="B8130">
        <v>178.63</v>
      </c>
      <c r="C8130">
        <v>11072.7</v>
      </c>
      <c r="D8130">
        <v>3.7</v>
      </c>
      <c r="E8130">
        <v>11957.6</v>
      </c>
      <c r="F8130">
        <v>26.9221</v>
      </c>
    </row>
    <row r="8131" spans="1:6" x14ac:dyDescent="0.25">
      <c r="A8131">
        <v>153.15</v>
      </c>
      <c r="B8131">
        <v>178.63</v>
      </c>
      <c r="C8131">
        <v>11072.7</v>
      </c>
      <c r="D8131">
        <v>4</v>
      </c>
      <c r="E8131">
        <v>11963.3</v>
      </c>
      <c r="F8131">
        <v>26.905899999999999</v>
      </c>
    </row>
    <row r="8132" spans="1:6" x14ac:dyDescent="0.25">
      <c r="A8132">
        <v>153.15</v>
      </c>
      <c r="B8132">
        <v>178.63</v>
      </c>
      <c r="C8132">
        <v>12618.2</v>
      </c>
      <c r="D8132">
        <v>1</v>
      </c>
      <c r="E8132">
        <v>16042</v>
      </c>
      <c r="F8132">
        <v>25.0593</v>
      </c>
    </row>
    <row r="8133" spans="1:6" x14ac:dyDescent="0.25">
      <c r="A8133">
        <v>153.15</v>
      </c>
      <c r="B8133">
        <v>178.63</v>
      </c>
      <c r="C8133">
        <v>12618.2</v>
      </c>
      <c r="D8133">
        <v>1.3</v>
      </c>
      <c r="E8133">
        <v>15742.6</v>
      </c>
      <c r="F8133">
        <v>25.409199999999998</v>
      </c>
    </row>
    <row r="8134" spans="1:6" x14ac:dyDescent="0.25">
      <c r="A8134">
        <v>153.15</v>
      </c>
      <c r="B8134">
        <v>178.63</v>
      </c>
      <c r="C8134">
        <v>12618.2</v>
      </c>
      <c r="D8134">
        <v>1.6</v>
      </c>
      <c r="E8134">
        <v>14952.4</v>
      </c>
      <c r="F8134">
        <v>25.502800000000001</v>
      </c>
    </row>
    <row r="8135" spans="1:6" x14ac:dyDescent="0.25">
      <c r="A8135">
        <v>153.15</v>
      </c>
      <c r="B8135">
        <v>178.63</v>
      </c>
      <c r="C8135">
        <v>12618.2</v>
      </c>
      <c r="D8135">
        <v>1.9</v>
      </c>
      <c r="E8135">
        <v>14727.5</v>
      </c>
      <c r="F8135">
        <v>26.246500000000001</v>
      </c>
    </row>
    <row r="8136" spans="1:6" x14ac:dyDescent="0.25">
      <c r="A8136">
        <v>153.15</v>
      </c>
      <c r="B8136">
        <v>178.63</v>
      </c>
      <c r="C8136">
        <v>12618.2</v>
      </c>
      <c r="D8136">
        <v>2.2000000000000002</v>
      </c>
      <c r="E8136">
        <v>14646.1</v>
      </c>
      <c r="F8136">
        <v>26.796500000000002</v>
      </c>
    </row>
    <row r="8137" spans="1:6" x14ac:dyDescent="0.25">
      <c r="A8137">
        <v>153.15</v>
      </c>
      <c r="B8137">
        <v>178.63</v>
      </c>
      <c r="C8137">
        <v>12618.2</v>
      </c>
      <c r="D8137">
        <v>2.5</v>
      </c>
      <c r="E8137">
        <v>14248.4</v>
      </c>
      <c r="F8137">
        <v>27.2866</v>
      </c>
    </row>
    <row r="8138" spans="1:6" x14ac:dyDescent="0.25">
      <c r="A8138">
        <v>153.15</v>
      </c>
      <c r="B8138">
        <v>178.63</v>
      </c>
      <c r="C8138">
        <v>12618.2</v>
      </c>
      <c r="D8138">
        <v>2.8</v>
      </c>
      <c r="E8138">
        <v>5678.88</v>
      </c>
      <c r="F8138">
        <v>27.008600000000001</v>
      </c>
    </row>
    <row r="8139" spans="1:6" x14ac:dyDescent="0.25">
      <c r="A8139">
        <v>153.15</v>
      </c>
      <c r="B8139">
        <v>178.63</v>
      </c>
      <c r="C8139">
        <v>12618.2</v>
      </c>
      <c r="D8139">
        <v>3.1</v>
      </c>
      <c r="E8139">
        <v>5662.21</v>
      </c>
      <c r="F8139">
        <v>26.9758</v>
      </c>
    </row>
    <row r="8140" spans="1:6" x14ac:dyDescent="0.25">
      <c r="A8140">
        <v>153.15</v>
      </c>
      <c r="B8140">
        <v>178.63</v>
      </c>
      <c r="C8140">
        <v>12618.2</v>
      </c>
      <c r="D8140">
        <v>3.4</v>
      </c>
      <c r="E8140">
        <v>5645.99</v>
      </c>
      <c r="F8140">
        <v>26.9514</v>
      </c>
    </row>
    <row r="8141" spans="1:6" x14ac:dyDescent="0.25">
      <c r="A8141">
        <v>153.15</v>
      </c>
      <c r="B8141">
        <v>178.63</v>
      </c>
      <c r="C8141">
        <v>12618.2</v>
      </c>
      <c r="D8141">
        <v>3.7</v>
      </c>
      <c r="E8141">
        <v>13591.9</v>
      </c>
      <c r="F8141">
        <v>26.9221</v>
      </c>
    </row>
    <row r="8142" spans="1:6" x14ac:dyDescent="0.25">
      <c r="A8142">
        <v>153.15</v>
      </c>
      <c r="B8142">
        <v>178.63</v>
      </c>
      <c r="C8142">
        <v>12618.2</v>
      </c>
      <c r="D8142">
        <v>4</v>
      </c>
      <c r="E8142">
        <v>13523</v>
      </c>
      <c r="F8142">
        <v>26.905899999999999</v>
      </c>
    </row>
    <row r="8143" spans="1:6" x14ac:dyDescent="0.25">
      <c r="A8143">
        <v>153.15</v>
      </c>
      <c r="B8143">
        <v>178.63</v>
      </c>
      <c r="C8143">
        <v>14163.6</v>
      </c>
      <c r="D8143">
        <v>1</v>
      </c>
      <c r="E8143">
        <v>17862.8</v>
      </c>
      <c r="F8143">
        <v>25.0593</v>
      </c>
    </row>
    <row r="8144" spans="1:6" x14ac:dyDescent="0.25">
      <c r="A8144">
        <v>153.15</v>
      </c>
      <c r="B8144">
        <v>178.63</v>
      </c>
      <c r="C8144">
        <v>14163.6</v>
      </c>
      <c r="D8144">
        <v>1.3</v>
      </c>
      <c r="E8144">
        <v>16899.5</v>
      </c>
      <c r="F8144">
        <v>25.409199999999998</v>
      </c>
    </row>
    <row r="8145" spans="1:6" x14ac:dyDescent="0.25">
      <c r="A8145">
        <v>153.15</v>
      </c>
      <c r="B8145">
        <v>178.63</v>
      </c>
      <c r="C8145">
        <v>14163.6</v>
      </c>
      <c r="D8145">
        <v>1.6</v>
      </c>
      <c r="E8145">
        <v>16724.400000000001</v>
      </c>
      <c r="F8145">
        <v>25.502800000000001</v>
      </c>
    </row>
    <row r="8146" spans="1:6" x14ac:dyDescent="0.25">
      <c r="A8146">
        <v>153.15</v>
      </c>
      <c r="B8146">
        <v>178.63</v>
      </c>
      <c r="C8146">
        <v>14163.6</v>
      </c>
      <c r="D8146">
        <v>1.9</v>
      </c>
      <c r="E8146">
        <v>16406.900000000001</v>
      </c>
      <c r="F8146">
        <v>26.246500000000001</v>
      </c>
    </row>
    <row r="8147" spans="1:6" x14ac:dyDescent="0.25">
      <c r="A8147">
        <v>153.15</v>
      </c>
      <c r="B8147">
        <v>178.63</v>
      </c>
      <c r="C8147">
        <v>14163.6</v>
      </c>
      <c r="D8147">
        <v>2.2000000000000002</v>
      </c>
      <c r="E8147">
        <v>16028.9</v>
      </c>
      <c r="F8147">
        <v>26.796500000000002</v>
      </c>
    </row>
    <row r="8148" spans="1:6" x14ac:dyDescent="0.25">
      <c r="A8148">
        <v>153.15</v>
      </c>
      <c r="B8148">
        <v>178.63</v>
      </c>
      <c r="C8148">
        <v>14163.6</v>
      </c>
      <c r="D8148">
        <v>2.5</v>
      </c>
      <c r="E8148">
        <v>15748.8</v>
      </c>
      <c r="F8148">
        <v>27.2866</v>
      </c>
    </row>
    <row r="8149" spans="1:6" x14ac:dyDescent="0.25">
      <c r="A8149">
        <v>153.15</v>
      </c>
      <c r="B8149">
        <v>178.63</v>
      </c>
      <c r="C8149">
        <v>14163.6</v>
      </c>
      <c r="D8149">
        <v>2.8</v>
      </c>
      <c r="E8149">
        <v>5678.88</v>
      </c>
      <c r="F8149">
        <v>27.008600000000001</v>
      </c>
    </row>
    <row r="8150" spans="1:6" x14ac:dyDescent="0.25">
      <c r="A8150">
        <v>153.15</v>
      </c>
      <c r="B8150">
        <v>178.63</v>
      </c>
      <c r="C8150">
        <v>14163.6</v>
      </c>
      <c r="D8150">
        <v>3.1</v>
      </c>
      <c r="E8150">
        <v>5662.21</v>
      </c>
      <c r="F8150">
        <v>26.9758</v>
      </c>
    </row>
    <row r="8151" spans="1:6" x14ac:dyDescent="0.25">
      <c r="A8151">
        <v>153.15</v>
      </c>
      <c r="B8151">
        <v>178.63</v>
      </c>
      <c r="C8151">
        <v>14163.6</v>
      </c>
      <c r="D8151">
        <v>3.4</v>
      </c>
      <c r="E8151">
        <v>5645.99</v>
      </c>
      <c r="F8151">
        <v>26.9514</v>
      </c>
    </row>
    <row r="8152" spans="1:6" x14ac:dyDescent="0.25">
      <c r="A8152">
        <v>153.15</v>
      </c>
      <c r="B8152">
        <v>178.63</v>
      </c>
      <c r="C8152">
        <v>14163.6</v>
      </c>
      <c r="D8152">
        <v>3.7</v>
      </c>
      <c r="E8152">
        <v>15117.9</v>
      </c>
      <c r="F8152">
        <v>26.9221</v>
      </c>
    </row>
    <row r="8153" spans="1:6" x14ac:dyDescent="0.25">
      <c r="A8153">
        <v>153.15</v>
      </c>
      <c r="B8153">
        <v>178.63</v>
      </c>
      <c r="C8153">
        <v>14163.6</v>
      </c>
      <c r="D8153">
        <v>4</v>
      </c>
      <c r="E8153">
        <v>15044.7</v>
      </c>
      <c r="F8153">
        <v>26.905899999999999</v>
      </c>
    </row>
    <row r="8154" spans="1:6" x14ac:dyDescent="0.25">
      <c r="A8154">
        <v>153.15</v>
      </c>
      <c r="B8154">
        <v>178.63</v>
      </c>
      <c r="C8154">
        <v>15709.1</v>
      </c>
      <c r="D8154">
        <v>1</v>
      </c>
      <c r="E8154">
        <v>19439.2</v>
      </c>
      <c r="F8154">
        <v>25.0593</v>
      </c>
    </row>
    <row r="8155" spans="1:6" x14ac:dyDescent="0.25">
      <c r="A8155">
        <v>153.15</v>
      </c>
      <c r="B8155">
        <v>178.63</v>
      </c>
      <c r="C8155">
        <v>15709.1</v>
      </c>
      <c r="D8155">
        <v>1.3</v>
      </c>
      <c r="E8155">
        <v>18393.8</v>
      </c>
      <c r="F8155">
        <v>25.409199999999998</v>
      </c>
    </row>
    <row r="8156" spans="1:6" x14ac:dyDescent="0.25">
      <c r="A8156">
        <v>153.15</v>
      </c>
      <c r="B8156">
        <v>178.63</v>
      </c>
      <c r="C8156">
        <v>15709.1</v>
      </c>
      <c r="D8156">
        <v>1.6</v>
      </c>
      <c r="E8156">
        <v>17991.599999999999</v>
      </c>
      <c r="F8156">
        <v>25.502800000000001</v>
      </c>
    </row>
    <row r="8157" spans="1:6" x14ac:dyDescent="0.25">
      <c r="A8157">
        <v>153.15</v>
      </c>
      <c r="B8157">
        <v>178.63</v>
      </c>
      <c r="C8157">
        <v>15709.1</v>
      </c>
      <c r="D8157">
        <v>1.9</v>
      </c>
      <c r="E8157">
        <v>17842</v>
      </c>
      <c r="F8157">
        <v>26.246500000000001</v>
      </c>
    </row>
    <row r="8158" spans="1:6" x14ac:dyDescent="0.25">
      <c r="A8158">
        <v>153.15</v>
      </c>
      <c r="B8158">
        <v>178.63</v>
      </c>
      <c r="C8158">
        <v>15709.1</v>
      </c>
      <c r="D8158">
        <v>2.2000000000000002</v>
      </c>
      <c r="E8158">
        <v>17552.2</v>
      </c>
      <c r="F8158">
        <v>26.796500000000002</v>
      </c>
    </row>
    <row r="8159" spans="1:6" x14ac:dyDescent="0.25">
      <c r="A8159">
        <v>153.15</v>
      </c>
      <c r="B8159">
        <v>178.63</v>
      </c>
      <c r="C8159">
        <v>15709.1</v>
      </c>
      <c r="D8159">
        <v>2.5</v>
      </c>
      <c r="E8159">
        <v>17329.7</v>
      </c>
      <c r="F8159">
        <v>27.2866</v>
      </c>
    </row>
    <row r="8160" spans="1:6" x14ac:dyDescent="0.25">
      <c r="A8160">
        <v>153.15</v>
      </c>
      <c r="B8160">
        <v>178.63</v>
      </c>
      <c r="C8160">
        <v>15709.1</v>
      </c>
      <c r="D8160">
        <v>2.8</v>
      </c>
      <c r="E8160">
        <v>5678.88</v>
      </c>
      <c r="F8160">
        <v>27.008600000000001</v>
      </c>
    </row>
    <row r="8161" spans="1:6" x14ac:dyDescent="0.25">
      <c r="A8161">
        <v>153.15</v>
      </c>
      <c r="B8161">
        <v>178.63</v>
      </c>
      <c r="C8161">
        <v>15709.1</v>
      </c>
      <c r="D8161">
        <v>3.1</v>
      </c>
      <c r="E8161">
        <v>5662.21</v>
      </c>
      <c r="F8161">
        <v>26.9758</v>
      </c>
    </row>
    <row r="8162" spans="1:6" x14ac:dyDescent="0.25">
      <c r="A8162">
        <v>153.15</v>
      </c>
      <c r="B8162">
        <v>178.63</v>
      </c>
      <c r="C8162">
        <v>15709.1</v>
      </c>
      <c r="D8162">
        <v>3.4</v>
      </c>
      <c r="E8162">
        <v>5645.99</v>
      </c>
      <c r="F8162">
        <v>26.9514</v>
      </c>
    </row>
    <row r="8163" spans="1:6" x14ac:dyDescent="0.25">
      <c r="A8163">
        <v>153.15</v>
      </c>
      <c r="B8163">
        <v>178.63</v>
      </c>
      <c r="C8163">
        <v>15709.1</v>
      </c>
      <c r="D8163">
        <v>3.7</v>
      </c>
      <c r="E8163">
        <v>16602.900000000001</v>
      </c>
      <c r="F8163">
        <v>26.9221</v>
      </c>
    </row>
    <row r="8164" spans="1:6" x14ac:dyDescent="0.25">
      <c r="A8164">
        <v>153.15</v>
      </c>
      <c r="B8164">
        <v>178.63</v>
      </c>
      <c r="C8164">
        <v>15709.1</v>
      </c>
      <c r="D8164">
        <v>4</v>
      </c>
      <c r="E8164">
        <v>16650.2</v>
      </c>
      <c r="F8164">
        <v>26.905899999999999</v>
      </c>
    </row>
    <row r="8165" spans="1:6" x14ac:dyDescent="0.25">
      <c r="A8165">
        <v>153.15</v>
      </c>
      <c r="B8165">
        <v>178.63</v>
      </c>
      <c r="C8165">
        <v>17254.5</v>
      </c>
      <c r="D8165">
        <v>1</v>
      </c>
      <c r="E8165">
        <v>20822</v>
      </c>
      <c r="F8165">
        <v>25.0593</v>
      </c>
    </row>
    <row r="8166" spans="1:6" x14ac:dyDescent="0.25">
      <c r="A8166">
        <v>153.15</v>
      </c>
      <c r="B8166">
        <v>178.63</v>
      </c>
      <c r="C8166">
        <v>17254.5</v>
      </c>
      <c r="D8166">
        <v>1.3</v>
      </c>
      <c r="E8166">
        <v>20074.900000000001</v>
      </c>
      <c r="F8166">
        <v>25.409199999999998</v>
      </c>
    </row>
    <row r="8167" spans="1:6" x14ac:dyDescent="0.25">
      <c r="A8167">
        <v>153.15</v>
      </c>
      <c r="B8167">
        <v>178.63</v>
      </c>
      <c r="C8167">
        <v>17254.5</v>
      </c>
      <c r="D8167">
        <v>1.6</v>
      </c>
      <c r="E8167">
        <v>19804.3</v>
      </c>
      <c r="F8167">
        <v>25.502800000000001</v>
      </c>
    </row>
    <row r="8168" spans="1:6" x14ac:dyDescent="0.25">
      <c r="A8168">
        <v>153.15</v>
      </c>
      <c r="B8168">
        <v>178.63</v>
      </c>
      <c r="C8168">
        <v>17254.5</v>
      </c>
      <c r="D8168">
        <v>1.9</v>
      </c>
      <c r="E8168">
        <v>19330.8</v>
      </c>
      <c r="F8168">
        <v>26.246500000000001</v>
      </c>
    </row>
    <row r="8169" spans="1:6" x14ac:dyDescent="0.25">
      <c r="A8169">
        <v>153.15</v>
      </c>
      <c r="B8169">
        <v>178.63</v>
      </c>
      <c r="C8169">
        <v>17254.5</v>
      </c>
      <c r="D8169">
        <v>2.2000000000000002</v>
      </c>
      <c r="E8169">
        <v>19069.5</v>
      </c>
      <c r="F8169">
        <v>26.796500000000002</v>
      </c>
    </row>
    <row r="8170" spans="1:6" x14ac:dyDescent="0.25">
      <c r="A8170">
        <v>153.15</v>
      </c>
      <c r="B8170">
        <v>178.63</v>
      </c>
      <c r="C8170">
        <v>17254.5</v>
      </c>
      <c r="D8170">
        <v>2.5</v>
      </c>
      <c r="E8170">
        <v>18930.099999999999</v>
      </c>
      <c r="F8170">
        <v>27.2866</v>
      </c>
    </row>
    <row r="8171" spans="1:6" x14ac:dyDescent="0.25">
      <c r="A8171">
        <v>153.15</v>
      </c>
      <c r="B8171">
        <v>178.63</v>
      </c>
      <c r="C8171">
        <v>17254.5</v>
      </c>
      <c r="D8171">
        <v>2.8</v>
      </c>
      <c r="E8171">
        <v>5678.88</v>
      </c>
      <c r="F8171">
        <v>27.008600000000001</v>
      </c>
    </row>
    <row r="8172" spans="1:6" x14ac:dyDescent="0.25">
      <c r="A8172">
        <v>153.15</v>
      </c>
      <c r="B8172">
        <v>178.63</v>
      </c>
      <c r="C8172">
        <v>17254.5</v>
      </c>
      <c r="D8172">
        <v>3.1</v>
      </c>
      <c r="E8172">
        <v>5662.21</v>
      </c>
      <c r="F8172">
        <v>26.9758</v>
      </c>
    </row>
    <row r="8173" spans="1:6" x14ac:dyDescent="0.25">
      <c r="A8173">
        <v>153.15</v>
      </c>
      <c r="B8173">
        <v>178.63</v>
      </c>
      <c r="C8173">
        <v>17254.5</v>
      </c>
      <c r="D8173">
        <v>3.4</v>
      </c>
      <c r="E8173">
        <v>5645.99</v>
      </c>
      <c r="F8173">
        <v>26.9514</v>
      </c>
    </row>
    <row r="8174" spans="1:6" x14ac:dyDescent="0.25">
      <c r="A8174">
        <v>153.15</v>
      </c>
      <c r="B8174">
        <v>178.63</v>
      </c>
      <c r="C8174">
        <v>17254.5</v>
      </c>
      <c r="D8174">
        <v>3.7</v>
      </c>
      <c r="E8174">
        <v>18102.2</v>
      </c>
      <c r="F8174">
        <v>26.9221</v>
      </c>
    </row>
    <row r="8175" spans="1:6" x14ac:dyDescent="0.25">
      <c r="A8175">
        <v>153.15</v>
      </c>
      <c r="B8175">
        <v>178.63</v>
      </c>
      <c r="C8175">
        <v>17254.5</v>
      </c>
      <c r="D8175">
        <v>4</v>
      </c>
      <c r="E8175">
        <v>18168</v>
      </c>
      <c r="F8175">
        <v>26.905899999999999</v>
      </c>
    </row>
    <row r="8176" spans="1:6" x14ac:dyDescent="0.25">
      <c r="A8176">
        <v>153.15</v>
      </c>
      <c r="B8176">
        <v>178.63</v>
      </c>
      <c r="C8176">
        <v>18800</v>
      </c>
      <c r="D8176">
        <v>1</v>
      </c>
      <c r="E8176">
        <v>22417.3</v>
      </c>
      <c r="F8176">
        <v>25.0593</v>
      </c>
    </row>
    <row r="8177" spans="1:6" x14ac:dyDescent="0.25">
      <c r="A8177">
        <v>153.15</v>
      </c>
      <c r="B8177">
        <v>178.63</v>
      </c>
      <c r="C8177">
        <v>18800</v>
      </c>
      <c r="D8177">
        <v>1.3</v>
      </c>
      <c r="E8177">
        <v>21570.1</v>
      </c>
      <c r="F8177">
        <v>25.409199999999998</v>
      </c>
    </row>
    <row r="8178" spans="1:6" x14ac:dyDescent="0.25">
      <c r="A8178">
        <v>153.15</v>
      </c>
      <c r="B8178">
        <v>178.63</v>
      </c>
      <c r="C8178">
        <v>18800</v>
      </c>
      <c r="D8178">
        <v>1.6</v>
      </c>
      <c r="E8178">
        <v>21307.9</v>
      </c>
      <c r="F8178">
        <v>25.502800000000001</v>
      </c>
    </row>
    <row r="8179" spans="1:6" x14ac:dyDescent="0.25">
      <c r="A8179">
        <v>153.15</v>
      </c>
      <c r="B8179">
        <v>178.63</v>
      </c>
      <c r="C8179">
        <v>18800</v>
      </c>
      <c r="D8179">
        <v>1.9</v>
      </c>
      <c r="E8179">
        <v>20922.400000000001</v>
      </c>
      <c r="F8179">
        <v>26.246500000000001</v>
      </c>
    </row>
    <row r="8180" spans="1:6" x14ac:dyDescent="0.25">
      <c r="A8180">
        <v>153.15</v>
      </c>
      <c r="B8180">
        <v>178.63</v>
      </c>
      <c r="C8180">
        <v>18800</v>
      </c>
      <c r="D8180">
        <v>2.2000000000000002</v>
      </c>
      <c r="E8180">
        <v>20616.900000000001</v>
      </c>
      <c r="F8180">
        <v>26.796500000000002</v>
      </c>
    </row>
    <row r="8181" spans="1:6" x14ac:dyDescent="0.25">
      <c r="A8181">
        <v>153.15</v>
      </c>
      <c r="B8181">
        <v>178.63</v>
      </c>
      <c r="C8181">
        <v>18800</v>
      </c>
      <c r="D8181">
        <v>2.5</v>
      </c>
      <c r="E8181">
        <v>20379</v>
      </c>
      <c r="F8181">
        <v>27.2866</v>
      </c>
    </row>
    <row r="8182" spans="1:6" x14ac:dyDescent="0.25">
      <c r="A8182">
        <v>153.15</v>
      </c>
      <c r="B8182">
        <v>178.63</v>
      </c>
      <c r="C8182">
        <v>18800</v>
      </c>
      <c r="D8182">
        <v>2.8</v>
      </c>
      <c r="E8182">
        <v>5678.88</v>
      </c>
      <c r="F8182">
        <v>27.008600000000001</v>
      </c>
    </row>
    <row r="8183" spans="1:6" x14ac:dyDescent="0.25">
      <c r="A8183">
        <v>153.15</v>
      </c>
      <c r="B8183">
        <v>178.63</v>
      </c>
      <c r="C8183">
        <v>18800</v>
      </c>
      <c r="D8183">
        <v>3.1</v>
      </c>
      <c r="E8183">
        <v>5662.21</v>
      </c>
      <c r="F8183">
        <v>26.9758</v>
      </c>
    </row>
    <row r="8184" spans="1:6" x14ac:dyDescent="0.25">
      <c r="A8184">
        <v>153.15</v>
      </c>
      <c r="B8184">
        <v>178.63</v>
      </c>
      <c r="C8184">
        <v>18800</v>
      </c>
      <c r="D8184">
        <v>3.4</v>
      </c>
      <c r="E8184">
        <v>5645.99</v>
      </c>
      <c r="F8184">
        <v>26.9514</v>
      </c>
    </row>
    <row r="8185" spans="1:6" x14ac:dyDescent="0.25">
      <c r="A8185">
        <v>153.15</v>
      </c>
      <c r="B8185">
        <v>178.63</v>
      </c>
      <c r="C8185">
        <v>18800</v>
      </c>
      <c r="D8185">
        <v>3.7</v>
      </c>
      <c r="E8185">
        <v>19634.5</v>
      </c>
      <c r="F8185">
        <v>26.9221</v>
      </c>
    </row>
    <row r="8186" spans="1:6" x14ac:dyDescent="0.25">
      <c r="A8186">
        <v>153.15</v>
      </c>
      <c r="B8186">
        <v>178.63</v>
      </c>
      <c r="C8186">
        <v>18800</v>
      </c>
      <c r="D8186">
        <v>4</v>
      </c>
      <c r="E8186">
        <v>19724.3</v>
      </c>
      <c r="F8186">
        <v>26.905899999999999</v>
      </c>
    </row>
    <row r="8187" spans="1:6" x14ac:dyDescent="0.25">
      <c r="A8187">
        <v>153.15</v>
      </c>
      <c r="B8187">
        <v>182.26</v>
      </c>
      <c r="C8187">
        <v>1800</v>
      </c>
      <c r="D8187">
        <v>1</v>
      </c>
      <c r="E8187">
        <v>5393.52</v>
      </c>
      <c r="F8187">
        <v>41.432000000000002</v>
      </c>
    </row>
    <row r="8188" spans="1:6" x14ac:dyDescent="0.25">
      <c r="A8188">
        <v>153.15</v>
      </c>
      <c r="B8188">
        <v>182.26</v>
      </c>
      <c r="C8188">
        <v>1800</v>
      </c>
      <c r="D8188">
        <v>1.3</v>
      </c>
      <c r="E8188">
        <v>4885.6000000000004</v>
      </c>
      <c r="F8188">
        <v>48.907899999999998</v>
      </c>
    </row>
    <row r="8189" spans="1:6" x14ac:dyDescent="0.25">
      <c r="A8189">
        <v>153.15</v>
      </c>
      <c r="B8189">
        <v>182.26</v>
      </c>
      <c r="C8189">
        <v>1800</v>
      </c>
      <c r="D8189">
        <v>1.6</v>
      </c>
      <c r="E8189">
        <v>4508.99</v>
      </c>
      <c r="F8189">
        <v>58.104799999999997</v>
      </c>
    </row>
    <row r="8190" spans="1:6" x14ac:dyDescent="0.25">
      <c r="A8190">
        <v>153.15</v>
      </c>
      <c r="B8190">
        <v>182.26</v>
      </c>
      <c r="C8190">
        <v>1800</v>
      </c>
      <c r="D8190">
        <v>1.9</v>
      </c>
      <c r="E8190">
        <v>4230.1899999999996</v>
      </c>
      <c r="F8190">
        <v>69.389700000000005</v>
      </c>
    </row>
    <row r="8191" spans="1:6" x14ac:dyDescent="0.25">
      <c r="A8191">
        <v>153.15</v>
      </c>
      <c r="B8191">
        <v>182.26</v>
      </c>
      <c r="C8191">
        <v>1800</v>
      </c>
      <c r="D8191">
        <v>2.2000000000000002</v>
      </c>
      <c r="E8191">
        <v>4064.35</v>
      </c>
      <c r="F8191">
        <v>74.681100000000001</v>
      </c>
    </row>
    <row r="8192" spans="1:6" x14ac:dyDescent="0.25">
      <c r="A8192">
        <v>153.15</v>
      </c>
      <c r="B8192">
        <v>182.26</v>
      </c>
      <c r="C8192">
        <v>1800</v>
      </c>
      <c r="D8192">
        <v>2.5</v>
      </c>
      <c r="E8192">
        <v>3975.4</v>
      </c>
      <c r="F8192">
        <v>79.792400000000001</v>
      </c>
    </row>
    <row r="8193" spans="1:6" x14ac:dyDescent="0.25">
      <c r="A8193">
        <v>153.15</v>
      </c>
      <c r="B8193">
        <v>182.26</v>
      </c>
      <c r="C8193">
        <v>1800</v>
      </c>
      <c r="D8193">
        <v>2.8</v>
      </c>
      <c r="E8193">
        <v>3822.85</v>
      </c>
      <c r="F8193">
        <v>83.956999999999994</v>
      </c>
    </row>
    <row r="8194" spans="1:6" x14ac:dyDescent="0.25">
      <c r="A8194">
        <v>153.15</v>
      </c>
      <c r="B8194">
        <v>182.26</v>
      </c>
      <c r="C8194">
        <v>1800</v>
      </c>
      <c r="D8194">
        <v>3.1</v>
      </c>
      <c r="E8194">
        <v>3741.8</v>
      </c>
      <c r="F8194">
        <v>87.402100000000004</v>
      </c>
    </row>
    <row r="8195" spans="1:6" x14ac:dyDescent="0.25">
      <c r="A8195">
        <v>153.15</v>
      </c>
      <c r="B8195">
        <v>182.26</v>
      </c>
      <c r="C8195">
        <v>1800</v>
      </c>
      <c r="D8195">
        <v>3.4</v>
      </c>
      <c r="E8195">
        <v>3652.45</v>
      </c>
      <c r="F8195">
        <v>90.926699999999997</v>
      </c>
    </row>
    <row r="8196" spans="1:6" x14ac:dyDescent="0.25">
      <c r="A8196">
        <v>153.15</v>
      </c>
      <c r="B8196">
        <v>182.26</v>
      </c>
      <c r="C8196">
        <v>1800</v>
      </c>
      <c r="D8196">
        <v>3.7</v>
      </c>
      <c r="E8196">
        <v>3602.44</v>
      </c>
      <c r="F8196">
        <v>93.739199999999997</v>
      </c>
    </row>
    <row r="8197" spans="1:6" x14ac:dyDescent="0.25">
      <c r="A8197">
        <v>153.15</v>
      </c>
      <c r="B8197">
        <v>182.26</v>
      </c>
      <c r="C8197">
        <v>1800</v>
      </c>
      <c r="D8197">
        <v>4</v>
      </c>
      <c r="E8197">
        <v>3533.11</v>
      </c>
      <c r="F8197">
        <v>91.378100000000003</v>
      </c>
    </row>
    <row r="8198" spans="1:6" x14ac:dyDescent="0.25">
      <c r="A8198">
        <v>153.15</v>
      </c>
      <c r="B8198">
        <v>182.26</v>
      </c>
      <c r="C8198">
        <v>3345.45</v>
      </c>
      <c r="D8198">
        <v>1</v>
      </c>
      <c r="E8198">
        <v>6987.75</v>
      </c>
      <c r="F8198">
        <v>17.952100000000002</v>
      </c>
    </row>
    <row r="8199" spans="1:6" x14ac:dyDescent="0.25">
      <c r="A8199">
        <v>153.15</v>
      </c>
      <c r="B8199">
        <v>182.26</v>
      </c>
      <c r="C8199">
        <v>3345.45</v>
      </c>
      <c r="D8199">
        <v>1.3</v>
      </c>
      <c r="E8199">
        <v>6285.84</v>
      </c>
      <c r="F8199">
        <v>21.626799999999999</v>
      </c>
    </row>
    <row r="8200" spans="1:6" x14ac:dyDescent="0.25">
      <c r="A8200">
        <v>153.15</v>
      </c>
      <c r="B8200">
        <v>182.26</v>
      </c>
      <c r="C8200">
        <v>3345.45</v>
      </c>
      <c r="D8200">
        <v>1.6</v>
      </c>
      <c r="E8200">
        <v>5853.41</v>
      </c>
      <c r="F8200">
        <v>18.8735</v>
      </c>
    </row>
    <row r="8201" spans="1:6" x14ac:dyDescent="0.25">
      <c r="A8201">
        <v>153.15</v>
      </c>
      <c r="B8201">
        <v>182.26</v>
      </c>
      <c r="C8201">
        <v>3345.45</v>
      </c>
      <c r="D8201">
        <v>1.9</v>
      </c>
      <c r="E8201">
        <v>5713.36</v>
      </c>
      <c r="F8201">
        <v>19.203600000000002</v>
      </c>
    </row>
    <row r="8202" spans="1:6" x14ac:dyDescent="0.25">
      <c r="A8202">
        <v>153.15</v>
      </c>
      <c r="B8202">
        <v>182.26</v>
      </c>
      <c r="C8202">
        <v>3345.45</v>
      </c>
      <c r="D8202">
        <v>2.2000000000000002</v>
      </c>
      <c r="E8202">
        <v>5449.32</v>
      </c>
      <c r="F8202">
        <v>25.968900000000001</v>
      </c>
    </row>
    <row r="8203" spans="1:6" x14ac:dyDescent="0.25">
      <c r="A8203">
        <v>153.15</v>
      </c>
      <c r="B8203">
        <v>182.26</v>
      </c>
      <c r="C8203">
        <v>3345.45</v>
      </c>
      <c r="D8203">
        <v>2.5</v>
      </c>
      <c r="E8203">
        <v>5225.46</v>
      </c>
      <c r="F8203">
        <v>24.919499999999999</v>
      </c>
    </row>
    <row r="8204" spans="1:6" x14ac:dyDescent="0.25">
      <c r="A8204">
        <v>153.15</v>
      </c>
      <c r="B8204">
        <v>182.26</v>
      </c>
      <c r="C8204">
        <v>3345.45</v>
      </c>
      <c r="D8204">
        <v>2.8</v>
      </c>
      <c r="E8204">
        <v>5194.09</v>
      </c>
      <c r="F8204">
        <v>19.9846</v>
      </c>
    </row>
    <row r="8205" spans="1:6" x14ac:dyDescent="0.25">
      <c r="A8205">
        <v>153.15</v>
      </c>
      <c r="B8205">
        <v>182.26</v>
      </c>
      <c r="C8205">
        <v>3345.45</v>
      </c>
      <c r="D8205">
        <v>3.1</v>
      </c>
      <c r="E8205">
        <v>4944.46</v>
      </c>
      <c r="F8205">
        <v>22.5959</v>
      </c>
    </row>
    <row r="8206" spans="1:6" x14ac:dyDescent="0.25">
      <c r="A8206">
        <v>153.15</v>
      </c>
      <c r="B8206">
        <v>182.26</v>
      </c>
      <c r="C8206">
        <v>3345.45</v>
      </c>
      <c r="D8206">
        <v>3.4</v>
      </c>
      <c r="E8206">
        <v>4845.75</v>
      </c>
      <c r="F8206">
        <v>24.067399999999999</v>
      </c>
    </row>
    <row r="8207" spans="1:6" x14ac:dyDescent="0.25">
      <c r="A8207">
        <v>153.15</v>
      </c>
      <c r="B8207">
        <v>182.26</v>
      </c>
      <c r="C8207">
        <v>3345.45</v>
      </c>
      <c r="D8207">
        <v>3.7</v>
      </c>
      <c r="E8207">
        <v>4807.8599999999997</v>
      </c>
      <c r="F8207">
        <v>25.3003</v>
      </c>
    </row>
    <row r="8208" spans="1:6" x14ac:dyDescent="0.25">
      <c r="A8208">
        <v>153.15</v>
      </c>
      <c r="B8208">
        <v>182.26</v>
      </c>
      <c r="C8208">
        <v>3345.45</v>
      </c>
      <c r="D8208">
        <v>4</v>
      </c>
      <c r="E8208">
        <v>4724.8500000000004</v>
      </c>
      <c r="F8208">
        <v>26.887599999999999</v>
      </c>
    </row>
    <row r="8209" spans="1:6" x14ac:dyDescent="0.25">
      <c r="A8209">
        <v>153.15</v>
      </c>
      <c r="B8209">
        <v>182.26</v>
      </c>
      <c r="C8209">
        <v>4890.8999999999996</v>
      </c>
      <c r="D8209">
        <v>1</v>
      </c>
      <c r="E8209">
        <v>8668.8799999999992</v>
      </c>
      <c r="F8209">
        <v>25.0593</v>
      </c>
    </row>
    <row r="8210" spans="1:6" x14ac:dyDescent="0.25">
      <c r="A8210">
        <v>153.15</v>
      </c>
      <c r="B8210">
        <v>182.26</v>
      </c>
      <c r="C8210">
        <v>4890.8999999999996</v>
      </c>
      <c r="D8210">
        <v>1.3</v>
      </c>
      <c r="E8210">
        <v>7614.23</v>
      </c>
      <c r="F8210">
        <v>24.986499999999999</v>
      </c>
    </row>
    <row r="8211" spans="1:6" x14ac:dyDescent="0.25">
      <c r="A8211">
        <v>153.15</v>
      </c>
      <c r="B8211">
        <v>182.26</v>
      </c>
      <c r="C8211">
        <v>4890.8999999999996</v>
      </c>
      <c r="D8211">
        <v>1.6</v>
      </c>
      <c r="E8211">
        <v>7500.2</v>
      </c>
      <c r="F8211">
        <v>25.502800000000001</v>
      </c>
    </row>
    <row r="8212" spans="1:6" x14ac:dyDescent="0.25">
      <c r="A8212">
        <v>153.15</v>
      </c>
      <c r="B8212">
        <v>182.26</v>
      </c>
      <c r="C8212">
        <v>4890.8999999999996</v>
      </c>
      <c r="D8212">
        <v>1.9</v>
      </c>
      <c r="E8212">
        <v>7102.63</v>
      </c>
      <c r="F8212">
        <v>26.246500000000001</v>
      </c>
    </row>
    <row r="8213" spans="1:6" x14ac:dyDescent="0.25">
      <c r="A8213">
        <v>153.15</v>
      </c>
      <c r="B8213">
        <v>182.26</v>
      </c>
      <c r="C8213">
        <v>4890.8999999999996</v>
      </c>
      <c r="D8213">
        <v>2.2000000000000002</v>
      </c>
      <c r="E8213">
        <v>6893.06</v>
      </c>
      <c r="F8213">
        <v>26.796500000000002</v>
      </c>
    </row>
    <row r="8214" spans="1:6" x14ac:dyDescent="0.25">
      <c r="A8214">
        <v>153.15</v>
      </c>
      <c r="B8214">
        <v>182.26</v>
      </c>
      <c r="C8214">
        <v>4890.8999999999996</v>
      </c>
      <c r="D8214">
        <v>2.5</v>
      </c>
      <c r="E8214">
        <v>6461.36</v>
      </c>
      <c r="F8214">
        <v>27.2866</v>
      </c>
    </row>
    <row r="8215" spans="1:6" x14ac:dyDescent="0.25">
      <c r="A8215">
        <v>153.15</v>
      </c>
      <c r="B8215">
        <v>182.26</v>
      </c>
      <c r="C8215">
        <v>4890.8999999999996</v>
      </c>
      <c r="D8215">
        <v>2.8</v>
      </c>
      <c r="E8215">
        <v>5678.88</v>
      </c>
      <c r="F8215">
        <v>25.9405</v>
      </c>
    </row>
    <row r="8216" spans="1:6" x14ac:dyDescent="0.25">
      <c r="A8216">
        <v>153.15</v>
      </c>
      <c r="B8216">
        <v>182.26</v>
      </c>
      <c r="C8216">
        <v>4890.8999999999996</v>
      </c>
      <c r="D8216">
        <v>3.1</v>
      </c>
      <c r="E8216">
        <v>5662.21</v>
      </c>
      <c r="F8216">
        <v>25.389199999999999</v>
      </c>
    </row>
    <row r="8217" spans="1:6" x14ac:dyDescent="0.25">
      <c r="A8217">
        <v>153.15</v>
      </c>
      <c r="B8217">
        <v>182.26</v>
      </c>
      <c r="C8217">
        <v>4890.8999999999996</v>
      </c>
      <c r="D8217">
        <v>3.4</v>
      </c>
      <c r="E8217">
        <v>6197.06</v>
      </c>
      <c r="F8217">
        <v>25.649100000000001</v>
      </c>
    </row>
    <row r="8218" spans="1:6" x14ac:dyDescent="0.25">
      <c r="A8218">
        <v>153.15</v>
      </c>
      <c r="B8218">
        <v>182.26</v>
      </c>
      <c r="C8218">
        <v>4890.8999999999996</v>
      </c>
      <c r="D8218">
        <v>3.7</v>
      </c>
      <c r="E8218">
        <v>6105.15</v>
      </c>
      <c r="F8218">
        <v>25.881499999999999</v>
      </c>
    </row>
    <row r="8219" spans="1:6" x14ac:dyDescent="0.25">
      <c r="A8219">
        <v>153.15</v>
      </c>
      <c r="B8219">
        <v>182.26</v>
      </c>
      <c r="C8219">
        <v>4890.8999999999996</v>
      </c>
      <c r="D8219">
        <v>4</v>
      </c>
      <c r="E8219">
        <v>6196.59</v>
      </c>
      <c r="F8219">
        <v>26.045999999999999</v>
      </c>
    </row>
    <row r="8220" spans="1:6" x14ac:dyDescent="0.25">
      <c r="A8220">
        <v>153.15</v>
      </c>
      <c r="B8220">
        <v>182.26</v>
      </c>
      <c r="C8220">
        <v>6436.35</v>
      </c>
      <c r="D8220">
        <v>1</v>
      </c>
      <c r="E8220">
        <v>10378.4</v>
      </c>
      <c r="F8220">
        <v>25.0593</v>
      </c>
    </row>
    <row r="8221" spans="1:6" x14ac:dyDescent="0.25">
      <c r="A8221">
        <v>153.15</v>
      </c>
      <c r="B8221">
        <v>182.26</v>
      </c>
      <c r="C8221">
        <v>6436.35</v>
      </c>
      <c r="D8221">
        <v>1.3</v>
      </c>
      <c r="E8221">
        <v>9277.4</v>
      </c>
      <c r="F8221">
        <v>25.409199999999998</v>
      </c>
    </row>
    <row r="8222" spans="1:6" x14ac:dyDescent="0.25">
      <c r="A8222">
        <v>153.15</v>
      </c>
      <c r="B8222">
        <v>182.26</v>
      </c>
      <c r="C8222">
        <v>6436.35</v>
      </c>
      <c r="D8222">
        <v>1.6</v>
      </c>
      <c r="E8222">
        <v>9080.2800000000007</v>
      </c>
      <c r="F8222">
        <v>25.502800000000001</v>
      </c>
    </row>
    <row r="8223" spans="1:6" x14ac:dyDescent="0.25">
      <c r="A8223">
        <v>153.15</v>
      </c>
      <c r="B8223">
        <v>182.26</v>
      </c>
      <c r="C8223">
        <v>6436.35</v>
      </c>
      <c r="D8223">
        <v>1.9</v>
      </c>
      <c r="E8223">
        <v>8702.93</v>
      </c>
      <c r="F8223">
        <v>26.246500000000001</v>
      </c>
    </row>
    <row r="8224" spans="1:6" x14ac:dyDescent="0.25">
      <c r="A8224">
        <v>153.15</v>
      </c>
      <c r="B8224">
        <v>182.26</v>
      </c>
      <c r="C8224">
        <v>6436.35</v>
      </c>
      <c r="D8224">
        <v>2.2000000000000002</v>
      </c>
      <c r="E8224">
        <v>8317.3700000000008</v>
      </c>
      <c r="F8224">
        <v>26.796500000000002</v>
      </c>
    </row>
    <row r="8225" spans="1:6" x14ac:dyDescent="0.25">
      <c r="A8225">
        <v>153.15</v>
      </c>
      <c r="B8225">
        <v>182.26</v>
      </c>
      <c r="C8225">
        <v>6436.35</v>
      </c>
      <c r="D8225">
        <v>2.5</v>
      </c>
      <c r="E8225">
        <v>8077.02</v>
      </c>
      <c r="F8225">
        <v>27.2866</v>
      </c>
    </row>
    <row r="8226" spans="1:6" x14ac:dyDescent="0.25">
      <c r="A8226">
        <v>153.15</v>
      </c>
      <c r="B8226">
        <v>182.26</v>
      </c>
      <c r="C8226">
        <v>6436.35</v>
      </c>
      <c r="D8226">
        <v>2.8</v>
      </c>
      <c r="E8226">
        <v>5678.88</v>
      </c>
      <c r="F8226">
        <v>27.008600000000001</v>
      </c>
    </row>
    <row r="8227" spans="1:6" x14ac:dyDescent="0.25">
      <c r="A8227">
        <v>153.15</v>
      </c>
      <c r="B8227">
        <v>182.26</v>
      </c>
      <c r="C8227">
        <v>6436.35</v>
      </c>
      <c r="D8227">
        <v>3.1</v>
      </c>
      <c r="E8227">
        <v>5662.21</v>
      </c>
      <c r="F8227">
        <v>26.9758</v>
      </c>
    </row>
    <row r="8228" spans="1:6" x14ac:dyDescent="0.25">
      <c r="A8228">
        <v>153.15</v>
      </c>
      <c r="B8228">
        <v>182.26</v>
      </c>
      <c r="C8228">
        <v>6436.35</v>
      </c>
      <c r="D8228">
        <v>3.4</v>
      </c>
      <c r="E8228">
        <v>5645.99</v>
      </c>
      <c r="F8228">
        <v>26.9514</v>
      </c>
    </row>
    <row r="8229" spans="1:6" x14ac:dyDescent="0.25">
      <c r="A8229">
        <v>153.15</v>
      </c>
      <c r="B8229">
        <v>182.26</v>
      </c>
      <c r="C8229">
        <v>6436.35</v>
      </c>
      <c r="D8229">
        <v>3.7</v>
      </c>
      <c r="E8229">
        <v>7425.64</v>
      </c>
      <c r="F8229">
        <v>26.9221</v>
      </c>
    </row>
    <row r="8230" spans="1:6" x14ac:dyDescent="0.25">
      <c r="A8230">
        <v>153.15</v>
      </c>
      <c r="B8230">
        <v>182.26</v>
      </c>
      <c r="C8230">
        <v>6436.35</v>
      </c>
      <c r="D8230">
        <v>4</v>
      </c>
      <c r="E8230">
        <v>7349.19</v>
      </c>
      <c r="F8230">
        <v>26.905899999999999</v>
      </c>
    </row>
    <row r="8231" spans="1:6" x14ac:dyDescent="0.25">
      <c r="A8231">
        <v>153.15</v>
      </c>
      <c r="B8231">
        <v>182.26</v>
      </c>
      <c r="C8231">
        <v>7981.8</v>
      </c>
      <c r="D8231">
        <v>1</v>
      </c>
      <c r="E8231">
        <v>11596.2</v>
      </c>
      <c r="F8231">
        <v>25.0593</v>
      </c>
    </row>
    <row r="8232" spans="1:6" x14ac:dyDescent="0.25">
      <c r="A8232">
        <v>153.15</v>
      </c>
      <c r="B8232">
        <v>182.26</v>
      </c>
      <c r="C8232">
        <v>7981.8</v>
      </c>
      <c r="D8232">
        <v>1.3</v>
      </c>
      <c r="E8232">
        <v>10777.6</v>
      </c>
      <c r="F8232">
        <v>25.409199999999998</v>
      </c>
    </row>
    <row r="8233" spans="1:6" x14ac:dyDescent="0.25">
      <c r="A8233">
        <v>153.15</v>
      </c>
      <c r="B8233">
        <v>182.26</v>
      </c>
      <c r="C8233">
        <v>7981.8</v>
      </c>
      <c r="D8233">
        <v>1.6</v>
      </c>
      <c r="E8233">
        <v>10540.8</v>
      </c>
      <c r="F8233">
        <v>25.502800000000001</v>
      </c>
    </row>
    <row r="8234" spans="1:6" x14ac:dyDescent="0.25">
      <c r="A8234">
        <v>153.15</v>
      </c>
      <c r="B8234">
        <v>182.26</v>
      </c>
      <c r="C8234">
        <v>7981.8</v>
      </c>
      <c r="D8234">
        <v>1.9</v>
      </c>
      <c r="E8234">
        <v>10033.1</v>
      </c>
      <c r="F8234">
        <v>26.246500000000001</v>
      </c>
    </row>
    <row r="8235" spans="1:6" x14ac:dyDescent="0.25">
      <c r="A8235">
        <v>153.15</v>
      </c>
      <c r="B8235">
        <v>182.26</v>
      </c>
      <c r="C8235">
        <v>7981.8</v>
      </c>
      <c r="D8235">
        <v>2.2000000000000002</v>
      </c>
      <c r="E8235">
        <v>9896.52</v>
      </c>
      <c r="F8235">
        <v>26.796500000000002</v>
      </c>
    </row>
    <row r="8236" spans="1:6" x14ac:dyDescent="0.25">
      <c r="A8236">
        <v>153.15</v>
      </c>
      <c r="B8236">
        <v>182.26</v>
      </c>
      <c r="C8236">
        <v>7981.8</v>
      </c>
      <c r="D8236">
        <v>2.5</v>
      </c>
      <c r="E8236">
        <v>9656.33</v>
      </c>
      <c r="F8236">
        <v>27.2866</v>
      </c>
    </row>
    <row r="8237" spans="1:6" x14ac:dyDescent="0.25">
      <c r="A8237">
        <v>153.15</v>
      </c>
      <c r="B8237">
        <v>182.26</v>
      </c>
      <c r="C8237">
        <v>7981.8</v>
      </c>
      <c r="D8237">
        <v>2.8</v>
      </c>
      <c r="E8237">
        <v>5678.88</v>
      </c>
      <c r="F8237">
        <v>27.008600000000001</v>
      </c>
    </row>
    <row r="8238" spans="1:6" x14ac:dyDescent="0.25">
      <c r="A8238">
        <v>153.15</v>
      </c>
      <c r="B8238">
        <v>182.26</v>
      </c>
      <c r="C8238">
        <v>7981.8</v>
      </c>
      <c r="D8238">
        <v>3.1</v>
      </c>
      <c r="E8238">
        <v>5662.21</v>
      </c>
      <c r="F8238">
        <v>26.9758</v>
      </c>
    </row>
    <row r="8239" spans="1:6" x14ac:dyDescent="0.25">
      <c r="A8239">
        <v>153.15</v>
      </c>
      <c r="B8239">
        <v>182.26</v>
      </c>
      <c r="C8239">
        <v>7981.8</v>
      </c>
      <c r="D8239">
        <v>3.4</v>
      </c>
      <c r="E8239">
        <v>5645.99</v>
      </c>
      <c r="F8239">
        <v>26.9514</v>
      </c>
    </row>
    <row r="8240" spans="1:6" x14ac:dyDescent="0.25">
      <c r="A8240">
        <v>153.15</v>
      </c>
      <c r="B8240">
        <v>182.26</v>
      </c>
      <c r="C8240">
        <v>7981.8</v>
      </c>
      <c r="D8240">
        <v>3.7</v>
      </c>
      <c r="E8240">
        <v>8991.85</v>
      </c>
      <c r="F8240">
        <v>26.9221</v>
      </c>
    </row>
    <row r="8241" spans="1:6" x14ac:dyDescent="0.25">
      <c r="A8241">
        <v>153.15</v>
      </c>
      <c r="B8241">
        <v>182.26</v>
      </c>
      <c r="C8241">
        <v>7981.8</v>
      </c>
      <c r="D8241">
        <v>4</v>
      </c>
      <c r="E8241">
        <v>8953.64</v>
      </c>
      <c r="F8241">
        <v>26.905899999999999</v>
      </c>
    </row>
    <row r="8242" spans="1:6" x14ac:dyDescent="0.25">
      <c r="A8242">
        <v>153.15</v>
      </c>
      <c r="B8242">
        <v>182.26</v>
      </c>
      <c r="C8242">
        <v>9527.25</v>
      </c>
      <c r="D8242">
        <v>1</v>
      </c>
      <c r="E8242">
        <v>13458.7</v>
      </c>
      <c r="F8242">
        <v>25.0593</v>
      </c>
    </row>
    <row r="8243" spans="1:6" x14ac:dyDescent="0.25">
      <c r="A8243">
        <v>153.15</v>
      </c>
      <c r="B8243">
        <v>182.26</v>
      </c>
      <c r="C8243">
        <v>9527.25</v>
      </c>
      <c r="D8243">
        <v>1.3</v>
      </c>
      <c r="E8243">
        <v>12237.1</v>
      </c>
      <c r="F8243">
        <v>25.409199999999998</v>
      </c>
    </row>
    <row r="8244" spans="1:6" x14ac:dyDescent="0.25">
      <c r="A8244">
        <v>153.15</v>
      </c>
      <c r="B8244">
        <v>182.26</v>
      </c>
      <c r="C8244">
        <v>9527.25</v>
      </c>
      <c r="D8244">
        <v>1.6</v>
      </c>
      <c r="E8244">
        <v>12116.3</v>
      </c>
      <c r="F8244">
        <v>25.502800000000001</v>
      </c>
    </row>
    <row r="8245" spans="1:6" x14ac:dyDescent="0.25">
      <c r="A8245">
        <v>153.15</v>
      </c>
      <c r="B8245">
        <v>182.26</v>
      </c>
      <c r="C8245">
        <v>9527.25</v>
      </c>
      <c r="D8245">
        <v>1.9</v>
      </c>
      <c r="E8245">
        <v>11673.8</v>
      </c>
      <c r="F8245">
        <v>26.246500000000001</v>
      </c>
    </row>
    <row r="8246" spans="1:6" x14ac:dyDescent="0.25">
      <c r="A8246">
        <v>153.15</v>
      </c>
      <c r="B8246">
        <v>182.26</v>
      </c>
      <c r="C8246">
        <v>9527.25</v>
      </c>
      <c r="D8246">
        <v>2.2000000000000002</v>
      </c>
      <c r="E8246">
        <v>11519.9</v>
      </c>
      <c r="F8246">
        <v>26.796500000000002</v>
      </c>
    </row>
    <row r="8247" spans="1:6" x14ac:dyDescent="0.25">
      <c r="A8247">
        <v>153.15</v>
      </c>
      <c r="B8247">
        <v>182.26</v>
      </c>
      <c r="C8247">
        <v>9527.25</v>
      </c>
      <c r="D8247">
        <v>2.5</v>
      </c>
      <c r="E8247">
        <v>11198.4</v>
      </c>
      <c r="F8247">
        <v>27.2866</v>
      </c>
    </row>
    <row r="8248" spans="1:6" x14ac:dyDescent="0.25">
      <c r="A8248">
        <v>153.15</v>
      </c>
      <c r="B8248">
        <v>182.26</v>
      </c>
      <c r="C8248">
        <v>9527.25</v>
      </c>
      <c r="D8248">
        <v>2.8</v>
      </c>
      <c r="E8248">
        <v>5678.88</v>
      </c>
      <c r="F8248">
        <v>27.008600000000001</v>
      </c>
    </row>
    <row r="8249" spans="1:6" x14ac:dyDescent="0.25">
      <c r="A8249">
        <v>153.15</v>
      </c>
      <c r="B8249">
        <v>182.26</v>
      </c>
      <c r="C8249">
        <v>9527.25</v>
      </c>
      <c r="D8249">
        <v>3.1</v>
      </c>
      <c r="E8249">
        <v>5662.21</v>
      </c>
      <c r="F8249">
        <v>26.9758</v>
      </c>
    </row>
    <row r="8250" spans="1:6" x14ac:dyDescent="0.25">
      <c r="A8250">
        <v>153.15</v>
      </c>
      <c r="B8250">
        <v>182.26</v>
      </c>
      <c r="C8250">
        <v>9527.25</v>
      </c>
      <c r="D8250">
        <v>3.4</v>
      </c>
      <c r="E8250">
        <v>5645.99</v>
      </c>
      <c r="F8250">
        <v>26.9514</v>
      </c>
    </row>
    <row r="8251" spans="1:6" x14ac:dyDescent="0.25">
      <c r="A8251">
        <v>153.15</v>
      </c>
      <c r="B8251">
        <v>182.26</v>
      </c>
      <c r="C8251">
        <v>9527.25</v>
      </c>
      <c r="D8251">
        <v>3.7</v>
      </c>
      <c r="E8251">
        <v>10545.8</v>
      </c>
      <c r="F8251">
        <v>26.9221</v>
      </c>
    </row>
    <row r="8252" spans="1:6" x14ac:dyDescent="0.25">
      <c r="A8252">
        <v>153.15</v>
      </c>
      <c r="B8252">
        <v>182.26</v>
      </c>
      <c r="C8252">
        <v>9527.25</v>
      </c>
      <c r="D8252">
        <v>4</v>
      </c>
      <c r="E8252">
        <v>10547.6</v>
      </c>
      <c r="F8252">
        <v>26.905899999999999</v>
      </c>
    </row>
    <row r="8253" spans="1:6" x14ac:dyDescent="0.25">
      <c r="A8253">
        <v>153.15</v>
      </c>
      <c r="B8253">
        <v>182.26</v>
      </c>
      <c r="C8253">
        <v>11072.7</v>
      </c>
      <c r="D8253">
        <v>1</v>
      </c>
      <c r="E8253">
        <v>14560.3</v>
      </c>
      <c r="F8253">
        <v>25.0593</v>
      </c>
    </row>
    <row r="8254" spans="1:6" x14ac:dyDescent="0.25">
      <c r="A8254">
        <v>153.15</v>
      </c>
      <c r="B8254">
        <v>182.26</v>
      </c>
      <c r="C8254">
        <v>11072.7</v>
      </c>
      <c r="D8254">
        <v>1.3</v>
      </c>
      <c r="E8254">
        <v>14085</v>
      </c>
      <c r="F8254">
        <v>25.409199999999998</v>
      </c>
    </row>
    <row r="8255" spans="1:6" x14ac:dyDescent="0.25">
      <c r="A8255">
        <v>153.15</v>
      </c>
      <c r="B8255">
        <v>182.26</v>
      </c>
      <c r="C8255">
        <v>11072.7</v>
      </c>
      <c r="D8255">
        <v>1.6</v>
      </c>
      <c r="E8255">
        <v>13468.4</v>
      </c>
      <c r="F8255">
        <v>25.502800000000001</v>
      </c>
    </row>
    <row r="8256" spans="1:6" x14ac:dyDescent="0.25">
      <c r="A8256">
        <v>153.15</v>
      </c>
      <c r="B8256">
        <v>182.26</v>
      </c>
      <c r="C8256">
        <v>11072.7</v>
      </c>
      <c r="D8256">
        <v>1.9</v>
      </c>
      <c r="E8256">
        <v>13244.8</v>
      </c>
      <c r="F8256">
        <v>26.246500000000001</v>
      </c>
    </row>
    <row r="8257" spans="1:6" x14ac:dyDescent="0.25">
      <c r="A8257">
        <v>153.15</v>
      </c>
      <c r="B8257">
        <v>182.26</v>
      </c>
      <c r="C8257">
        <v>11072.7</v>
      </c>
      <c r="D8257">
        <v>2.2000000000000002</v>
      </c>
      <c r="E8257">
        <v>13021.4</v>
      </c>
      <c r="F8257">
        <v>26.796500000000002</v>
      </c>
    </row>
    <row r="8258" spans="1:6" x14ac:dyDescent="0.25">
      <c r="A8258">
        <v>153.15</v>
      </c>
      <c r="B8258">
        <v>182.26</v>
      </c>
      <c r="C8258">
        <v>11072.7</v>
      </c>
      <c r="D8258">
        <v>2.5</v>
      </c>
      <c r="E8258">
        <v>12673</v>
      </c>
      <c r="F8258">
        <v>27.2866</v>
      </c>
    </row>
    <row r="8259" spans="1:6" x14ac:dyDescent="0.25">
      <c r="A8259">
        <v>153.15</v>
      </c>
      <c r="B8259">
        <v>182.26</v>
      </c>
      <c r="C8259">
        <v>11072.7</v>
      </c>
      <c r="D8259">
        <v>2.8</v>
      </c>
      <c r="E8259">
        <v>5678.88</v>
      </c>
      <c r="F8259">
        <v>27.008600000000001</v>
      </c>
    </row>
    <row r="8260" spans="1:6" x14ac:dyDescent="0.25">
      <c r="A8260">
        <v>153.15</v>
      </c>
      <c r="B8260">
        <v>182.26</v>
      </c>
      <c r="C8260">
        <v>11072.7</v>
      </c>
      <c r="D8260">
        <v>3.1</v>
      </c>
      <c r="E8260">
        <v>5662.21</v>
      </c>
      <c r="F8260">
        <v>26.9758</v>
      </c>
    </row>
    <row r="8261" spans="1:6" x14ac:dyDescent="0.25">
      <c r="A8261">
        <v>153.15</v>
      </c>
      <c r="B8261">
        <v>182.26</v>
      </c>
      <c r="C8261">
        <v>11072.7</v>
      </c>
      <c r="D8261">
        <v>3.4</v>
      </c>
      <c r="E8261">
        <v>5645.99</v>
      </c>
      <c r="F8261">
        <v>26.9514</v>
      </c>
    </row>
    <row r="8262" spans="1:6" x14ac:dyDescent="0.25">
      <c r="A8262">
        <v>153.15</v>
      </c>
      <c r="B8262">
        <v>182.26</v>
      </c>
      <c r="C8262">
        <v>11072.7</v>
      </c>
      <c r="D8262">
        <v>3.7</v>
      </c>
      <c r="E8262">
        <v>12049.3</v>
      </c>
      <c r="F8262">
        <v>26.9221</v>
      </c>
    </row>
    <row r="8263" spans="1:6" x14ac:dyDescent="0.25">
      <c r="A8263">
        <v>153.15</v>
      </c>
      <c r="B8263">
        <v>182.26</v>
      </c>
      <c r="C8263">
        <v>11072.7</v>
      </c>
      <c r="D8263">
        <v>4</v>
      </c>
      <c r="E8263">
        <v>12000.1</v>
      </c>
      <c r="F8263">
        <v>26.905899999999999</v>
      </c>
    </row>
    <row r="8264" spans="1:6" x14ac:dyDescent="0.25">
      <c r="A8264">
        <v>153.15</v>
      </c>
      <c r="B8264">
        <v>182.26</v>
      </c>
      <c r="C8264">
        <v>12618.2</v>
      </c>
      <c r="D8264">
        <v>1</v>
      </c>
      <c r="E8264">
        <v>16042</v>
      </c>
      <c r="F8264">
        <v>25.0593</v>
      </c>
    </row>
    <row r="8265" spans="1:6" x14ac:dyDescent="0.25">
      <c r="A8265">
        <v>153.15</v>
      </c>
      <c r="B8265">
        <v>182.26</v>
      </c>
      <c r="C8265">
        <v>12618.2</v>
      </c>
      <c r="D8265">
        <v>1.3</v>
      </c>
      <c r="E8265">
        <v>15336.9</v>
      </c>
      <c r="F8265">
        <v>25.409199999999998</v>
      </c>
    </row>
    <row r="8266" spans="1:6" x14ac:dyDescent="0.25">
      <c r="A8266">
        <v>153.15</v>
      </c>
      <c r="B8266">
        <v>182.26</v>
      </c>
      <c r="C8266">
        <v>12618.2</v>
      </c>
      <c r="D8266">
        <v>1.6</v>
      </c>
      <c r="E8266">
        <v>14952.4</v>
      </c>
      <c r="F8266">
        <v>25.502800000000001</v>
      </c>
    </row>
    <row r="8267" spans="1:6" x14ac:dyDescent="0.25">
      <c r="A8267">
        <v>153.15</v>
      </c>
      <c r="B8267">
        <v>182.26</v>
      </c>
      <c r="C8267">
        <v>12618.2</v>
      </c>
      <c r="D8267">
        <v>1.9</v>
      </c>
      <c r="E8267">
        <v>14738.2</v>
      </c>
      <c r="F8267">
        <v>26.246500000000001</v>
      </c>
    </row>
    <row r="8268" spans="1:6" x14ac:dyDescent="0.25">
      <c r="A8268">
        <v>153.15</v>
      </c>
      <c r="B8268">
        <v>182.26</v>
      </c>
      <c r="C8268">
        <v>12618.2</v>
      </c>
      <c r="D8268">
        <v>2.2000000000000002</v>
      </c>
      <c r="E8268">
        <v>14510.7</v>
      </c>
      <c r="F8268">
        <v>26.796500000000002</v>
      </c>
    </row>
    <row r="8269" spans="1:6" x14ac:dyDescent="0.25">
      <c r="A8269">
        <v>153.15</v>
      </c>
      <c r="B8269">
        <v>182.26</v>
      </c>
      <c r="C8269">
        <v>12618.2</v>
      </c>
      <c r="D8269">
        <v>2.5</v>
      </c>
      <c r="E8269">
        <v>14248.4</v>
      </c>
      <c r="F8269">
        <v>27.2866</v>
      </c>
    </row>
    <row r="8270" spans="1:6" x14ac:dyDescent="0.25">
      <c r="A8270">
        <v>153.15</v>
      </c>
      <c r="B8270">
        <v>182.26</v>
      </c>
      <c r="C8270">
        <v>12618.2</v>
      </c>
      <c r="D8270">
        <v>2.8</v>
      </c>
      <c r="E8270">
        <v>5678.88</v>
      </c>
      <c r="F8270">
        <v>27.008600000000001</v>
      </c>
    </row>
    <row r="8271" spans="1:6" x14ac:dyDescent="0.25">
      <c r="A8271">
        <v>153.15</v>
      </c>
      <c r="B8271">
        <v>182.26</v>
      </c>
      <c r="C8271">
        <v>12618.2</v>
      </c>
      <c r="D8271">
        <v>3.1</v>
      </c>
      <c r="E8271">
        <v>5662.21</v>
      </c>
      <c r="F8271">
        <v>26.9758</v>
      </c>
    </row>
    <row r="8272" spans="1:6" x14ac:dyDescent="0.25">
      <c r="A8272">
        <v>153.15</v>
      </c>
      <c r="B8272">
        <v>182.26</v>
      </c>
      <c r="C8272">
        <v>12618.2</v>
      </c>
      <c r="D8272">
        <v>3.4</v>
      </c>
      <c r="E8272">
        <v>5645.99</v>
      </c>
      <c r="F8272">
        <v>26.9514</v>
      </c>
    </row>
    <row r="8273" spans="1:6" x14ac:dyDescent="0.25">
      <c r="A8273">
        <v>153.15</v>
      </c>
      <c r="B8273">
        <v>182.26</v>
      </c>
      <c r="C8273">
        <v>12618.2</v>
      </c>
      <c r="D8273">
        <v>3.7</v>
      </c>
      <c r="E8273">
        <v>13605.3</v>
      </c>
      <c r="F8273">
        <v>26.9221</v>
      </c>
    </row>
    <row r="8274" spans="1:6" x14ac:dyDescent="0.25">
      <c r="A8274">
        <v>153.15</v>
      </c>
      <c r="B8274">
        <v>182.26</v>
      </c>
      <c r="C8274">
        <v>12618.2</v>
      </c>
      <c r="D8274">
        <v>4</v>
      </c>
      <c r="E8274">
        <v>13519.7</v>
      </c>
      <c r="F8274">
        <v>26.905899999999999</v>
      </c>
    </row>
    <row r="8275" spans="1:6" x14ac:dyDescent="0.25">
      <c r="A8275">
        <v>153.15</v>
      </c>
      <c r="B8275">
        <v>182.26</v>
      </c>
      <c r="C8275">
        <v>14163.6</v>
      </c>
      <c r="D8275">
        <v>1</v>
      </c>
      <c r="E8275">
        <v>17773.2</v>
      </c>
      <c r="F8275">
        <v>25.0593</v>
      </c>
    </row>
    <row r="8276" spans="1:6" x14ac:dyDescent="0.25">
      <c r="A8276">
        <v>153.15</v>
      </c>
      <c r="B8276">
        <v>182.26</v>
      </c>
      <c r="C8276">
        <v>14163.6</v>
      </c>
      <c r="D8276">
        <v>1.3</v>
      </c>
      <c r="E8276">
        <v>16909.2</v>
      </c>
      <c r="F8276">
        <v>25.409199999999998</v>
      </c>
    </row>
    <row r="8277" spans="1:6" x14ac:dyDescent="0.25">
      <c r="A8277">
        <v>153.15</v>
      </c>
      <c r="B8277">
        <v>182.26</v>
      </c>
      <c r="C8277">
        <v>14163.6</v>
      </c>
      <c r="D8277">
        <v>1.6</v>
      </c>
      <c r="E8277">
        <v>16724.400000000001</v>
      </c>
      <c r="F8277">
        <v>25.502800000000001</v>
      </c>
    </row>
    <row r="8278" spans="1:6" x14ac:dyDescent="0.25">
      <c r="A8278">
        <v>153.15</v>
      </c>
      <c r="B8278">
        <v>182.26</v>
      </c>
      <c r="C8278">
        <v>14163.6</v>
      </c>
      <c r="D8278">
        <v>1.9</v>
      </c>
      <c r="E8278">
        <v>16378.8</v>
      </c>
      <c r="F8278">
        <v>26.246500000000001</v>
      </c>
    </row>
    <row r="8279" spans="1:6" x14ac:dyDescent="0.25">
      <c r="A8279">
        <v>153.15</v>
      </c>
      <c r="B8279">
        <v>182.26</v>
      </c>
      <c r="C8279">
        <v>14163.6</v>
      </c>
      <c r="D8279">
        <v>2.2000000000000002</v>
      </c>
      <c r="E8279">
        <v>16112.4</v>
      </c>
      <c r="F8279">
        <v>26.796500000000002</v>
      </c>
    </row>
    <row r="8280" spans="1:6" x14ac:dyDescent="0.25">
      <c r="A8280">
        <v>153.15</v>
      </c>
      <c r="B8280">
        <v>182.26</v>
      </c>
      <c r="C8280">
        <v>14163.6</v>
      </c>
      <c r="D8280">
        <v>2.5</v>
      </c>
      <c r="E8280">
        <v>15859</v>
      </c>
      <c r="F8280">
        <v>27.2866</v>
      </c>
    </row>
    <row r="8281" spans="1:6" x14ac:dyDescent="0.25">
      <c r="A8281">
        <v>153.15</v>
      </c>
      <c r="B8281">
        <v>182.26</v>
      </c>
      <c r="C8281">
        <v>14163.6</v>
      </c>
      <c r="D8281">
        <v>2.8</v>
      </c>
      <c r="E8281">
        <v>5678.88</v>
      </c>
      <c r="F8281">
        <v>27.008600000000001</v>
      </c>
    </row>
    <row r="8282" spans="1:6" x14ac:dyDescent="0.25">
      <c r="A8282">
        <v>153.15</v>
      </c>
      <c r="B8282">
        <v>182.26</v>
      </c>
      <c r="C8282">
        <v>14163.6</v>
      </c>
      <c r="D8282">
        <v>3.1</v>
      </c>
      <c r="E8282">
        <v>5662.21</v>
      </c>
      <c r="F8282">
        <v>26.9758</v>
      </c>
    </row>
    <row r="8283" spans="1:6" x14ac:dyDescent="0.25">
      <c r="A8283">
        <v>153.15</v>
      </c>
      <c r="B8283">
        <v>182.26</v>
      </c>
      <c r="C8283">
        <v>14163.6</v>
      </c>
      <c r="D8283">
        <v>3.4</v>
      </c>
      <c r="E8283">
        <v>5645.99</v>
      </c>
      <c r="F8283">
        <v>26.9514</v>
      </c>
    </row>
    <row r="8284" spans="1:6" x14ac:dyDescent="0.25">
      <c r="A8284">
        <v>153.15</v>
      </c>
      <c r="B8284">
        <v>182.26</v>
      </c>
      <c r="C8284">
        <v>14163.6</v>
      </c>
      <c r="D8284">
        <v>3.7</v>
      </c>
      <c r="E8284">
        <v>15086.7</v>
      </c>
      <c r="F8284">
        <v>26.9221</v>
      </c>
    </row>
    <row r="8285" spans="1:6" x14ac:dyDescent="0.25">
      <c r="A8285">
        <v>153.15</v>
      </c>
      <c r="B8285">
        <v>182.26</v>
      </c>
      <c r="C8285">
        <v>14163.6</v>
      </c>
      <c r="D8285">
        <v>4</v>
      </c>
      <c r="E8285">
        <v>15118.8</v>
      </c>
      <c r="F8285">
        <v>26.905899999999999</v>
      </c>
    </row>
    <row r="8286" spans="1:6" x14ac:dyDescent="0.25">
      <c r="A8286">
        <v>153.15</v>
      </c>
      <c r="B8286">
        <v>182.26</v>
      </c>
      <c r="C8286">
        <v>15709.1</v>
      </c>
      <c r="D8286">
        <v>1</v>
      </c>
      <c r="E8286">
        <v>19449.3</v>
      </c>
      <c r="F8286">
        <v>25.0593</v>
      </c>
    </row>
    <row r="8287" spans="1:6" x14ac:dyDescent="0.25">
      <c r="A8287">
        <v>153.15</v>
      </c>
      <c r="B8287">
        <v>182.26</v>
      </c>
      <c r="C8287">
        <v>15709.1</v>
      </c>
      <c r="D8287">
        <v>1.3</v>
      </c>
      <c r="E8287">
        <v>18393.8</v>
      </c>
      <c r="F8287">
        <v>25.409199999999998</v>
      </c>
    </row>
    <row r="8288" spans="1:6" x14ac:dyDescent="0.25">
      <c r="A8288">
        <v>153.15</v>
      </c>
      <c r="B8288">
        <v>182.26</v>
      </c>
      <c r="C8288">
        <v>15709.1</v>
      </c>
      <c r="D8288">
        <v>1.6</v>
      </c>
      <c r="E8288">
        <v>18066.3</v>
      </c>
      <c r="F8288">
        <v>25.502800000000001</v>
      </c>
    </row>
    <row r="8289" spans="1:6" x14ac:dyDescent="0.25">
      <c r="A8289">
        <v>153.15</v>
      </c>
      <c r="B8289">
        <v>182.26</v>
      </c>
      <c r="C8289">
        <v>15709.1</v>
      </c>
      <c r="D8289">
        <v>1.9</v>
      </c>
      <c r="E8289">
        <v>17911.400000000001</v>
      </c>
      <c r="F8289">
        <v>26.246500000000001</v>
      </c>
    </row>
    <row r="8290" spans="1:6" x14ac:dyDescent="0.25">
      <c r="A8290">
        <v>153.15</v>
      </c>
      <c r="B8290">
        <v>182.26</v>
      </c>
      <c r="C8290">
        <v>15709.1</v>
      </c>
      <c r="D8290">
        <v>2.2000000000000002</v>
      </c>
      <c r="E8290">
        <v>17575.400000000001</v>
      </c>
      <c r="F8290">
        <v>26.796500000000002</v>
      </c>
    </row>
    <row r="8291" spans="1:6" x14ac:dyDescent="0.25">
      <c r="A8291">
        <v>153.15</v>
      </c>
      <c r="B8291">
        <v>182.26</v>
      </c>
      <c r="C8291">
        <v>15709.1</v>
      </c>
      <c r="D8291">
        <v>2.5</v>
      </c>
      <c r="E8291">
        <v>17394.5</v>
      </c>
      <c r="F8291">
        <v>27.2866</v>
      </c>
    </row>
    <row r="8292" spans="1:6" x14ac:dyDescent="0.25">
      <c r="A8292">
        <v>153.15</v>
      </c>
      <c r="B8292">
        <v>182.26</v>
      </c>
      <c r="C8292">
        <v>15709.1</v>
      </c>
      <c r="D8292">
        <v>2.8</v>
      </c>
      <c r="E8292">
        <v>5678.88</v>
      </c>
      <c r="F8292">
        <v>27.008600000000001</v>
      </c>
    </row>
    <row r="8293" spans="1:6" x14ac:dyDescent="0.25">
      <c r="A8293">
        <v>153.15</v>
      </c>
      <c r="B8293">
        <v>182.26</v>
      </c>
      <c r="C8293">
        <v>15709.1</v>
      </c>
      <c r="D8293">
        <v>3.1</v>
      </c>
      <c r="E8293">
        <v>5662.21</v>
      </c>
      <c r="F8293">
        <v>26.9758</v>
      </c>
    </row>
    <row r="8294" spans="1:6" x14ac:dyDescent="0.25">
      <c r="A8294">
        <v>153.15</v>
      </c>
      <c r="B8294">
        <v>182.26</v>
      </c>
      <c r="C8294">
        <v>15709.1</v>
      </c>
      <c r="D8294">
        <v>3.4</v>
      </c>
      <c r="E8294">
        <v>5645.99</v>
      </c>
      <c r="F8294">
        <v>26.9514</v>
      </c>
    </row>
    <row r="8295" spans="1:6" x14ac:dyDescent="0.25">
      <c r="A8295">
        <v>153.15</v>
      </c>
      <c r="B8295">
        <v>182.26</v>
      </c>
      <c r="C8295">
        <v>15709.1</v>
      </c>
      <c r="D8295">
        <v>3.7</v>
      </c>
      <c r="E8295">
        <v>16648.900000000001</v>
      </c>
      <c r="F8295">
        <v>26.9221</v>
      </c>
    </row>
    <row r="8296" spans="1:6" x14ac:dyDescent="0.25">
      <c r="A8296">
        <v>153.15</v>
      </c>
      <c r="B8296">
        <v>182.26</v>
      </c>
      <c r="C8296">
        <v>15709.1</v>
      </c>
      <c r="D8296">
        <v>4</v>
      </c>
      <c r="E8296">
        <v>16632.2</v>
      </c>
      <c r="F8296">
        <v>26.905899999999999</v>
      </c>
    </row>
    <row r="8297" spans="1:6" x14ac:dyDescent="0.25">
      <c r="A8297">
        <v>153.15</v>
      </c>
      <c r="B8297">
        <v>182.26</v>
      </c>
      <c r="C8297">
        <v>17254.5</v>
      </c>
      <c r="D8297">
        <v>1</v>
      </c>
      <c r="E8297">
        <v>20822</v>
      </c>
      <c r="F8297">
        <v>25.0593</v>
      </c>
    </row>
    <row r="8298" spans="1:6" x14ac:dyDescent="0.25">
      <c r="A8298">
        <v>153.15</v>
      </c>
      <c r="B8298">
        <v>182.26</v>
      </c>
      <c r="C8298">
        <v>17254.5</v>
      </c>
      <c r="D8298">
        <v>1.3</v>
      </c>
      <c r="E8298">
        <v>19940.400000000001</v>
      </c>
      <c r="F8298">
        <v>25.409199999999998</v>
      </c>
    </row>
    <row r="8299" spans="1:6" x14ac:dyDescent="0.25">
      <c r="A8299">
        <v>153.15</v>
      </c>
      <c r="B8299">
        <v>182.26</v>
      </c>
      <c r="C8299">
        <v>17254.5</v>
      </c>
      <c r="D8299">
        <v>1.6</v>
      </c>
      <c r="E8299">
        <v>19527.2</v>
      </c>
      <c r="F8299">
        <v>25.502800000000001</v>
      </c>
    </row>
    <row r="8300" spans="1:6" x14ac:dyDescent="0.25">
      <c r="A8300">
        <v>153.15</v>
      </c>
      <c r="B8300">
        <v>182.26</v>
      </c>
      <c r="C8300">
        <v>17254.5</v>
      </c>
      <c r="D8300">
        <v>1.9</v>
      </c>
      <c r="E8300">
        <v>19404.400000000001</v>
      </c>
      <c r="F8300">
        <v>26.246500000000001</v>
      </c>
    </row>
    <row r="8301" spans="1:6" x14ac:dyDescent="0.25">
      <c r="A8301">
        <v>153.15</v>
      </c>
      <c r="B8301">
        <v>182.26</v>
      </c>
      <c r="C8301">
        <v>17254.5</v>
      </c>
      <c r="D8301">
        <v>2.2000000000000002</v>
      </c>
      <c r="E8301">
        <v>19069.5</v>
      </c>
      <c r="F8301">
        <v>26.796500000000002</v>
      </c>
    </row>
    <row r="8302" spans="1:6" x14ac:dyDescent="0.25">
      <c r="A8302">
        <v>153.15</v>
      </c>
      <c r="B8302">
        <v>182.26</v>
      </c>
      <c r="C8302">
        <v>17254.5</v>
      </c>
      <c r="D8302">
        <v>2.5</v>
      </c>
      <c r="E8302">
        <v>18828.8</v>
      </c>
      <c r="F8302">
        <v>27.2866</v>
      </c>
    </row>
    <row r="8303" spans="1:6" x14ac:dyDescent="0.25">
      <c r="A8303">
        <v>153.15</v>
      </c>
      <c r="B8303">
        <v>182.26</v>
      </c>
      <c r="C8303">
        <v>17254.5</v>
      </c>
      <c r="D8303">
        <v>2.8</v>
      </c>
      <c r="E8303">
        <v>5678.88</v>
      </c>
      <c r="F8303">
        <v>27.008600000000001</v>
      </c>
    </row>
    <row r="8304" spans="1:6" x14ac:dyDescent="0.25">
      <c r="A8304">
        <v>153.15</v>
      </c>
      <c r="B8304">
        <v>182.26</v>
      </c>
      <c r="C8304">
        <v>17254.5</v>
      </c>
      <c r="D8304">
        <v>3.1</v>
      </c>
      <c r="E8304">
        <v>5662.21</v>
      </c>
      <c r="F8304">
        <v>26.9758</v>
      </c>
    </row>
    <row r="8305" spans="1:6" x14ac:dyDescent="0.25">
      <c r="A8305">
        <v>153.15</v>
      </c>
      <c r="B8305">
        <v>182.26</v>
      </c>
      <c r="C8305">
        <v>17254.5</v>
      </c>
      <c r="D8305">
        <v>3.4</v>
      </c>
      <c r="E8305">
        <v>5645.99</v>
      </c>
      <c r="F8305">
        <v>26.9514</v>
      </c>
    </row>
    <row r="8306" spans="1:6" x14ac:dyDescent="0.25">
      <c r="A8306">
        <v>153.15</v>
      </c>
      <c r="B8306">
        <v>182.26</v>
      </c>
      <c r="C8306">
        <v>17254.5</v>
      </c>
      <c r="D8306">
        <v>3.7</v>
      </c>
      <c r="E8306">
        <v>18218.2</v>
      </c>
      <c r="F8306">
        <v>26.9221</v>
      </c>
    </row>
    <row r="8307" spans="1:6" x14ac:dyDescent="0.25">
      <c r="A8307">
        <v>153.15</v>
      </c>
      <c r="B8307">
        <v>182.26</v>
      </c>
      <c r="C8307">
        <v>17254.5</v>
      </c>
      <c r="D8307">
        <v>4</v>
      </c>
      <c r="E8307">
        <v>18121.400000000001</v>
      </c>
      <c r="F8307">
        <v>26.905899999999999</v>
      </c>
    </row>
    <row r="8308" spans="1:6" x14ac:dyDescent="0.25">
      <c r="A8308">
        <v>153.15</v>
      </c>
      <c r="B8308">
        <v>182.26</v>
      </c>
      <c r="C8308">
        <v>18800</v>
      </c>
      <c r="D8308">
        <v>1</v>
      </c>
      <c r="E8308">
        <v>22447.3</v>
      </c>
      <c r="F8308">
        <v>25.0593</v>
      </c>
    </row>
    <row r="8309" spans="1:6" x14ac:dyDescent="0.25">
      <c r="A8309">
        <v>153.15</v>
      </c>
      <c r="B8309">
        <v>182.26</v>
      </c>
      <c r="C8309">
        <v>18800</v>
      </c>
      <c r="D8309">
        <v>1.3</v>
      </c>
      <c r="E8309">
        <v>21591.599999999999</v>
      </c>
      <c r="F8309">
        <v>25.409199999999998</v>
      </c>
    </row>
    <row r="8310" spans="1:6" x14ac:dyDescent="0.25">
      <c r="A8310">
        <v>153.15</v>
      </c>
      <c r="B8310">
        <v>182.26</v>
      </c>
      <c r="C8310">
        <v>18800</v>
      </c>
      <c r="D8310">
        <v>1.6</v>
      </c>
      <c r="E8310">
        <v>21307.9</v>
      </c>
      <c r="F8310">
        <v>25.502800000000001</v>
      </c>
    </row>
    <row r="8311" spans="1:6" x14ac:dyDescent="0.25">
      <c r="A8311">
        <v>153.15</v>
      </c>
      <c r="B8311">
        <v>182.26</v>
      </c>
      <c r="C8311">
        <v>18800</v>
      </c>
      <c r="D8311">
        <v>1.9</v>
      </c>
      <c r="E8311">
        <v>20787.900000000001</v>
      </c>
      <c r="F8311">
        <v>26.246500000000001</v>
      </c>
    </row>
    <row r="8312" spans="1:6" x14ac:dyDescent="0.25">
      <c r="A8312">
        <v>153.15</v>
      </c>
      <c r="B8312">
        <v>182.26</v>
      </c>
      <c r="C8312">
        <v>18800</v>
      </c>
      <c r="D8312">
        <v>2.2000000000000002</v>
      </c>
      <c r="E8312">
        <v>20684.099999999999</v>
      </c>
      <c r="F8312">
        <v>26.796500000000002</v>
      </c>
    </row>
    <row r="8313" spans="1:6" x14ac:dyDescent="0.25">
      <c r="A8313">
        <v>153.15</v>
      </c>
      <c r="B8313">
        <v>182.26</v>
      </c>
      <c r="C8313">
        <v>18800</v>
      </c>
      <c r="D8313">
        <v>2.5</v>
      </c>
      <c r="E8313">
        <v>20467.599999999999</v>
      </c>
      <c r="F8313">
        <v>27.2866</v>
      </c>
    </row>
    <row r="8314" spans="1:6" x14ac:dyDescent="0.25">
      <c r="A8314">
        <v>153.15</v>
      </c>
      <c r="B8314">
        <v>182.26</v>
      </c>
      <c r="C8314">
        <v>18800</v>
      </c>
      <c r="D8314">
        <v>2.8</v>
      </c>
      <c r="E8314">
        <v>5678.88</v>
      </c>
      <c r="F8314">
        <v>27.008600000000001</v>
      </c>
    </row>
    <row r="8315" spans="1:6" x14ac:dyDescent="0.25">
      <c r="A8315">
        <v>153.15</v>
      </c>
      <c r="B8315">
        <v>182.26</v>
      </c>
      <c r="C8315">
        <v>18800</v>
      </c>
      <c r="D8315">
        <v>3.1</v>
      </c>
      <c r="E8315">
        <v>5662.21</v>
      </c>
      <c r="F8315">
        <v>26.9758</v>
      </c>
    </row>
    <row r="8316" spans="1:6" x14ac:dyDescent="0.25">
      <c r="A8316">
        <v>153.15</v>
      </c>
      <c r="B8316">
        <v>182.26</v>
      </c>
      <c r="C8316">
        <v>18800</v>
      </c>
      <c r="D8316">
        <v>3.4</v>
      </c>
      <c r="E8316">
        <v>5645.99</v>
      </c>
      <c r="F8316">
        <v>26.9514</v>
      </c>
    </row>
    <row r="8317" spans="1:6" x14ac:dyDescent="0.25">
      <c r="A8317">
        <v>153.15</v>
      </c>
      <c r="B8317">
        <v>182.26</v>
      </c>
      <c r="C8317">
        <v>18800</v>
      </c>
      <c r="D8317">
        <v>3.7</v>
      </c>
      <c r="E8317">
        <v>19638.2</v>
      </c>
      <c r="F8317">
        <v>26.9221</v>
      </c>
    </row>
    <row r="8318" spans="1:6" x14ac:dyDescent="0.25">
      <c r="A8318">
        <v>153.15</v>
      </c>
      <c r="B8318">
        <v>182.26</v>
      </c>
      <c r="C8318">
        <v>18800</v>
      </c>
      <c r="D8318">
        <v>4</v>
      </c>
      <c r="E8318">
        <v>19728.7</v>
      </c>
      <c r="F8318">
        <v>26.905899999999999</v>
      </c>
    </row>
    <row r="8319" spans="1:6" x14ac:dyDescent="0.25">
      <c r="A8319">
        <v>153.15</v>
      </c>
      <c r="B8319">
        <v>185.89</v>
      </c>
      <c r="C8319">
        <v>1800</v>
      </c>
      <c r="D8319">
        <v>1</v>
      </c>
      <c r="E8319">
        <v>5393.52</v>
      </c>
      <c r="F8319">
        <v>41.432000000000002</v>
      </c>
    </row>
    <row r="8320" spans="1:6" x14ac:dyDescent="0.25">
      <c r="A8320">
        <v>153.15</v>
      </c>
      <c r="B8320">
        <v>185.89</v>
      </c>
      <c r="C8320">
        <v>1800</v>
      </c>
      <c r="D8320">
        <v>1.3</v>
      </c>
      <c r="E8320">
        <v>4898.1000000000004</v>
      </c>
      <c r="F8320">
        <v>48.907899999999998</v>
      </c>
    </row>
    <row r="8321" spans="1:6" x14ac:dyDescent="0.25">
      <c r="A8321">
        <v>153.15</v>
      </c>
      <c r="B8321">
        <v>185.89</v>
      </c>
      <c r="C8321">
        <v>1800</v>
      </c>
      <c r="D8321">
        <v>1.6</v>
      </c>
      <c r="E8321">
        <v>4523.1099999999997</v>
      </c>
      <c r="F8321">
        <v>56.723300000000002</v>
      </c>
    </row>
    <row r="8322" spans="1:6" x14ac:dyDescent="0.25">
      <c r="A8322">
        <v>153.15</v>
      </c>
      <c r="B8322">
        <v>185.89</v>
      </c>
      <c r="C8322">
        <v>1800</v>
      </c>
      <c r="D8322">
        <v>1.9</v>
      </c>
      <c r="E8322">
        <v>4240.03</v>
      </c>
      <c r="F8322">
        <v>66.216999999999999</v>
      </c>
    </row>
    <row r="8323" spans="1:6" x14ac:dyDescent="0.25">
      <c r="A8323">
        <v>153.15</v>
      </c>
      <c r="B8323">
        <v>185.89</v>
      </c>
      <c r="C8323">
        <v>1800</v>
      </c>
      <c r="D8323">
        <v>2.2000000000000002</v>
      </c>
      <c r="E8323">
        <v>3990.88</v>
      </c>
      <c r="F8323">
        <v>72.485699999999994</v>
      </c>
    </row>
    <row r="8324" spans="1:6" x14ac:dyDescent="0.25">
      <c r="A8324">
        <v>153.15</v>
      </c>
      <c r="B8324">
        <v>185.89</v>
      </c>
      <c r="C8324">
        <v>1800</v>
      </c>
      <c r="D8324">
        <v>2.5</v>
      </c>
      <c r="E8324">
        <v>3882.39</v>
      </c>
      <c r="F8324">
        <v>78.162400000000005</v>
      </c>
    </row>
    <row r="8325" spans="1:6" x14ac:dyDescent="0.25">
      <c r="A8325">
        <v>153.15</v>
      </c>
      <c r="B8325">
        <v>185.89</v>
      </c>
      <c r="C8325">
        <v>1800</v>
      </c>
      <c r="D8325">
        <v>2.8</v>
      </c>
      <c r="E8325">
        <v>3770.39</v>
      </c>
      <c r="F8325">
        <v>83.492199999999997</v>
      </c>
    </row>
    <row r="8326" spans="1:6" x14ac:dyDescent="0.25">
      <c r="A8326">
        <v>153.15</v>
      </c>
      <c r="B8326">
        <v>185.89</v>
      </c>
      <c r="C8326">
        <v>1800</v>
      </c>
      <c r="D8326">
        <v>3.1</v>
      </c>
      <c r="E8326">
        <v>3671.19</v>
      </c>
      <c r="F8326">
        <v>85.189099999999996</v>
      </c>
    </row>
    <row r="8327" spans="1:6" x14ac:dyDescent="0.25">
      <c r="A8327">
        <v>153.15</v>
      </c>
      <c r="B8327">
        <v>185.89</v>
      </c>
      <c r="C8327">
        <v>1800</v>
      </c>
      <c r="D8327">
        <v>3.4</v>
      </c>
      <c r="E8327">
        <v>3596.46</v>
      </c>
      <c r="F8327">
        <v>91.964100000000002</v>
      </c>
    </row>
    <row r="8328" spans="1:6" x14ac:dyDescent="0.25">
      <c r="A8328">
        <v>153.15</v>
      </c>
      <c r="B8328">
        <v>185.89</v>
      </c>
      <c r="C8328">
        <v>1800</v>
      </c>
      <c r="D8328">
        <v>3.7</v>
      </c>
      <c r="E8328">
        <v>3535.21</v>
      </c>
      <c r="F8328">
        <v>90.472800000000007</v>
      </c>
    </row>
    <row r="8329" spans="1:6" x14ac:dyDescent="0.25">
      <c r="A8329">
        <v>153.15</v>
      </c>
      <c r="B8329">
        <v>185.89</v>
      </c>
      <c r="C8329">
        <v>1800</v>
      </c>
      <c r="D8329">
        <v>4</v>
      </c>
      <c r="E8329">
        <v>3455.12</v>
      </c>
      <c r="F8329">
        <v>94.892300000000006</v>
      </c>
    </row>
    <row r="8330" spans="1:6" x14ac:dyDescent="0.25">
      <c r="A8330">
        <v>153.15</v>
      </c>
      <c r="B8330">
        <v>185.89</v>
      </c>
      <c r="C8330">
        <v>3345.45</v>
      </c>
      <c r="D8330">
        <v>1</v>
      </c>
      <c r="E8330">
        <v>6987.75</v>
      </c>
      <c r="F8330">
        <v>17.952100000000002</v>
      </c>
    </row>
    <row r="8331" spans="1:6" x14ac:dyDescent="0.25">
      <c r="A8331">
        <v>153.15</v>
      </c>
      <c r="B8331">
        <v>185.89</v>
      </c>
      <c r="C8331">
        <v>3345.45</v>
      </c>
      <c r="D8331">
        <v>1.3</v>
      </c>
      <c r="E8331">
        <v>6285.84</v>
      </c>
      <c r="F8331">
        <v>21.626799999999999</v>
      </c>
    </row>
    <row r="8332" spans="1:6" x14ac:dyDescent="0.25">
      <c r="A8332">
        <v>153.15</v>
      </c>
      <c r="B8332">
        <v>185.89</v>
      </c>
      <c r="C8332">
        <v>3345.45</v>
      </c>
      <c r="D8332">
        <v>1.6</v>
      </c>
      <c r="E8332">
        <v>5824.92</v>
      </c>
      <c r="F8332">
        <v>18.8735</v>
      </c>
    </row>
    <row r="8333" spans="1:6" x14ac:dyDescent="0.25">
      <c r="A8333">
        <v>153.15</v>
      </c>
      <c r="B8333">
        <v>185.89</v>
      </c>
      <c r="C8333">
        <v>3345.45</v>
      </c>
      <c r="D8333">
        <v>1.9</v>
      </c>
      <c r="E8333">
        <v>5466.1</v>
      </c>
      <c r="F8333">
        <v>19.203600000000002</v>
      </c>
    </row>
    <row r="8334" spans="1:6" x14ac:dyDescent="0.25">
      <c r="A8334">
        <v>153.15</v>
      </c>
      <c r="B8334">
        <v>185.89</v>
      </c>
      <c r="C8334">
        <v>3345.45</v>
      </c>
      <c r="D8334">
        <v>2.2000000000000002</v>
      </c>
      <c r="E8334">
        <v>5449.32</v>
      </c>
      <c r="F8334">
        <v>25.968900000000001</v>
      </c>
    </row>
    <row r="8335" spans="1:6" x14ac:dyDescent="0.25">
      <c r="A8335">
        <v>153.15</v>
      </c>
      <c r="B8335">
        <v>185.89</v>
      </c>
      <c r="C8335">
        <v>3345.45</v>
      </c>
      <c r="D8335">
        <v>2.5</v>
      </c>
      <c r="E8335">
        <v>5057.25</v>
      </c>
      <c r="F8335">
        <v>24.919499999999999</v>
      </c>
    </row>
    <row r="8336" spans="1:6" x14ac:dyDescent="0.25">
      <c r="A8336">
        <v>153.15</v>
      </c>
      <c r="B8336">
        <v>185.89</v>
      </c>
      <c r="C8336">
        <v>3345.45</v>
      </c>
      <c r="D8336">
        <v>2.8</v>
      </c>
      <c r="E8336">
        <v>5171.79</v>
      </c>
      <c r="F8336">
        <v>19.380099999999999</v>
      </c>
    </row>
    <row r="8337" spans="1:6" x14ac:dyDescent="0.25">
      <c r="A8337">
        <v>153.15</v>
      </c>
      <c r="B8337">
        <v>185.89</v>
      </c>
      <c r="C8337">
        <v>3345.45</v>
      </c>
      <c r="D8337">
        <v>3.1</v>
      </c>
      <c r="E8337">
        <v>5049.2700000000004</v>
      </c>
      <c r="F8337">
        <v>20.052099999999999</v>
      </c>
    </row>
    <row r="8338" spans="1:6" x14ac:dyDescent="0.25">
      <c r="A8338">
        <v>153.15</v>
      </c>
      <c r="B8338">
        <v>185.89</v>
      </c>
      <c r="C8338">
        <v>3345.45</v>
      </c>
      <c r="D8338">
        <v>3.4</v>
      </c>
      <c r="E8338">
        <v>4830.3500000000004</v>
      </c>
      <c r="F8338">
        <v>22.541799999999999</v>
      </c>
    </row>
    <row r="8339" spans="1:6" x14ac:dyDescent="0.25">
      <c r="A8339">
        <v>153.15</v>
      </c>
      <c r="B8339">
        <v>185.89</v>
      </c>
      <c r="C8339">
        <v>3345.45</v>
      </c>
      <c r="D8339">
        <v>3.7</v>
      </c>
      <c r="E8339">
        <v>4809.82</v>
      </c>
      <c r="F8339">
        <v>24.160900000000002</v>
      </c>
    </row>
    <row r="8340" spans="1:6" x14ac:dyDescent="0.25">
      <c r="A8340">
        <v>153.15</v>
      </c>
      <c r="B8340">
        <v>185.89</v>
      </c>
      <c r="C8340">
        <v>3345.45</v>
      </c>
      <c r="D8340">
        <v>4</v>
      </c>
      <c r="E8340">
        <v>4726.5200000000004</v>
      </c>
      <c r="F8340">
        <v>25.903600000000001</v>
      </c>
    </row>
    <row r="8341" spans="1:6" x14ac:dyDescent="0.25">
      <c r="A8341">
        <v>153.15</v>
      </c>
      <c r="B8341">
        <v>185.89</v>
      </c>
      <c r="C8341">
        <v>4890.8999999999996</v>
      </c>
      <c r="D8341">
        <v>1</v>
      </c>
      <c r="E8341">
        <v>8516.74</v>
      </c>
      <c r="F8341">
        <v>25.0593</v>
      </c>
    </row>
    <row r="8342" spans="1:6" x14ac:dyDescent="0.25">
      <c r="A8342">
        <v>153.15</v>
      </c>
      <c r="B8342">
        <v>185.89</v>
      </c>
      <c r="C8342">
        <v>4890.8999999999996</v>
      </c>
      <c r="D8342">
        <v>1.3</v>
      </c>
      <c r="E8342">
        <v>7594.89</v>
      </c>
      <c r="F8342">
        <v>24.986499999999999</v>
      </c>
    </row>
    <row r="8343" spans="1:6" x14ac:dyDescent="0.25">
      <c r="A8343">
        <v>153.15</v>
      </c>
      <c r="B8343">
        <v>185.89</v>
      </c>
      <c r="C8343">
        <v>4890.8999999999996</v>
      </c>
      <c r="D8343">
        <v>1.6</v>
      </c>
      <c r="E8343">
        <v>7326.66</v>
      </c>
      <c r="F8343">
        <v>25.502800000000001</v>
      </c>
    </row>
    <row r="8344" spans="1:6" x14ac:dyDescent="0.25">
      <c r="A8344">
        <v>153.15</v>
      </c>
      <c r="B8344">
        <v>185.89</v>
      </c>
      <c r="C8344">
        <v>4890.8999999999996</v>
      </c>
      <c r="D8344">
        <v>1.9</v>
      </c>
      <c r="E8344">
        <v>7102.63</v>
      </c>
      <c r="F8344">
        <v>26.246500000000001</v>
      </c>
    </row>
    <row r="8345" spans="1:6" x14ac:dyDescent="0.25">
      <c r="A8345">
        <v>153.15</v>
      </c>
      <c r="B8345">
        <v>185.89</v>
      </c>
      <c r="C8345">
        <v>4890.8999999999996</v>
      </c>
      <c r="D8345">
        <v>2.2000000000000002</v>
      </c>
      <c r="E8345">
        <v>6893.06</v>
      </c>
      <c r="F8345">
        <v>26.796500000000002</v>
      </c>
    </row>
    <row r="8346" spans="1:6" x14ac:dyDescent="0.25">
      <c r="A8346">
        <v>153.15</v>
      </c>
      <c r="B8346">
        <v>185.89</v>
      </c>
      <c r="C8346">
        <v>4890.8999999999996</v>
      </c>
      <c r="D8346">
        <v>2.5</v>
      </c>
      <c r="E8346">
        <v>6461.36</v>
      </c>
      <c r="F8346">
        <v>27.2866</v>
      </c>
    </row>
    <row r="8347" spans="1:6" x14ac:dyDescent="0.25">
      <c r="A8347">
        <v>153.15</v>
      </c>
      <c r="B8347">
        <v>185.89</v>
      </c>
      <c r="C8347">
        <v>4890.8999999999996</v>
      </c>
      <c r="D8347">
        <v>2.8</v>
      </c>
      <c r="E8347">
        <v>5678.88</v>
      </c>
      <c r="F8347">
        <v>25.9405</v>
      </c>
    </row>
    <row r="8348" spans="1:6" x14ac:dyDescent="0.25">
      <c r="A8348">
        <v>153.15</v>
      </c>
      <c r="B8348">
        <v>185.89</v>
      </c>
      <c r="C8348">
        <v>4890.8999999999996</v>
      </c>
      <c r="D8348">
        <v>3.1</v>
      </c>
      <c r="E8348">
        <v>5662.21</v>
      </c>
      <c r="F8348">
        <v>25.389199999999999</v>
      </c>
    </row>
    <row r="8349" spans="1:6" x14ac:dyDescent="0.25">
      <c r="A8349">
        <v>153.15</v>
      </c>
      <c r="B8349">
        <v>185.89</v>
      </c>
      <c r="C8349">
        <v>4890.8999999999996</v>
      </c>
      <c r="D8349">
        <v>3.4</v>
      </c>
      <c r="E8349">
        <v>6197.06</v>
      </c>
      <c r="F8349">
        <v>25.649100000000001</v>
      </c>
    </row>
    <row r="8350" spans="1:6" x14ac:dyDescent="0.25">
      <c r="A8350">
        <v>153.15</v>
      </c>
      <c r="B8350">
        <v>185.89</v>
      </c>
      <c r="C8350">
        <v>4890.8999999999996</v>
      </c>
      <c r="D8350">
        <v>3.7</v>
      </c>
      <c r="E8350">
        <v>6105.15</v>
      </c>
      <c r="F8350">
        <v>25.881499999999999</v>
      </c>
    </row>
    <row r="8351" spans="1:6" x14ac:dyDescent="0.25">
      <c r="A8351">
        <v>153.15</v>
      </c>
      <c r="B8351">
        <v>185.89</v>
      </c>
      <c r="C8351">
        <v>4890.8999999999996</v>
      </c>
      <c r="D8351">
        <v>4</v>
      </c>
      <c r="E8351">
        <v>6196.59</v>
      </c>
      <c r="F8351">
        <v>26.045999999999999</v>
      </c>
    </row>
    <row r="8352" spans="1:6" x14ac:dyDescent="0.25">
      <c r="A8352">
        <v>153.15</v>
      </c>
      <c r="B8352">
        <v>185.89</v>
      </c>
      <c r="C8352">
        <v>6436.35</v>
      </c>
      <c r="D8352">
        <v>1</v>
      </c>
      <c r="E8352">
        <v>10160.5</v>
      </c>
      <c r="F8352">
        <v>25.0593</v>
      </c>
    </row>
    <row r="8353" spans="1:6" x14ac:dyDescent="0.25">
      <c r="A8353">
        <v>153.15</v>
      </c>
      <c r="B8353">
        <v>185.89</v>
      </c>
      <c r="C8353">
        <v>6436.35</v>
      </c>
      <c r="D8353">
        <v>1.3</v>
      </c>
      <c r="E8353">
        <v>9277.4</v>
      </c>
      <c r="F8353">
        <v>25.409199999999998</v>
      </c>
    </row>
    <row r="8354" spans="1:6" x14ac:dyDescent="0.25">
      <c r="A8354">
        <v>153.15</v>
      </c>
      <c r="B8354">
        <v>185.89</v>
      </c>
      <c r="C8354">
        <v>6436.35</v>
      </c>
      <c r="D8354">
        <v>1.6</v>
      </c>
      <c r="E8354">
        <v>9080.2800000000007</v>
      </c>
      <c r="F8354">
        <v>25.502800000000001</v>
      </c>
    </row>
    <row r="8355" spans="1:6" x14ac:dyDescent="0.25">
      <c r="A8355">
        <v>153.15</v>
      </c>
      <c r="B8355">
        <v>185.89</v>
      </c>
      <c r="C8355">
        <v>6436.35</v>
      </c>
      <c r="D8355">
        <v>1.9</v>
      </c>
      <c r="E8355">
        <v>8702.93</v>
      </c>
      <c r="F8355">
        <v>26.246500000000001</v>
      </c>
    </row>
    <row r="8356" spans="1:6" x14ac:dyDescent="0.25">
      <c r="A8356">
        <v>153.15</v>
      </c>
      <c r="B8356">
        <v>185.89</v>
      </c>
      <c r="C8356">
        <v>6436.35</v>
      </c>
      <c r="D8356">
        <v>2.2000000000000002</v>
      </c>
      <c r="E8356">
        <v>8317.3700000000008</v>
      </c>
      <c r="F8356">
        <v>26.796500000000002</v>
      </c>
    </row>
    <row r="8357" spans="1:6" x14ac:dyDescent="0.25">
      <c r="A8357">
        <v>153.15</v>
      </c>
      <c r="B8357">
        <v>185.89</v>
      </c>
      <c r="C8357">
        <v>6436.35</v>
      </c>
      <c r="D8357">
        <v>2.5</v>
      </c>
      <c r="E8357">
        <v>8077.02</v>
      </c>
      <c r="F8357">
        <v>27.2866</v>
      </c>
    </row>
    <row r="8358" spans="1:6" x14ac:dyDescent="0.25">
      <c r="A8358">
        <v>153.15</v>
      </c>
      <c r="B8358">
        <v>185.89</v>
      </c>
      <c r="C8358">
        <v>6436.35</v>
      </c>
      <c r="D8358">
        <v>2.8</v>
      </c>
      <c r="E8358">
        <v>5678.88</v>
      </c>
      <c r="F8358">
        <v>27.008600000000001</v>
      </c>
    </row>
    <row r="8359" spans="1:6" x14ac:dyDescent="0.25">
      <c r="A8359">
        <v>153.15</v>
      </c>
      <c r="B8359">
        <v>185.89</v>
      </c>
      <c r="C8359">
        <v>6436.35</v>
      </c>
      <c r="D8359">
        <v>3.1</v>
      </c>
      <c r="E8359">
        <v>5662.21</v>
      </c>
      <c r="F8359">
        <v>26.9758</v>
      </c>
    </row>
    <row r="8360" spans="1:6" x14ac:dyDescent="0.25">
      <c r="A8360">
        <v>153.15</v>
      </c>
      <c r="B8360">
        <v>185.89</v>
      </c>
      <c r="C8360">
        <v>6436.35</v>
      </c>
      <c r="D8360">
        <v>3.4</v>
      </c>
      <c r="E8360">
        <v>5645.99</v>
      </c>
      <c r="F8360">
        <v>26.9514</v>
      </c>
    </row>
    <row r="8361" spans="1:6" x14ac:dyDescent="0.25">
      <c r="A8361">
        <v>153.15</v>
      </c>
      <c r="B8361">
        <v>185.89</v>
      </c>
      <c r="C8361">
        <v>6436.35</v>
      </c>
      <c r="D8361">
        <v>3.7</v>
      </c>
      <c r="E8361">
        <v>7425.64</v>
      </c>
      <c r="F8361">
        <v>26.9221</v>
      </c>
    </row>
    <row r="8362" spans="1:6" x14ac:dyDescent="0.25">
      <c r="A8362">
        <v>153.15</v>
      </c>
      <c r="B8362">
        <v>185.89</v>
      </c>
      <c r="C8362">
        <v>6436.35</v>
      </c>
      <c r="D8362">
        <v>4</v>
      </c>
      <c r="E8362">
        <v>7349.19</v>
      </c>
      <c r="F8362">
        <v>26.905899999999999</v>
      </c>
    </row>
    <row r="8363" spans="1:6" x14ac:dyDescent="0.25">
      <c r="A8363">
        <v>153.15</v>
      </c>
      <c r="B8363">
        <v>185.89</v>
      </c>
      <c r="C8363">
        <v>7981.8</v>
      </c>
      <c r="D8363">
        <v>1</v>
      </c>
      <c r="E8363">
        <v>11596.2</v>
      </c>
      <c r="F8363">
        <v>25.0593</v>
      </c>
    </row>
    <row r="8364" spans="1:6" x14ac:dyDescent="0.25">
      <c r="A8364">
        <v>153.15</v>
      </c>
      <c r="B8364">
        <v>185.89</v>
      </c>
      <c r="C8364">
        <v>7981.8</v>
      </c>
      <c r="D8364">
        <v>1.3</v>
      </c>
      <c r="E8364">
        <v>10777.6</v>
      </c>
      <c r="F8364">
        <v>25.409199999999998</v>
      </c>
    </row>
    <row r="8365" spans="1:6" x14ac:dyDescent="0.25">
      <c r="A8365">
        <v>153.15</v>
      </c>
      <c r="B8365">
        <v>185.89</v>
      </c>
      <c r="C8365">
        <v>7981.8</v>
      </c>
      <c r="D8365">
        <v>1.6</v>
      </c>
      <c r="E8365">
        <v>10540.8</v>
      </c>
      <c r="F8365">
        <v>25.502800000000001</v>
      </c>
    </row>
    <row r="8366" spans="1:6" x14ac:dyDescent="0.25">
      <c r="A8366">
        <v>153.15</v>
      </c>
      <c r="B8366">
        <v>185.89</v>
      </c>
      <c r="C8366">
        <v>7981.8</v>
      </c>
      <c r="D8366">
        <v>1.9</v>
      </c>
      <c r="E8366">
        <v>10132.799999999999</v>
      </c>
      <c r="F8366">
        <v>26.246500000000001</v>
      </c>
    </row>
    <row r="8367" spans="1:6" x14ac:dyDescent="0.25">
      <c r="A8367">
        <v>153.15</v>
      </c>
      <c r="B8367">
        <v>185.89</v>
      </c>
      <c r="C8367">
        <v>7981.8</v>
      </c>
      <c r="D8367">
        <v>2.2000000000000002</v>
      </c>
      <c r="E8367">
        <v>9896.52</v>
      </c>
      <c r="F8367">
        <v>26.796500000000002</v>
      </c>
    </row>
    <row r="8368" spans="1:6" x14ac:dyDescent="0.25">
      <c r="A8368">
        <v>153.15</v>
      </c>
      <c r="B8368">
        <v>185.89</v>
      </c>
      <c r="C8368">
        <v>7981.8</v>
      </c>
      <c r="D8368">
        <v>2.5</v>
      </c>
      <c r="E8368">
        <v>9656.33</v>
      </c>
      <c r="F8368">
        <v>27.2866</v>
      </c>
    </row>
    <row r="8369" spans="1:6" x14ac:dyDescent="0.25">
      <c r="A8369">
        <v>153.15</v>
      </c>
      <c r="B8369">
        <v>185.89</v>
      </c>
      <c r="C8369">
        <v>7981.8</v>
      </c>
      <c r="D8369">
        <v>2.8</v>
      </c>
      <c r="E8369">
        <v>5678.88</v>
      </c>
      <c r="F8369">
        <v>27.008600000000001</v>
      </c>
    </row>
    <row r="8370" spans="1:6" x14ac:dyDescent="0.25">
      <c r="A8370">
        <v>153.15</v>
      </c>
      <c r="B8370">
        <v>185.89</v>
      </c>
      <c r="C8370">
        <v>7981.8</v>
      </c>
      <c r="D8370">
        <v>3.1</v>
      </c>
      <c r="E8370">
        <v>5662.21</v>
      </c>
      <c r="F8370">
        <v>26.9758</v>
      </c>
    </row>
    <row r="8371" spans="1:6" x14ac:dyDescent="0.25">
      <c r="A8371">
        <v>153.15</v>
      </c>
      <c r="B8371">
        <v>185.89</v>
      </c>
      <c r="C8371">
        <v>7981.8</v>
      </c>
      <c r="D8371">
        <v>3.4</v>
      </c>
      <c r="E8371">
        <v>5645.99</v>
      </c>
      <c r="F8371">
        <v>26.9514</v>
      </c>
    </row>
    <row r="8372" spans="1:6" x14ac:dyDescent="0.25">
      <c r="A8372">
        <v>153.15</v>
      </c>
      <c r="B8372">
        <v>185.89</v>
      </c>
      <c r="C8372">
        <v>7981.8</v>
      </c>
      <c r="D8372">
        <v>3.7</v>
      </c>
      <c r="E8372">
        <v>8991.85</v>
      </c>
      <c r="F8372">
        <v>26.9221</v>
      </c>
    </row>
    <row r="8373" spans="1:6" x14ac:dyDescent="0.25">
      <c r="A8373">
        <v>153.15</v>
      </c>
      <c r="B8373">
        <v>185.89</v>
      </c>
      <c r="C8373">
        <v>7981.8</v>
      </c>
      <c r="D8373">
        <v>4</v>
      </c>
      <c r="E8373">
        <v>8953.64</v>
      </c>
      <c r="F8373">
        <v>26.905899999999999</v>
      </c>
    </row>
    <row r="8374" spans="1:6" x14ac:dyDescent="0.25">
      <c r="A8374">
        <v>153.15</v>
      </c>
      <c r="B8374">
        <v>185.89</v>
      </c>
      <c r="C8374">
        <v>9527.25</v>
      </c>
      <c r="D8374">
        <v>1</v>
      </c>
      <c r="E8374">
        <v>13265.6</v>
      </c>
      <c r="F8374">
        <v>25.0593</v>
      </c>
    </row>
    <row r="8375" spans="1:6" x14ac:dyDescent="0.25">
      <c r="A8375">
        <v>153.15</v>
      </c>
      <c r="B8375">
        <v>185.89</v>
      </c>
      <c r="C8375">
        <v>9527.25</v>
      </c>
      <c r="D8375">
        <v>1.3</v>
      </c>
      <c r="E8375">
        <v>12237.1</v>
      </c>
      <c r="F8375">
        <v>25.409199999999998</v>
      </c>
    </row>
    <row r="8376" spans="1:6" x14ac:dyDescent="0.25">
      <c r="A8376">
        <v>153.15</v>
      </c>
      <c r="B8376">
        <v>185.89</v>
      </c>
      <c r="C8376">
        <v>9527.25</v>
      </c>
      <c r="D8376">
        <v>1.6</v>
      </c>
      <c r="E8376">
        <v>12065.9</v>
      </c>
      <c r="F8376">
        <v>25.502800000000001</v>
      </c>
    </row>
    <row r="8377" spans="1:6" x14ac:dyDescent="0.25">
      <c r="A8377">
        <v>153.15</v>
      </c>
      <c r="B8377">
        <v>185.89</v>
      </c>
      <c r="C8377">
        <v>9527.25</v>
      </c>
      <c r="D8377">
        <v>1.9</v>
      </c>
      <c r="E8377">
        <v>11673.8</v>
      </c>
      <c r="F8377">
        <v>26.246500000000001</v>
      </c>
    </row>
    <row r="8378" spans="1:6" x14ac:dyDescent="0.25">
      <c r="A8378">
        <v>153.15</v>
      </c>
      <c r="B8378">
        <v>185.89</v>
      </c>
      <c r="C8378">
        <v>9527.25</v>
      </c>
      <c r="D8378">
        <v>2.2000000000000002</v>
      </c>
      <c r="E8378">
        <v>11429.7</v>
      </c>
      <c r="F8378">
        <v>26.796500000000002</v>
      </c>
    </row>
    <row r="8379" spans="1:6" x14ac:dyDescent="0.25">
      <c r="A8379">
        <v>153.15</v>
      </c>
      <c r="B8379">
        <v>185.89</v>
      </c>
      <c r="C8379">
        <v>9527.25</v>
      </c>
      <c r="D8379">
        <v>2.5</v>
      </c>
      <c r="E8379">
        <v>11284.2</v>
      </c>
      <c r="F8379">
        <v>27.2866</v>
      </c>
    </row>
    <row r="8380" spans="1:6" x14ac:dyDescent="0.25">
      <c r="A8380">
        <v>153.15</v>
      </c>
      <c r="B8380">
        <v>185.89</v>
      </c>
      <c r="C8380">
        <v>9527.25</v>
      </c>
      <c r="D8380">
        <v>2.8</v>
      </c>
      <c r="E8380">
        <v>5678.88</v>
      </c>
      <c r="F8380">
        <v>27.008600000000001</v>
      </c>
    </row>
    <row r="8381" spans="1:6" x14ac:dyDescent="0.25">
      <c r="A8381">
        <v>153.15</v>
      </c>
      <c r="B8381">
        <v>185.89</v>
      </c>
      <c r="C8381">
        <v>9527.25</v>
      </c>
      <c r="D8381">
        <v>3.1</v>
      </c>
      <c r="E8381">
        <v>5662.21</v>
      </c>
      <c r="F8381">
        <v>26.9758</v>
      </c>
    </row>
    <row r="8382" spans="1:6" x14ac:dyDescent="0.25">
      <c r="A8382">
        <v>153.15</v>
      </c>
      <c r="B8382">
        <v>185.89</v>
      </c>
      <c r="C8382">
        <v>9527.25</v>
      </c>
      <c r="D8382">
        <v>3.4</v>
      </c>
      <c r="E8382">
        <v>5645.99</v>
      </c>
      <c r="F8382">
        <v>26.9514</v>
      </c>
    </row>
    <row r="8383" spans="1:6" x14ac:dyDescent="0.25">
      <c r="A8383">
        <v>153.15</v>
      </c>
      <c r="B8383">
        <v>185.89</v>
      </c>
      <c r="C8383">
        <v>9527.25</v>
      </c>
      <c r="D8383">
        <v>3.7</v>
      </c>
      <c r="E8383">
        <v>10522.9</v>
      </c>
      <c r="F8383">
        <v>26.9221</v>
      </c>
    </row>
    <row r="8384" spans="1:6" x14ac:dyDescent="0.25">
      <c r="A8384">
        <v>153.15</v>
      </c>
      <c r="B8384">
        <v>185.89</v>
      </c>
      <c r="C8384">
        <v>9527.25</v>
      </c>
      <c r="D8384">
        <v>4</v>
      </c>
      <c r="E8384">
        <v>10547.6</v>
      </c>
      <c r="F8384">
        <v>26.905899999999999</v>
      </c>
    </row>
    <row r="8385" spans="1:6" x14ac:dyDescent="0.25">
      <c r="A8385">
        <v>153.15</v>
      </c>
      <c r="B8385">
        <v>185.89</v>
      </c>
      <c r="C8385">
        <v>11072.7</v>
      </c>
      <c r="D8385">
        <v>1</v>
      </c>
      <c r="E8385">
        <v>14560.3</v>
      </c>
      <c r="F8385">
        <v>25.0593</v>
      </c>
    </row>
    <row r="8386" spans="1:6" x14ac:dyDescent="0.25">
      <c r="A8386">
        <v>153.15</v>
      </c>
      <c r="B8386">
        <v>185.89</v>
      </c>
      <c r="C8386">
        <v>11072.7</v>
      </c>
      <c r="D8386">
        <v>1.3</v>
      </c>
      <c r="E8386">
        <v>13822</v>
      </c>
      <c r="F8386">
        <v>25.409199999999998</v>
      </c>
    </row>
    <row r="8387" spans="1:6" x14ac:dyDescent="0.25">
      <c r="A8387">
        <v>153.15</v>
      </c>
      <c r="B8387">
        <v>185.89</v>
      </c>
      <c r="C8387">
        <v>11072.7</v>
      </c>
      <c r="D8387">
        <v>1.6</v>
      </c>
      <c r="E8387">
        <v>13468.4</v>
      </c>
      <c r="F8387">
        <v>25.502800000000001</v>
      </c>
    </row>
    <row r="8388" spans="1:6" x14ac:dyDescent="0.25">
      <c r="A8388">
        <v>153.15</v>
      </c>
      <c r="B8388">
        <v>185.89</v>
      </c>
      <c r="C8388">
        <v>11072.7</v>
      </c>
      <c r="D8388">
        <v>1.9</v>
      </c>
      <c r="E8388">
        <v>13067.4</v>
      </c>
      <c r="F8388">
        <v>26.246500000000001</v>
      </c>
    </row>
    <row r="8389" spans="1:6" x14ac:dyDescent="0.25">
      <c r="A8389">
        <v>153.15</v>
      </c>
      <c r="B8389">
        <v>185.89</v>
      </c>
      <c r="C8389">
        <v>11072.7</v>
      </c>
      <c r="D8389">
        <v>2.2000000000000002</v>
      </c>
      <c r="E8389">
        <v>12971.8</v>
      </c>
      <c r="F8389">
        <v>26.796500000000002</v>
      </c>
    </row>
    <row r="8390" spans="1:6" x14ac:dyDescent="0.25">
      <c r="A8390">
        <v>153.15</v>
      </c>
      <c r="B8390">
        <v>185.89</v>
      </c>
      <c r="C8390">
        <v>11072.7</v>
      </c>
      <c r="D8390">
        <v>2.5</v>
      </c>
      <c r="E8390">
        <v>12764.4</v>
      </c>
      <c r="F8390">
        <v>27.2866</v>
      </c>
    </row>
    <row r="8391" spans="1:6" x14ac:dyDescent="0.25">
      <c r="A8391">
        <v>153.15</v>
      </c>
      <c r="B8391">
        <v>185.89</v>
      </c>
      <c r="C8391">
        <v>11072.7</v>
      </c>
      <c r="D8391">
        <v>2.8</v>
      </c>
      <c r="E8391">
        <v>5678.88</v>
      </c>
      <c r="F8391">
        <v>27.008600000000001</v>
      </c>
    </row>
    <row r="8392" spans="1:6" x14ac:dyDescent="0.25">
      <c r="A8392">
        <v>153.15</v>
      </c>
      <c r="B8392">
        <v>185.89</v>
      </c>
      <c r="C8392">
        <v>11072.7</v>
      </c>
      <c r="D8392">
        <v>3.1</v>
      </c>
      <c r="E8392">
        <v>5662.21</v>
      </c>
      <c r="F8392">
        <v>26.9758</v>
      </c>
    </row>
    <row r="8393" spans="1:6" x14ac:dyDescent="0.25">
      <c r="A8393">
        <v>153.15</v>
      </c>
      <c r="B8393">
        <v>185.89</v>
      </c>
      <c r="C8393">
        <v>11072.7</v>
      </c>
      <c r="D8393">
        <v>3.4</v>
      </c>
      <c r="E8393">
        <v>5645.99</v>
      </c>
      <c r="F8393">
        <v>26.9514</v>
      </c>
    </row>
    <row r="8394" spans="1:6" x14ac:dyDescent="0.25">
      <c r="A8394">
        <v>153.15</v>
      </c>
      <c r="B8394">
        <v>185.89</v>
      </c>
      <c r="C8394">
        <v>11072.7</v>
      </c>
      <c r="D8394">
        <v>3.7</v>
      </c>
      <c r="E8394">
        <v>12025</v>
      </c>
      <c r="F8394">
        <v>26.9221</v>
      </c>
    </row>
    <row r="8395" spans="1:6" x14ac:dyDescent="0.25">
      <c r="A8395">
        <v>153.15</v>
      </c>
      <c r="B8395">
        <v>185.89</v>
      </c>
      <c r="C8395">
        <v>11072.7</v>
      </c>
      <c r="D8395">
        <v>4</v>
      </c>
      <c r="E8395">
        <v>11974.7</v>
      </c>
      <c r="F8395">
        <v>26.905899999999999</v>
      </c>
    </row>
    <row r="8396" spans="1:6" x14ac:dyDescent="0.25">
      <c r="A8396">
        <v>153.15</v>
      </c>
      <c r="B8396">
        <v>185.89</v>
      </c>
      <c r="C8396">
        <v>12618.2</v>
      </c>
      <c r="D8396">
        <v>1</v>
      </c>
      <c r="E8396">
        <v>16042</v>
      </c>
      <c r="F8396">
        <v>25.0593</v>
      </c>
    </row>
    <row r="8397" spans="1:6" x14ac:dyDescent="0.25">
      <c r="A8397">
        <v>153.15</v>
      </c>
      <c r="B8397">
        <v>185.89</v>
      </c>
      <c r="C8397">
        <v>12618.2</v>
      </c>
      <c r="D8397">
        <v>1.3</v>
      </c>
      <c r="E8397">
        <v>15535.6</v>
      </c>
      <c r="F8397">
        <v>25.409199999999998</v>
      </c>
    </row>
    <row r="8398" spans="1:6" x14ac:dyDescent="0.25">
      <c r="A8398">
        <v>153.15</v>
      </c>
      <c r="B8398">
        <v>185.89</v>
      </c>
      <c r="C8398">
        <v>12618.2</v>
      </c>
      <c r="D8398">
        <v>1.6</v>
      </c>
      <c r="E8398">
        <v>14952.4</v>
      </c>
      <c r="F8398">
        <v>25.502800000000001</v>
      </c>
    </row>
    <row r="8399" spans="1:6" x14ac:dyDescent="0.25">
      <c r="A8399">
        <v>153.15</v>
      </c>
      <c r="B8399">
        <v>185.89</v>
      </c>
      <c r="C8399">
        <v>12618.2</v>
      </c>
      <c r="D8399">
        <v>1.9</v>
      </c>
      <c r="E8399">
        <v>14656.5</v>
      </c>
      <c r="F8399">
        <v>26.246500000000001</v>
      </c>
    </row>
    <row r="8400" spans="1:6" x14ac:dyDescent="0.25">
      <c r="A8400">
        <v>153.15</v>
      </c>
      <c r="B8400">
        <v>185.89</v>
      </c>
      <c r="C8400">
        <v>12618.2</v>
      </c>
      <c r="D8400">
        <v>2.2000000000000002</v>
      </c>
      <c r="E8400">
        <v>14367.6</v>
      </c>
      <c r="F8400">
        <v>26.796500000000002</v>
      </c>
    </row>
    <row r="8401" spans="1:6" x14ac:dyDescent="0.25">
      <c r="A8401">
        <v>153.15</v>
      </c>
      <c r="B8401">
        <v>185.89</v>
      </c>
      <c r="C8401">
        <v>12618.2</v>
      </c>
      <c r="D8401">
        <v>2.5</v>
      </c>
      <c r="E8401">
        <v>14248.4</v>
      </c>
      <c r="F8401">
        <v>27.2866</v>
      </c>
    </row>
    <row r="8402" spans="1:6" x14ac:dyDescent="0.25">
      <c r="A8402">
        <v>153.15</v>
      </c>
      <c r="B8402">
        <v>185.89</v>
      </c>
      <c r="C8402">
        <v>12618.2</v>
      </c>
      <c r="D8402">
        <v>2.8</v>
      </c>
      <c r="E8402">
        <v>5678.88</v>
      </c>
      <c r="F8402">
        <v>27.008600000000001</v>
      </c>
    </row>
    <row r="8403" spans="1:6" x14ac:dyDescent="0.25">
      <c r="A8403">
        <v>153.15</v>
      </c>
      <c r="B8403">
        <v>185.89</v>
      </c>
      <c r="C8403">
        <v>12618.2</v>
      </c>
      <c r="D8403">
        <v>3.1</v>
      </c>
      <c r="E8403">
        <v>5662.21</v>
      </c>
      <c r="F8403">
        <v>26.9758</v>
      </c>
    </row>
    <row r="8404" spans="1:6" x14ac:dyDescent="0.25">
      <c r="A8404">
        <v>153.15</v>
      </c>
      <c r="B8404">
        <v>185.89</v>
      </c>
      <c r="C8404">
        <v>12618.2</v>
      </c>
      <c r="D8404">
        <v>3.4</v>
      </c>
      <c r="E8404">
        <v>5645.99</v>
      </c>
      <c r="F8404">
        <v>26.9514</v>
      </c>
    </row>
    <row r="8405" spans="1:6" x14ac:dyDescent="0.25">
      <c r="A8405">
        <v>153.15</v>
      </c>
      <c r="B8405">
        <v>185.89</v>
      </c>
      <c r="C8405">
        <v>12618.2</v>
      </c>
      <c r="D8405">
        <v>3.7</v>
      </c>
      <c r="E8405">
        <v>13606.1</v>
      </c>
      <c r="F8405">
        <v>26.9221</v>
      </c>
    </row>
    <row r="8406" spans="1:6" x14ac:dyDescent="0.25">
      <c r="A8406">
        <v>153.15</v>
      </c>
      <c r="B8406">
        <v>185.89</v>
      </c>
      <c r="C8406">
        <v>12618.2</v>
      </c>
      <c r="D8406">
        <v>4</v>
      </c>
      <c r="E8406">
        <v>13557.4</v>
      </c>
      <c r="F8406">
        <v>26.905899999999999</v>
      </c>
    </row>
    <row r="8407" spans="1:6" x14ac:dyDescent="0.25">
      <c r="A8407">
        <v>153.15</v>
      </c>
      <c r="B8407">
        <v>185.89</v>
      </c>
      <c r="C8407">
        <v>14163.6</v>
      </c>
      <c r="D8407">
        <v>1</v>
      </c>
      <c r="E8407">
        <v>17783.8</v>
      </c>
      <c r="F8407">
        <v>25.0593</v>
      </c>
    </row>
    <row r="8408" spans="1:6" x14ac:dyDescent="0.25">
      <c r="A8408">
        <v>153.15</v>
      </c>
      <c r="B8408">
        <v>185.89</v>
      </c>
      <c r="C8408">
        <v>14163.6</v>
      </c>
      <c r="D8408">
        <v>1.3</v>
      </c>
      <c r="E8408">
        <v>16918.400000000001</v>
      </c>
      <c r="F8408">
        <v>25.409199999999998</v>
      </c>
    </row>
    <row r="8409" spans="1:6" x14ac:dyDescent="0.25">
      <c r="A8409">
        <v>153.15</v>
      </c>
      <c r="B8409">
        <v>185.89</v>
      </c>
      <c r="C8409">
        <v>14163.6</v>
      </c>
      <c r="D8409">
        <v>1.6</v>
      </c>
      <c r="E8409">
        <v>16724.400000000001</v>
      </c>
      <c r="F8409">
        <v>25.502800000000001</v>
      </c>
    </row>
    <row r="8410" spans="1:6" x14ac:dyDescent="0.25">
      <c r="A8410">
        <v>153.15</v>
      </c>
      <c r="B8410">
        <v>185.89</v>
      </c>
      <c r="C8410">
        <v>14163.6</v>
      </c>
      <c r="D8410">
        <v>1.9</v>
      </c>
      <c r="E8410">
        <v>16257.5</v>
      </c>
      <c r="F8410">
        <v>26.246500000000001</v>
      </c>
    </row>
    <row r="8411" spans="1:6" x14ac:dyDescent="0.25">
      <c r="A8411">
        <v>153.15</v>
      </c>
      <c r="B8411">
        <v>185.89</v>
      </c>
      <c r="C8411">
        <v>14163.6</v>
      </c>
      <c r="D8411">
        <v>2.2000000000000002</v>
      </c>
      <c r="E8411">
        <v>16169.4</v>
      </c>
      <c r="F8411">
        <v>26.796500000000002</v>
      </c>
    </row>
    <row r="8412" spans="1:6" x14ac:dyDescent="0.25">
      <c r="A8412">
        <v>153.15</v>
      </c>
      <c r="B8412">
        <v>185.89</v>
      </c>
      <c r="C8412">
        <v>14163.6</v>
      </c>
      <c r="D8412">
        <v>2.5</v>
      </c>
      <c r="E8412">
        <v>15928.1</v>
      </c>
      <c r="F8412">
        <v>27.2866</v>
      </c>
    </row>
    <row r="8413" spans="1:6" x14ac:dyDescent="0.25">
      <c r="A8413">
        <v>153.15</v>
      </c>
      <c r="B8413">
        <v>185.89</v>
      </c>
      <c r="C8413">
        <v>14163.6</v>
      </c>
      <c r="D8413">
        <v>2.8</v>
      </c>
      <c r="E8413">
        <v>5678.88</v>
      </c>
      <c r="F8413">
        <v>27.008600000000001</v>
      </c>
    </row>
    <row r="8414" spans="1:6" x14ac:dyDescent="0.25">
      <c r="A8414">
        <v>153.15</v>
      </c>
      <c r="B8414">
        <v>185.89</v>
      </c>
      <c r="C8414">
        <v>14163.6</v>
      </c>
      <c r="D8414">
        <v>3.1</v>
      </c>
      <c r="E8414">
        <v>5662.21</v>
      </c>
      <c r="F8414">
        <v>26.9758</v>
      </c>
    </row>
    <row r="8415" spans="1:6" x14ac:dyDescent="0.25">
      <c r="A8415">
        <v>153.15</v>
      </c>
      <c r="B8415">
        <v>185.89</v>
      </c>
      <c r="C8415">
        <v>14163.6</v>
      </c>
      <c r="D8415">
        <v>3.4</v>
      </c>
      <c r="E8415">
        <v>5645.99</v>
      </c>
      <c r="F8415">
        <v>26.9514</v>
      </c>
    </row>
    <row r="8416" spans="1:6" x14ac:dyDescent="0.25">
      <c r="A8416">
        <v>153.15</v>
      </c>
      <c r="B8416">
        <v>185.89</v>
      </c>
      <c r="C8416">
        <v>14163.6</v>
      </c>
      <c r="D8416">
        <v>3.7</v>
      </c>
      <c r="E8416">
        <v>15102.4</v>
      </c>
      <c r="F8416">
        <v>26.9221</v>
      </c>
    </row>
    <row r="8417" spans="1:6" x14ac:dyDescent="0.25">
      <c r="A8417">
        <v>153.15</v>
      </c>
      <c r="B8417">
        <v>185.89</v>
      </c>
      <c r="C8417">
        <v>14163.6</v>
      </c>
      <c r="D8417">
        <v>4</v>
      </c>
      <c r="E8417">
        <v>15057.2</v>
      </c>
      <c r="F8417">
        <v>26.905899999999999</v>
      </c>
    </row>
    <row r="8418" spans="1:6" x14ac:dyDescent="0.25">
      <c r="A8418">
        <v>153.15</v>
      </c>
      <c r="B8418">
        <v>185.89</v>
      </c>
      <c r="C8418">
        <v>15709.1</v>
      </c>
      <c r="D8418">
        <v>1</v>
      </c>
      <c r="E8418">
        <v>19458.900000000001</v>
      </c>
      <c r="F8418">
        <v>25.0593</v>
      </c>
    </row>
    <row r="8419" spans="1:6" x14ac:dyDescent="0.25">
      <c r="A8419">
        <v>153.15</v>
      </c>
      <c r="B8419">
        <v>185.89</v>
      </c>
      <c r="C8419">
        <v>15709.1</v>
      </c>
      <c r="D8419">
        <v>1.3</v>
      </c>
      <c r="E8419">
        <v>18393.8</v>
      </c>
      <c r="F8419">
        <v>25.409199999999998</v>
      </c>
    </row>
    <row r="8420" spans="1:6" x14ac:dyDescent="0.25">
      <c r="A8420">
        <v>153.15</v>
      </c>
      <c r="B8420">
        <v>185.89</v>
      </c>
      <c r="C8420">
        <v>15709.1</v>
      </c>
      <c r="D8420">
        <v>1.6</v>
      </c>
      <c r="E8420">
        <v>18343.900000000001</v>
      </c>
      <c r="F8420">
        <v>25.502800000000001</v>
      </c>
    </row>
    <row r="8421" spans="1:6" x14ac:dyDescent="0.25">
      <c r="A8421">
        <v>153.15</v>
      </c>
      <c r="B8421">
        <v>185.89</v>
      </c>
      <c r="C8421">
        <v>15709.1</v>
      </c>
      <c r="D8421">
        <v>1.9</v>
      </c>
      <c r="E8421">
        <v>17911.400000000001</v>
      </c>
      <c r="F8421">
        <v>26.246500000000001</v>
      </c>
    </row>
    <row r="8422" spans="1:6" x14ac:dyDescent="0.25">
      <c r="A8422">
        <v>153.15</v>
      </c>
      <c r="B8422">
        <v>185.89</v>
      </c>
      <c r="C8422">
        <v>15709.1</v>
      </c>
      <c r="D8422">
        <v>2.2000000000000002</v>
      </c>
      <c r="E8422">
        <v>17647.5</v>
      </c>
      <c r="F8422">
        <v>26.796500000000002</v>
      </c>
    </row>
    <row r="8423" spans="1:6" x14ac:dyDescent="0.25">
      <c r="A8423">
        <v>153.15</v>
      </c>
      <c r="B8423">
        <v>185.89</v>
      </c>
      <c r="C8423">
        <v>15709.1</v>
      </c>
      <c r="D8423">
        <v>2.5</v>
      </c>
      <c r="E8423">
        <v>17475.099999999999</v>
      </c>
      <c r="F8423">
        <v>27.2866</v>
      </c>
    </row>
    <row r="8424" spans="1:6" x14ac:dyDescent="0.25">
      <c r="A8424">
        <v>153.15</v>
      </c>
      <c r="B8424">
        <v>185.89</v>
      </c>
      <c r="C8424">
        <v>15709.1</v>
      </c>
      <c r="D8424">
        <v>2.8</v>
      </c>
      <c r="E8424">
        <v>5678.88</v>
      </c>
      <c r="F8424">
        <v>27.008600000000001</v>
      </c>
    </row>
    <row r="8425" spans="1:6" x14ac:dyDescent="0.25">
      <c r="A8425">
        <v>153.15</v>
      </c>
      <c r="B8425">
        <v>185.89</v>
      </c>
      <c r="C8425">
        <v>15709.1</v>
      </c>
      <c r="D8425">
        <v>3.1</v>
      </c>
      <c r="E8425">
        <v>5662.21</v>
      </c>
      <c r="F8425">
        <v>26.9758</v>
      </c>
    </row>
    <row r="8426" spans="1:6" x14ac:dyDescent="0.25">
      <c r="A8426">
        <v>153.15</v>
      </c>
      <c r="B8426">
        <v>185.89</v>
      </c>
      <c r="C8426">
        <v>15709.1</v>
      </c>
      <c r="D8426">
        <v>3.4</v>
      </c>
      <c r="E8426">
        <v>5645.99</v>
      </c>
      <c r="F8426">
        <v>26.9514</v>
      </c>
    </row>
    <row r="8427" spans="1:6" x14ac:dyDescent="0.25">
      <c r="A8427">
        <v>153.15</v>
      </c>
      <c r="B8427">
        <v>185.89</v>
      </c>
      <c r="C8427">
        <v>15709.1</v>
      </c>
      <c r="D8427">
        <v>3.7</v>
      </c>
      <c r="E8427">
        <v>16576.900000000001</v>
      </c>
      <c r="F8427">
        <v>26.9221</v>
      </c>
    </row>
    <row r="8428" spans="1:6" x14ac:dyDescent="0.25">
      <c r="A8428">
        <v>153.15</v>
      </c>
      <c r="B8428">
        <v>185.89</v>
      </c>
      <c r="C8428">
        <v>15709.1</v>
      </c>
      <c r="D8428">
        <v>4</v>
      </c>
      <c r="E8428">
        <v>16570.599999999999</v>
      </c>
      <c r="F8428">
        <v>26.905899999999999</v>
      </c>
    </row>
    <row r="8429" spans="1:6" x14ac:dyDescent="0.25">
      <c r="A8429">
        <v>153.15</v>
      </c>
      <c r="B8429">
        <v>185.89</v>
      </c>
      <c r="C8429">
        <v>17254.5</v>
      </c>
      <c r="D8429">
        <v>1</v>
      </c>
      <c r="E8429">
        <v>20822</v>
      </c>
      <c r="F8429">
        <v>25.0593</v>
      </c>
    </row>
    <row r="8430" spans="1:6" x14ac:dyDescent="0.25">
      <c r="A8430">
        <v>153.15</v>
      </c>
      <c r="B8430">
        <v>185.89</v>
      </c>
      <c r="C8430">
        <v>17254.5</v>
      </c>
      <c r="D8430">
        <v>1.3</v>
      </c>
      <c r="E8430">
        <v>20196.3</v>
      </c>
      <c r="F8430">
        <v>25.409199999999998</v>
      </c>
    </row>
    <row r="8431" spans="1:6" x14ac:dyDescent="0.25">
      <c r="A8431">
        <v>153.15</v>
      </c>
      <c r="B8431">
        <v>185.89</v>
      </c>
      <c r="C8431">
        <v>17254.5</v>
      </c>
      <c r="D8431">
        <v>1.6</v>
      </c>
      <c r="E8431">
        <v>19547.8</v>
      </c>
      <c r="F8431">
        <v>25.502800000000001</v>
      </c>
    </row>
    <row r="8432" spans="1:6" x14ac:dyDescent="0.25">
      <c r="A8432">
        <v>153.15</v>
      </c>
      <c r="B8432">
        <v>185.89</v>
      </c>
      <c r="C8432">
        <v>17254.5</v>
      </c>
      <c r="D8432">
        <v>1.9</v>
      </c>
      <c r="E8432">
        <v>19495.2</v>
      </c>
      <c r="F8432">
        <v>26.246500000000001</v>
      </c>
    </row>
    <row r="8433" spans="1:6" x14ac:dyDescent="0.25">
      <c r="A8433">
        <v>153.15</v>
      </c>
      <c r="B8433">
        <v>185.89</v>
      </c>
      <c r="C8433">
        <v>17254.5</v>
      </c>
      <c r="D8433">
        <v>2.2000000000000002</v>
      </c>
      <c r="E8433">
        <v>19167.099999999999</v>
      </c>
      <c r="F8433">
        <v>26.796500000000002</v>
      </c>
    </row>
    <row r="8434" spans="1:6" x14ac:dyDescent="0.25">
      <c r="A8434">
        <v>153.15</v>
      </c>
      <c r="B8434">
        <v>185.89</v>
      </c>
      <c r="C8434">
        <v>17254.5</v>
      </c>
      <c r="D8434">
        <v>2.5</v>
      </c>
      <c r="E8434">
        <v>18906</v>
      </c>
      <c r="F8434">
        <v>27.2866</v>
      </c>
    </row>
    <row r="8435" spans="1:6" x14ac:dyDescent="0.25">
      <c r="A8435">
        <v>153.15</v>
      </c>
      <c r="B8435">
        <v>185.89</v>
      </c>
      <c r="C8435">
        <v>17254.5</v>
      </c>
      <c r="D8435">
        <v>2.8</v>
      </c>
      <c r="E8435">
        <v>5678.88</v>
      </c>
      <c r="F8435">
        <v>27.008600000000001</v>
      </c>
    </row>
    <row r="8436" spans="1:6" x14ac:dyDescent="0.25">
      <c r="A8436">
        <v>153.15</v>
      </c>
      <c r="B8436">
        <v>185.89</v>
      </c>
      <c r="C8436">
        <v>17254.5</v>
      </c>
      <c r="D8436">
        <v>3.1</v>
      </c>
      <c r="E8436">
        <v>5662.21</v>
      </c>
      <c r="F8436">
        <v>26.9758</v>
      </c>
    </row>
    <row r="8437" spans="1:6" x14ac:dyDescent="0.25">
      <c r="A8437">
        <v>153.15</v>
      </c>
      <c r="B8437">
        <v>185.89</v>
      </c>
      <c r="C8437">
        <v>17254.5</v>
      </c>
      <c r="D8437">
        <v>3.4</v>
      </c>
      <c r="E8437">
        <v>5645.99</v>
      </c>
      <c r="F8437">
        <v>26.9514</v>
      </c>
    </row>
    <row r="8438" spans="1:6" x14ac:dyDescent="0.25">
      <c r="A8438">
        <v>153.15</v>
      </c>
      <c r="B8438">
        <v>185.89</v>
      </c>
      <c r="C8438">
        <v>17254.5</v>
      </c>
      <c r="D8438">
        <v>3.7</v>
      </c>
      <c r="E8438">
        <v>18164.400000000001</v>
      </c>
      <c r="F8438">
        <v>26.9221</v>
      </c>
    </row>
    <row r="8439" spans="1:6" x14ac:dyDescent="0.25">
      <c r="A8439">
        <v>153.15</v>
      </c>
      <c r="B8439">
        <v>185.89</v>
      </c>
      <c r="C8439">
        <v>17254.5</v>
      </c>
      <c r="D8439">
        <v>4</v>
      </c>
      <c r="E8439">
        <v>18188.900000000001</v>
      </c>
      <c r="F8439">
        <v>26.905899999999999</v>
      </c>
    </row>
    <row r="8440" spans="1:6" x14ac:dyDescent="0.25">
      <c r="A8440">
        <v>153.15</v>
      </c>
      <c r="B8440">
        <v>185.89</v>
      </c>
      <c r="C8440">
        <v>18800</v>
      </c>
      <c r="D8440">
        <v>1</v>
      </c>
      <c r="E8440">
        <v>22557.1</v>
      </c>
      <c r="F8440">
        <v>25.0593</v>
      </c>
    </row>
    <row r="8441" spans="1:6" x14ac:dyDescent="0.25">
      <c r="A8441">
        <v>153.15</v>
      </c>
      <c r="B8441">
        <v>185.89</v>
      </c>
      <c r="C8441">
        <v>18800</v>
      </c>
      <c r="D8441">
        <v>1.3</v>
      </c>
      <c r="E8441">
        <v>21613.8</v>
      </c>
      <c r="F8441">
        <v>25.409199999999998</v>
      </c>
    </row>
    <row r="8442" spans="1:6" x14ac:dyDescent="0.25">
      <c r="A8442">
        <v>153.15</v>
      </c>
      <c r="B8442">
        <v>185.89</v>
      </c>
      <c r="C8442">
        <v>18800</v>
      </c>
      <c r="D8442">
        <v>1.6</v>
      </c>
      <c r="E8442">
        <v>21307.9</v>
      </c>
      <c r="F8442">
        <v>25.502800000000001</v>
      </c>
    </row>
    <row r="8443" spans="1:6" x14ac:dyDescent="0.25">
      <c r="A8443">
        <v>153.15</v>
      </c>
      <c r="B8443">
        <v>185.89</v>
      </c>
      <c r="C8443">
        <v>18800</v>
      </c>
      <c r="D8443">
        <v>1.9</v>
      </c>
      <c r="E8443">
        <v>20787.900000000001</v>
      </c>
      <c r="F8443">
        <v>26.246500000000001</v>
      </c>
    </row>
    <row r="8444" spans="1:6" x14ac:dyDescent="0.25">
      <c r="A8444">
        <v>153.15</v>
      </c>
      <c r="B8444">
        <v>185.89</v>
      </c>
      <c r="C8444">
        <v>18800</v>
      </c>
      <c r="D8444">
        <v>2.2000000000000002</v>
      </c>
      <c r="E8444">
        <v>20701.900000000001</v>
      </c>
      <c r="F8444">
        <v>26.796500000000002</v>
      </c>
    </row>
    <row r="8445" spans="1:6" x14ac:dyDescent="0.25">
      <c r="A8445">
        <v>153.15</v>
      </c>
      <c r="B8445">
        <v>185.89</v>
      </c>
      <c r="C8445">
        <v>18800</v>
      </c>
      <c r="D8445">
        <v>2.5</v>
      </c>
      <c r="E8445">
        <v>20468.2</v>
      </c>
      <c r="F8445">
        <v>27.2866</v>
      </c>
    </row>
    <row r="8446" spans="1:6" x14ac:dyDescent="0.25">
      <c r="A8446">
        <v>153.15</v>
      </c>
      <c r="B8446">
        <v>185.89</v>
      </c>
      <c r="C8446">
        <v>18800</v>
      </c>
      <c r="D8446">
        <v>2.8</v>
      </c>
      <c r="E8446">
        <v>5678.88</v>
      </c>
      <c r="F8446">
        <v>27.008600000000001</v>
      </c>
    </row>
    <row r="8447" spans="1:6" x14ac:dyDescent="0.25">
      <c r="A8447">
        <v>153.15</v>
      </c>
      <c r="B8447">
        <v>185.89</v>
      </c>
      <c r="C8447">
        <v>18800</v>
      </c>
      <c r="D8447">
        <v>3.1</v>
      </c>
      <c r="E8447">
        <v>5662.21</v>
      </c>
      <c r="F8447">
        <v>26.9758</v>
      </c>
    </row>
    <row r="8448" spans="1:6" x14ac:dyDescent="0.25">
      <c r="A8448">
        <v>153.15</v>
      </c>
      <c r="B8448">
        <v>185.89</v>
      </c>
      <c r="C8448">
        <v>18800</v>
      </c>
      <c r="D8448">
        <v>3.4</v>
      </c>
      <c r="E8448">
        <v>5645.99</v>
      </c>
      <c r="F8448">
        <v>26.9514</v>
      </c>
    </row>
    <row r="8449" spans="1:6" x14ac:dyDescent="0.25">
      <c r="A8449">
        <v>153.15</v>
      </c>
      <c r="B8449">
        <v>185.89</v>
      </c>
      <c r="C8449">
        <v>18800</v>
      </c>
      <c r="D8449">
        <v>3.7</v>
      </c>
      <c r="E8449">
        <v>19696.400000000001</v>
      </c>
      <c r="F8449">
        <v>26.9221</v>
      </c>
    </row>
    <row r="8450" spans="1:6" x14ac:dyDescent="0.25">
      <c r="A8450">
        <v>153.15</v>
      </c>
      <c r="B8450">
        <v>185.89</v>
      </c>
      <c r="C8450">
        <v>18800</v>
      </c>
      <c r="D8450">
        <v>4</v>
      </c>
      <c r="E8450">
        <v>19747.599999999999</v>
      </c>
      <c r="F8450">
        <v>26.905899999999999</v>
      </c>
    </row>
    <row r="8451" spans="1:6" x14ac:dyDescent="0.25">
      <c r="A8451">
        <v>153.15</v>
      </c>
      <c r="B8451">
        <v>189.52</v>
      </c>
      <c r="C8451">
        <v>1800</v>
      </c>
      <c r="D8451">
        <v>1</v>
      </c>
      <c r="E8451">
        <v>5393.52</v>
      </c>
      <c r="F8451">
        <v>41.432000000000002</v>
      </c>
    </row>
    <row r="8452" spans="1:6" x14ac:dyDescent="0.25">
      <c r="A8452">
        <v>153.15</v>
      </c>
      <c r="B8452">
        <v>189.52</v>
      </c>
      <c r="C8452">
        <v>1800</v>
      </c>
      <c r="D8452">
        <v>1.3</v>
      </c>
      <c r="E8452">
        <v>4947.87</v>
      </c>
      <c r="F8452">
        <v>48.907899999999998</v>
      </c>
    </row>
    <row r="8453" spans="1:6" x14ac:dyDescent="0.25">
      <c r="A8453">
        <v>153.15</v>
      </c>
      <c r="B8453">
        <v>189.52</v>
      </c>
      <c r="C8453">
        <v>1800</v>
      </c>
      <c r="D8453">
        <v>1.6</v>
      </c>
      <c r="E8453">
        <v>4455.1499999999996</v>
      </c>
      <c r="F8453">
        <v>56.723300000000002</v>
      </c>
    </row>
    <row r="8454" spans="1:6" x14ac:dyDescent="0.25">
      <c r="A8454">
        <v>153.15</v>
      </c>
      <c r="B8454">
        <v>189.52</v>
      </c>
      <c r="C8454">
        <v>1800</v>
      </c>
      <c r="D8454">
        <v>1.9</v>
      </c>
      <c r="E8454">
        <v>4172.5600000000004</v>
      </c>
      <c r="F8454">
        <v>66.216999999999999</v>
      </c>
    </row>
    <row r="8455" spans="1:6" x14ac:dyDescent="0.25">
      <c r="A8455">
        <v>153.15</v>
      </c>
      <c r="B8455">
        <v>189.52</v>
      </c>
      <c r="C8455">
        <v>1800</v>
      </c>
      <c r="D8455">
        <v>2.2000000000000002</v>
      </c>
      <c r="E8455">
        <v>4000.84</v>
      </c>
      <c r="F8455">
        <v>69.422399999999996</v>
      </c>
    </row>
    <row r="8456" spans="1:6" x14ac:dyDescent="0.25">
      <c r="A8456">
        <v>153.15</v>
      </c>
      <c r="B8456">
        <v>189.52</v>
      </c>
      <c r="C8456">
        <v>1800</v>
      </c>
      <c r="D8456">
        <v>2.5</v>
      </c>
      <c r="E8456">
        <v>3819.14</v>
      </c>
      <c r="F8456">
        <v>75.308899999999994</v>
      </c>
    </row>
    <row r="8457" spans="1:6" x14ac:dyDescent="0.25">
      <c r="A8457">
        <v>153.15</v>
      </c>
      <c r="B8457">
        <v>189.52</v>
      </c>
      <c r="C8457">
        <v>1800</v>
      </c>
      <c r="D8457">
        <v>2.8</v>
      </c>
      <c r="E8457">
        <v>3701.97</v>
      </c>
      <c r="F8457">
        <v>81.485200000000006</v>
      </c>
    </row>
    <row r="8458" spans="1:6" x14ac:dyDescent="0.25">
      <c r="A8458">
        <v>153.15</v>
      </c>
      <c r="B8458">
        <v>189.52</v>
      </c>
      <c r="C8458">
        <v>1800</v>
      </c>
      <c r="D8458">
        <v>3.1</v>
      </c>
      <c r="E8458">
        <v>3591.48</v>
      </c>
      <c r="F8458">
        <v>83.561400000000006</v>
      </c>
    </row>
    <row r="8459" spans="1:6" x14ac:dyDescent="0.25">
      <c r="A8459">
        <v>153.15</v>
      </c>
      <c r="B8459">
        <v>189.52</v>
      </c>
      <c r="C8459">
        <v>1800</v>
      </c>
      <c r="D8459">
        <v>3.4</v>
      </c>
      <c r="E8459">
        <v>3495.92</v>
      </c>
      <c r="F8459">
        <v>87.034099999999995</v>
      </c>
    </row>
    <row r="8460" spans="1:6" x14ac:dyDescent="0.25">
      <c r="A8460">
        <v>153.15</v>
      </c>
      <c r="B8460">
        <v>189.52</v>
      </c>
      <c r="C8460">
        <v>1800</v>
      </c>
      <c r="D8460">
        <v>3.7</v>
      </c>
      <c r="E8460">
        <v>3449.65</v>
      </c>
      <c r="F8460">
        <v>92.391499999999994</v>
      </c>
    </row>
    <row r="8461" spans="1:6" x14ac:dyDescent="0.25">
      <c r="A8461">
        <v>153.15</v>
      </c>
      <c r="B8461">
        <v>189.52</v>
      </c>
      <c r="C8461">
        <v>1800</v>
      </c>
      <c r="D8461">
        <v>4</v>
      </c>
      <c r="E8461">
        <v>3370.5</v>
      </c>
      <c r="F8461">
        <v>95.588999999999999</v>
      </c>
    </row>
    <row r="8462" spans="1:6" x14ac:dyDescent="0.25">
      <c r="A8462">
        <v>153.15</v>
      </c>
      <c r="B8462">
        <v>189.52</v>
      </c>
      <c r="C8462">
        <v>3345.45</v>
      </c>
      <c r="D8462">
        <v>1</v>
      </c>
      <c r="E8462">
        <v>6987.75</v>
      </c>
      <c r="F8462">
        <v>17.952100000000002</v>
      </c>
    </row>
    <row r="8463" spans="1:6" x14ac:dyDescent="0.25">
      <c r="A8463">
        <v>153.15</v>
      </c>
      <c r="B8463">
        <v>189.52</v>
      </c>
      <c r="C8463">
        <v>3345.45</v>
      </c>
      <c r="D8463">
        <v>1.3</v>
      </c>
      <c r="E8463">
        <v>6285.84</v>
      </c>
      <c r="F8463">
        <v>21.626799999999999</v>
      </c>
    </row>
    <row r="8464" spans="1:6" x14ac:dyDescent="0.25">
      <c r="A8464">
        <v>153.15</v>
      </c>
      <c r="B8464">
        <v>189.52</v>
      </c>
      <c r="C8464">
        <v>3345.45</v>
      </c>
      <c r="D8464">
        <v>1.6</v>
      </c>
      <c r="E8464">
        <v>5824.92</v>
      </c>
      <c r="F8464">
        <v>18.8735</v>
      </c>
    </row>
    <row r="8465" spans="1:6" x14ac:dyDescent="0.25">
      <c r="A8465">
        <v>153.15</v>
      </c>
      <c r="B8465">
        <v>189.52</v>
      </c>
      <c r="C8465">
        <v>3345.45</v>
      </c>
      <c r="D8465">
        <v>1.9</v>
      </c>
      <c r="E8465">
        <v>5466.1</v>
      </c>
      <c r="F8465">
        <v>19.203600000000002</v>
      </c>
    </row>
    <row r="8466" spans="1:6" x14ac:dyDescent="0.25">
      <c r="A8466">
        <v>153.15</v>
      </c>
      <c r="B8466">
        <v>189.52</v>
      </c>
      <c r="C8466">
        <v>3345.45</v>
      </c>
      <c r="D8466">
        <v>2.2000000000000002</v>
      </c>
      <c r="E8466">
        <v>5449.32</v>
      </c>
      <c r="F8466">
        <v>25.968900000000001</v>
      </c>
    </row>
    <row r="8467" spans="1:6" x14ac:dyDescent="0.25">
      <c r="A8467">
        <v>153.15</v>
      </c>
      <c r="B8467">
        <v>189.52</v>
      </c>
      <c r="C8467">
        <v>3345.45</v>
      </c>
      <c r="D8467">
        <v>2.5</v>
      </c>
      <c r="E8467">
        <v>5227.08</v>
      </c>
      <c r="F8467">
        <v>24.919499999999999</v>
      </c>
    </row>
    <row r="8468" spans="1:6" x14ac:dyDescent="0.25">
      <c r="A8468">
        <v>153.15</v>
      </c>
      <c r="B8468">
        <v>189.52</v>
      </c>
      <c r="C8468">
        <v>3345.45</v>
      </c>
      <c r="D8468">
        <v>2.8</v>
      </c>
      <c r="E8468">
        <v>5171.79</v>
      </c>
      <c r="F8468">
        <v>19.380099999999999</v>
      </c>
    </row>
    <row r="8469" spans="1:6" x14ac:dyDescent="0.25">
      <c r="A8469">
        <v>153.15</v>
      </c>
      <c r="B8469">
        <v>189.52</v>
      </c>
      <c r="C8469">
        <v>3345.45</v>
      </c>
      <c r="D8469">
        <v>3.1</v>
      </c>
      <c r="E8469">
        <v>5022.84</v>
      </c>
      <c r="F8469">
        <v>18.968299999999999</v>
      </c>
    </row>
    <row r="8470" spans="1:6" x14ac:dyDescent="0.25">
      <c r="A8470">
        <v>153.15</v>
      </c>
      <c r="B8470">
        <v>189.52</v>
      </c>
      <c r="C8470">
        <v>3345.45</v>
      </c>
      <c r="D8470">
        <v>3.4</v>
      </c>
      <c r="E8470">
        <v>4928.59</v>
      </c>
      <c r="F8470">
        <v>21.121300000000002</v>
      </c>
    </row>
    <row r="8471" spans="1:6" x14ac:dyDescent="0.25">
      <c r="A8471">
        <v>153.15</v>
      </c>
      <c r="B8471">
        <v>189.52</v>
      </c>
      <c r="C8471">
        <v>3345.45</v>
      </c>
      <c r="D8471">
        <v>3.7</v>
      </c>
      <c r="E8471">
        <v>4743.84</v>
      </c>
      <c r="F8471">
        <v>22.310300000000002</v>
      </c>
    </row>
    <row r="8472" spans="1:6" x14ac:dyDescent="0.25">
      <c r="A8472">
        <v>153.15</v>
      </c>
      <c r="B8472">
        <v>189.52</v>
      </c>
      <c r="C8472">
        <v>3345.45</v>
      </c>
      <c r="D8472">
        <v>4</v>
      </c>
      <c r="E8472">
        <v>4728.0600000000004</v>
      </c>
      <c r="F8472">
        <v>24.64</v>
      </c>
    </row>
    <row r="8473" spans="1:6" x14ac:dyDescent="0.25">
      <c r="A8473">
        <v>153.15</v>
      </c>
      <c r="B8473">
        <v>189.52</v>
      </c>
      <c r="C8473">
        <v>4890.8999999999996</v>
      </c>
      <c r="D8473">
        <v>1</v>
      </c>
      <c r="E8473">
        <v>8516.74</v>
      </c>
      <c r="F8473">
        <v>25.0593</v>
      </c>
    </row>
    <row r="8474" spans="1:6" x14ac:dyDescent="0.25">
      <c r="A8474">
        <v>153.15</v>
      </c>
      <c r="B8474">
        <v>189.52</v>
      </c>
      <c r="C8474">
        <v>4890.8999999999996</v>
      </c>
      <c r="D8474">
        <v>1.3</v>
      </c>
      <c r="E8474">
        <v>7594.89</v>
      </c>
      <c r="F8474">
        <v>24.986499999999999</v>
      </c>
    </row>
    <row r="8475" spans="1:6" x14ac:dyDescent="0.25">
      <c r="A8475">
        <v>153.15</v>
      </c>
      <c r="B8475">
        <v>189.52</v>
      </c>
      <c r="C8475">
        <v>4890.8999999999996</v>
      </c>
      <c r="D8475">
        <v>1.6</v>
      </c>
      <c r="E8475">
        <v>7307.95</v>
      </c>
      <c r="F8475">
        <v>25.502800000000001</v>
      </c>
    </row>
    <row r="8476" spans="1:6" x14ac:dyDescent="0.25">
      <c r="A8476">
        <v>153.15</v>
      </c>
      <c r="B8476">
        <v>189.52</v>
      </c>
      <c r="C8476">
        <v>4890.8999999999996</v>
      </c>
      <c r="D8476">
        <v>1.9</v>
      </c>
      <c r="E8476">
        <v>7102.63</v>
      </c>
      <c r="F8476">
        <v>26.246500000000001</v>
      </c>
    </row>
    <row r="8477" spans="1:6" x14ac:dyDescent="0.25">
      <c r="A8477">
        <v>153.15</v>
      </c>
      <c r="B8477">
        <v>189.52</v>
      </c>
      <c r="C8477">
        <v>4890.8999999999996</v>
      </c>
      <c r="D8477">
        <v>2.2000000000000002</v>
      </c>
      <c r="E8477">
        <v>6893.06</v>
      </c>
      <c r="F8477">
        <v>26.796500000000002</v>
      </c>
    </row>
    <row r="8478" spans="1:6" x14ac:dyDescent="0.25">
      <c r="A8478">
        <v>153.15</v>
      </c>
      <c r="B8478">
        <v>189.52</v>
      </c>
      <c r="C8478">
        <v>4890.8999999999996</v>
      </c>
      <c r="D8478">
        <v>2.5</v>
      </c>
      <c r="E8478">
        <v>6461.36</v>
      </c>
      <c r="F8478">
        <v>27.2866</v>
      </c>
    </row>
    <row r="8479" spans="1:6" x14ac:dyDescent="0.25">
      <c r="A8479">
        <v>153.15</v>
      </c>
      <c r="B8479">
        <v>189.52</v>
      </c>
      <c r="C8479">
        <v>4890.8999999999996</v>
      </c>
      <c r="D8479">
        <v>2.8</v>
      </c>
      <c r="E8479">
        <v>5678.88</v>
      </c>
      <c r="F8479">
        <v>25.9405</v>
      </c>
    </row>
    <row r="8480" spans="1:6" x14ac:dyDescent="0.25">
      <c r="A8480">
        <v>153.15</v>
      </c>
      <c r="B8480">
        <v>189.52</v>
      </c>
      <c r="C8480">
        <v>4890.8999999999996</v>
      </c>
      <c r="D8480">
        <v>3.1</v>
      </c>
      <c r="E8480">
        <v>5662.21</v>
      </c>
      <c r="F8480">
        <v>25.389199999999999</v>
      </c>
    </row>
    <row r="8481" spans="1:6" x14ac:dyDescent="0.25">
      <c r="A8481">
        <v>153.15</v>
      </c>
      <c r="B8481">
        <v>189.52</v>
      </c>
      <c r="C8481">
        <v>4890.8999999999996</v>
      </c>
      <c r="D8481">
        <v>3.4</v>
      </c>
      <c r="E8481">
        <v>6197.06</v>
      </c>
      <c r="F8481">
        <v>25.649100000000001</v>
      </c>
    </row>
    <row r="8482" spans="1:6" x14ac:dyDescent="0.25">
      <c r="A8482">
        <v>153.15</v>
      </c>
      <c r="B8482">
        <v>189.52</v>
      </c>
      <c r="C8482">
        <v>4890.8999999999996</v>
      </c>
      <c r="D8482">
        <v>3.7</v>
      </c>
      <c r="E8482">
        <v>6105.15</v>
      </c>
      <c r="F8482">
        <v>25.881499999999999</v>
      </c>
    </row>
    <row r="8483" spans="1:6" x14ac:dyDescent="0.25">
      <c r="A8483">
        <v>153.15</v>
      </c>
      <c r="B8483">
        <v>189.52</v>
      </c>
      <c r="C8483">
        <v>4890.8999999999996</v>
      </c>
      <c r="D8483">
        <v>4</v>
      </c>
      <c r="E8483">
        <v>6196.59</v>
      </c>
      <c r="F8483">
        <v>26.045999999999999</v>
      </c>
    </row>
    <row r="8484" spans="1:6" x14ac:dyDescent="0.25">
      <c r="A8484">
        <v>153.15</v>
      </c>
      <c r="B8484">
        <v>189.52</v>
      </c>
      <c r="C8484">
        <v>6436.35</v>
      </c>
      <c r="D8484">
        <v>1</v>
      </c>
      <c r="E8484">
        <v>10160.5</v>
      </c>
      <c r="F8484">
        <v>25.0593</v>
      </c>
    </row>
    <row r="8485" spans="1:6" x14ac:dyDescent="0.25">
      <c r="A8485">
        <v>153.15</v>
      </c>
      <c r="B8485">
        <v>189.52</v>
      </c>
      <c r="C8485">
        <v>6436.35</v>
      </c>
      <c r="D8485">
        <v>1.3</v>
      </c>
      <c r="E8485">
        <v>9277.4</v>
      </c>
      <c r="F8485">
        <v>25.409199999999998</v>
      </c>
    </row>
    <row r="8486" spans="1:6" x14ac:dyDescent="0.25">
      <c r="A8486">
        <v>153.15</v>
      </c>
      <c r="B8486">
        <v>189.52</v>
      </c>
      <c r="C8486">
        <v>6436.35</v>
      </c>
      <c r="D8486">
        <v>1.6</v>
      </c>
      <c r="E8486">
        <v>8970.5499999999993</v>
      </c>
      <c r="F8486">
        <v>25.502800000000001</v>
      </c>
    </row>
    <row r="8487" spans="1:6" x14ac:dyDescent="0.25">
      <c r="A8487">
        <v>153.15</v>
      </c>
      <c r="B8487">
        <v>189.52</v>
      </c>
      <c r="C8487">
        <v>6436.35</v>
      </c>
      <c r="D8487">
        <v>1.9</v>
      </c>
      <c r="E8487">
        <v>8702.93</v>
      </c>
      <c r="F8487">
        <v>26.246500000000001</v>
      </c>
    </row>
    <row r="8488" spans="1:6" x14ac:dyDescent="0.25">
      <c r="A8488">
        <v>153.15</v>
      </c>
      <c r="B8488">
        <v>189.52</v>
      </c>
      <c r="C8488">
        <v>6436.35</v>
      </c>
      <c r="D8488">
        <v>2.2000000000000002</v>
      </c>
      <c r="E8488">
        <v>8222.41</v>
      </c>
      <c r="F8488">
        <v>26.796500000000002</v>
      </c>
    </row>
    <row r="8489" spans="1:6" x14ac:dyDescent="0.25">
      <c r="A8489">
        <v>153.15</v>
      </c>
      <c r="B8489">
        <v>189.52</v>
      </c>
      <c r="C8489">
        <v>6436.35</v>
      </c>
      <c r="D8489">
        <v>2.5</v>
      </c>
      <c r="E8489">
        <v>8149.46</v>
      </c>
      <c r="F8489">
        <v>27.2866</v>
      </c>
    </row>
    <row r="8490" spans="1:6" x14ac:dyDescent="0.25">
      <c r="A8490">
        <v>153.15</v>
      </c>
      <c r="B8490">
        <v>189.52</v>
      </c>
      <c r="C8490">
        <v>6436.35</v>
      </c>
      <c r="D8490">
        <v>2.8</v>
      </c>
      <c r="E8490">
        <v>5678.88</v>
      </c>
      <c r="F8490">
        <v>27.008600000000001</v>
      </c>
    </row>
    <row r="8491" spans="1:6" x14ac:dyDescent="0.25">
      <c r="A8491">
        <v>153.15</v>
      </c>
      <c r="B8491">
        <v>189.52</v>
      </c>
      <c r="C8491">
        <v>6436.35</v>
      </c>
      <c r="D8491">
        <v>3.1</v>
      </c>
      <c r="E8491">
        <v>5662.21</v>
      </c>
      <c r="F8491">
        <v>26.9758</v>
      </c>
    </row>
    <row r="8492" spans="1:6" x14ac:dyDescent="0.25">
      <c r="A8492">
        <v>153.15</v>
      </c>
      <c r="B8492">
        <v>189.52</v>
      </c>
      <c r="C8492">
        <v>6436.35</v>
      </c>
      <c r="D8492">
        <v>3.4</v>
      </c>
      <c r="E8492">
        <v>5645.99</v>
      </c>
      <c r="F8492">
        <v>26.9514</v>
      </c>
    </row>
    <row r="8493" spans="1:6" x14ac:dyDescent="0.25">
      <c r="A8493">
        <v>153.15</v>
      </c>
      <c r="B8493">
        <v>189.52</v>
      </c>
      <c r="C8493">
        <v>6436.35</v>
      </c>
      <c r="D8493">
        <v>3.7</v>
      </c>
      <c r="E8493">
        <v>7425.64</v>
      </c>
      <c r="F8493">
        <v>26.9221</v>
      </c>
    </row>
    <row r="8494" spans="1:6" x14ac:dyDescent="0.25">
      <c r="A8494">
        <v>153.15</v>
      </c>
      <c r="B8494">
        <v>189.52</v>
      </c>
      <c r="C8494">
        <v>6436.35</v>
      </c>
      <c r="D8494">
        <v>4</v>
      </c>
      <c r="E8494">
        <v>7349.19</v>
      </c>
      <c r="F8494">
        <v>26.905899999999999</v>
      </c>
    </row>
    <row r="8495" spans="1:6" x14ac:dyDescent="0.25">
      <c r="A8495">
        <v>153.15</v>
      </c>
      <c r="B8495">
        <v>189.52</v>
      </c>
      <c r="C8495">
        <v>7981.8</v>
      </c>
      <c r="D8495">
        <v>1</v>
      </c>
      <c r="E8495">
        <v>11596.2</v>
      </c>
      <c r="F8495">
        <v>25.0593</v>
      </c>
    </row>
    <row r="8496" spans="1:6" x14ac:dyDescent="0.25">
      <c r="A8496">
        <v>153.15</v>
      </c>
      <c r="B8496">
        <v>189.52</v>
      </c>
      <c r="C8496">
        <v>7981.8</v>
      </c>
      <c r="D8496">
        <v>1.3</v>
      </c>
      <c r="E8496">
        <v>10777.6</v>
      </c>
      <c r="F8496">
        <v>25.409199999999998</v>
      </c>
    </row>
    <row r="8497" spans="1:6" x14ac:dyDescent="0.25">
      <c r="A8497">
        <v>153.15</v>
      </c>
      <c r="B8497">
        <v>189.52</v>
      </c>
      <c r="C8497">
        <v>7981.8</v>
      </c>
      <c r="D8497">
        <v>1.6</v>
      </c>
      <c r="E8497">
        <v>10414</v>
      </c>
      <c r="F8497">
        <v>25.502800000000001</v>
      </c>
    </row>
    <row r="8498" spans="1:6" x14ac:dyDescent="0.25">
      <c r="A8498">
        <v>153.15</v>
      </c>
      <c r="B8498">
        <v>189.52</v>
      </c>
      <c r="C8498">
        <v>7981.8</v>
      </c>
      <c r="D8498">
        <v>1.9</v>
      </c>
      <c r="E8498">
        <v>10132.799999999999</v>
      </c>
      <c r="F8498">
        <v>26.246500000000001</v>
      </c>
    </row>
    <row r="8499" spans="1:6" x14ac:dyDescent="0.25">
      <c r="A8499">
        <v>153.15</v>
      </c>
      <c r="B8499">
        <v>189.52</v>
      </c>
      <c r="C8499">
        <v>7981.8</v>
      </c>
      <c r="D8499">
        <v>2.2000000000000002</v>
      </c>
      <c r="E8499">
        <v>9896.52</v>
      </c>
      <c r="F8499">
        <v>26.796500000000002</v>
      </c>
    </row>
    <row r="8500" spans="1:6" x14ac:dyDescent="0.25">
      <c r="A8500">
        <v>153.15</v>
      </c>
      <c r="B8500">
        <v>189.52</v>
      </c>
      <c r="C8500">
        <v>7981.8</v>
      </c>
      <c r="D8500">
        <v>2.5</v>
      </c>
      <c r="E8500">
        <v>9656.33</v>
      </c>
      <c r="F8500">
        <v>27.2866</v>
      </c>
    </row>
    <row r="8501" spans="1:6" x14ac:dyDescent="0.25">
      <c r="A8501">
        <v>153.15</v>
      </c>
      <c r="B8501">
        <v>189.52</v>
      </c>
      <c r="C8501">
        <v>7981.8</v>
      </c>
      <c r="D8501">
        <v>2.8</v>
      </c>
      <c r="E8501">
        <v>5678.88</v>
      </c>
      <c r="F8501">
        <v>27.008600000000001</v>
      </c>
    </row>
    <row r="8502" spans="1:6" x14ac:dyDescent="0.25">
      <c r="A8502">
        <v>153.15</v>
      </c>
      <c r="B8502">
        <v>189.52</v>
      </c>
      <c r="C8502">
        <v>7981.8</v>
      </c>
      <c r="D8502">
        <v>3.1</v>
      </c>
      <c r="E8502">
        <v>5662.21</v>
      </c>
      <c r="F8502">
        <v>26.9758</v>
      </c>
    </row>
    <row r="8503" spans="1:6" x14ac:dyDescent="0.25">
      <c r="A8503">
        <v>153.15</v>
      </c>
      <c r="B8503">
        <v>189.52</v>
      </c>
      <c r="C8503">
        <v>7981.8</v>
      </c>
      <c r="D8503">
        <v>3.4</v>
      </c>
      <c r="E8503">
        <v>5645.99</v>
      </c>
      <c r="F8503">
        <v>26.9514</v>
      </c>
    </row>
    <row r="8504" spans="1:6" x14ac:dyDescent="0.25">
      <c r="A8504">
        <v>153.15</v>
      </c>
      <c r="B8504">
        <v>189.52</v>
      </c>
      <c r="C8504">
        <v>7981.8</v>
      </c>
      <c r="D8504">
        <v>3.7</v>
      </c>
      <c r="E8504">
        <v>8991.85</v>
      </c>
      <c r="F8504">
        <v>26.9221</v>
      </c>
    </row>
    <row r="8505" spans="1:6" x14ac:dyDescent="0.25">
      <c r="A8505">
        <v>153.15</v>
      </c>
      <c r="B8505">
        <v>189.52</v>
      </c>
      <c r="C8505">
        <v>7981.8</v>
      </c>
      <c r="D8505">
        <v>4</v>
      </c>
      <c r="E8505">
        <v>8953.64</v>
      </c>
      <c r="F8505">
        <v>26.905899999999999</v>
      </c>
    </row>
    <row r="8506" spans="1:6" x14ac:dyDescent="0.25">
      <c r="A8506">
        <v>153.15</v>
      </c>
      <c r="B8506">
        <v>189.52</v>
      </c>
      <c r="C8506">
        <v>9527.25</v>
      </c>
      <c r="D8506">
        <v>1</v>
      </c>
      <c r="E8506">
        <v>13265.6</v>
      </c>
      <c r="F8506">
        <v>25.0593</v>
      </c>
    </row>
    <row r="8507" spans="1:6" x14ac:dyDescent="0.25">
      <c r="A8507">
        <v>153.15</v>
      </c>
      <c r="B8507">
        <v>189.52</v>
      </c>
      <c r="C8507">
        <v>9527.25</v>
      </c>
      <c r="D8507">
        <v>1.3</v>
      </c>
      <c r="E8507">
        <v>12237.1</v>
      </c>
      <c r="F8507">
        <v>25.409199999999998</v>
      </c>
    </row>
    <row r="8508" spans="1:6" x14ac:dyDescent="0.25">
      <c r="A8508">
        <v>153.15</v>
      </c>
      <c r="B8508">
        <v>189.52</v>
      </c>
      <c r="C8508">
        <v>9527.25</v>
      </c>
      <c r="D8508">
        <v>1.6</v>
      </c>
      <c r="E8508">
        <v>11944.4</v>
      </c>
      <c r="F8508">
        <v>25.502800000000001</v>
      </c>
    </row>
    <row r="8509" spans="1:6" x14ac:dyDescent="0.25">
      <c r="A8509">
        <v>153.15</v>
      </c>
      <c r="B8509">
        <v>189.52</v>
      </c>
      <c r="C8509">
        <v>9527.25</v>
      </c>
      <c r="D8509">
        <v>1.9</v>
      </c>
      <c r="E8509">
        <v>11673.8</v>
      </c>
      <c r="F8509">
        <v>26.246500000000001</v>
      </c>
    </row>
    <row r="8510" spans="1:6" x14ac:dyDescent="0.25">
      <c r="A8510">
        <v>153.15</v>
      </c>
      <c r="B8510">
        <v>189.52</v>
      </c>
      <c r="C8510">
        <v>9527.25</v>
      </c>
      <c r="D8510">
        <v>2.2000000000000002</v>
      </c>
      <c r="E8510">
        <v>11386.6</v>
      </c>
      <c r="F8510">
        <v>26.796500000000002</v>
      </c>
    </row>
    <row r="8511" spans="1:6" x14ac:dyDescent="0.25">
      <c r="A8511">
        <v>153.15</v>
      </c>
      <c r="B8511">
        <v>189.52</v>
      </c>
      <c r="C8511">
        <v>9527.25</v>
      </c>
      <c r="D8511">
        <v>2.5</v>
      </c>
      <c r="E8511">
        <v>11271</v>
      </c>
      <c r="F8511">
        <v>27.2866</v>
      </c>
    </row>
    <row r="8512" spans="1:6" x14ac:dyDescent="0.25">
      <c r="A8512">
        <v>153.15</v>
      </c>
      <c r="B8512">
        <v>189.52</v>
      </c>
      <c r="C8512">
        <v>9527.25</v>
      </c>
      <c r="D8512">
        <v>2.8</v>
      </c>
      <c r="E8512">
        <v>5678.88</v>
      </c>
      <c r="F8512">
        <v>27.008600000000001</v>
      </c>
    </row>
    <row r="8513" spans="1:6" x14ac:dyDescent="0.25">
      <c r="A8513">
        <v>153.15</v>
      </c>
      <c r="B8513">
        <v>189.52</v>
      </c>
      <c r="C8513">
        <v>9527.25</v>
      </c>
      <c r="D8513">
        <v>3.1</v>
      </c>
      <c r="E8513">
        <v>5662.21</v>
      </c>
      <c r="F8513">
        <v>26.9758</v>
      </c>
    </row>
    <row r="8514" spans="1:6" x14ac:dyDescent="0.25">
      <c r="A8514">
        <v>153.15</v>
      </c>
      <c r="B8514">
        <v>189.52</v>
      </c>
      <c r="C8514">
        <v>9527.25</v>
      </c>
      <c r="D8514">
        <v>3.4</v>
      </c>
      <c r="E8514">
        <v>5645.99</v>
      </c>
      <c r="F8514">
        <v>26.9514</v>
      </c>
    </row>
    <row r="8515" spans="1:6" x14ac:dyDescent="0.25">
      <c r="A8515">
        <v>153.15</v>
      </c>
      <c r="B8515">
        <v>189.52</v>
      </c>
      <c r="C8515">
        <v>9527.25</v>
      </c>
      <c r="D8515">
        <v>3.7</v>
      </c>
      <c r="E8515">
        <v>10522.9</v>
      </c>
      <c r="F8515">
        <v>26.9221</v>
      </c>
    </row>
    <row r="8516" spans="1:6" x14ac:dyDescent="0.25">
      <c r="A8516">
        <v>153.15</v>
      </c>
      <c r="B8516">
        <v>189.52</v>
      </c>
      <c r="C8516">
        <v>9527.25</v>
      </c>
      <c r="D8516">
        <v>4</v>
      </c>
      <c r="E8516">
        <v>10492.2</v>
      </c>
      <c r="F8516">
        <v>26.905899999999999</v>
      </c>
    </row>
    <row r="8517" spans="1:6" x14ac:dyDescent="0.25">
      <c r="A8517">
        <v>153.15</v>
      </c>
      <c r="B8517">
        <v>189.52</v>
      </c>
      <c r="C8517">
        <v>11072.7</v>
      </c>
      <c r="D8517">
        <v>1</v>
      </c>
      <c r="E8517">
        <v>14560.3</v>
      </c>
      <c r="F8517">
        <v>25.0593</v>
      </c>
    </row>
    <row r="8518" spans="1:6" x14ac:dyDescent="0.25">
      <c r="A8518">
        <v>153.15</v>
      </c>
      <c r="B8518">
        <v>189.52</v>
      </c>
      <c r="C8518">
        <v>11072.7</v>
      </c>
      <c r="D8518">
        <v>1.3</v>
      </c>
      <c r="E8518">
        <v>13833.9</v>
      </c>
      <c r="F8518">
        <v>25.409199999999998</v>
      </c>
    </row>
    <row r="8519" spans="1:6" x14ac:dyDescent="0.25">
      <c r="A8519">
        <v>153.15</v>
      </c>
      <c r="B8519">
        <v>189.52</v>
      </c>
      <c r="C8519">
        <v>11072.7</v>
      </c>
      <c r="D8519">
        <v>1.6</v>
      </c>
      <c r="E8519">
        <v>13468.4</v>
      </c>
      <c r="F8519">
        <v>25.502800000000001</v>
      </c>
    </row>
    <row r="8520" spans="1:6" x14ac:dyDescent="0.25">
      <c r="A8520">
        <v>153.15</v>
      </c>
      <c r="B8520">
        <v>189.52</v>
      </c>
      <c r="C8520">
        <v>11072.7</v>
      </c>
      <c r="D8520">
        <v>1.9</v>
      </c>
      <c r="E8520">
        <v>13166</v>
      </c>
      <c r="F8520">
        <v>26.246500000000001</v>
      </c>
    </row>
    <row r="8521" spans="1:6" x14ac:dyDescent="0.25">
      <c r="A8521">
        <v>153.15</v>
      </c>
      <c r="B8521">
        <v>189.52</v>
      </c>
      <c r="C8521">
        <v>11072.7</v>
      </c>
      <c r="D8521">
        <v>2.2000000000000002</v>
      </c>
      <c r="E8521">
        <v>12865</v>
      </c>
      <c r="F8521">
        <v>26.796500000000002</v>
      </c>
    </row>
    <row r="8522" spans="1:6" x14ac:dyDescent="0.25">
      <c r="A8522">
        <v>153.15</v>
      </c>
      <c r="B8522">
        <v>189.52</v>
      </c>
      <c r="C8522">
        <v>11072.7</v>
      </c>
      <c r="D8522">
        <v>2.5</v>
      </c>
      <c r="E8522">
        <v>12741.9</v>
      </c>
      <c r="F8522">
        <v>27.2866</v>
      </c>
    </row>
    <row r="8523" spans="1:6" x14ac:dyDescent="0.25">
      <c r="A8523">
        <v>153.15</v>
      </c>
      <c r="B8523">
        <v>189.52</v>
      </c>
      <c r="C8523">
        <v>11072.7</v>
      </c>
      <c r="D8523">
        <v>2.8</v>
      </c>
      <c r="E8523">
        <v>5678.88</v>
      </c>
      <c r="F8523">
        <v>27.008600000000001</v>
      </c>
    </row>
    <row r="8524" spans="1:6" x14ac:dyDescent="0.25">
      <c r="A8524">
        <v>153.15</v>
      </c>
      <c r="B8524">
        <v>189.52</v>
      </c>
      <c r="C8524">
        <v>11072.7</v>
      </c>
      <c r="D8524">
        <v>3.1</v>
      </c>
      <c r="E8524">
        <v>5662.21</v>
      </c>
      <c r="F8524">
        <v>26.9758</v>
      </c>
    </row>
    <row r="8525" spans="1:6" x14ac:dyDescent="0.25">
      <c r="A8525">
        <v>153.15</v>
      </c>
      <c r="B8525">
        <v>189.52</v>
      </c>
      <c r="C8525">
        <v>11072.7</v>
      </c>
      <c r="D8525">
        <v>3.4</v>
      </c>
      <c r="E8525">
        <v>5645.99</v>
      </c>
      <c r="F8525">
        <v>26.9514</v>
      </c>
    </row>
    <row r="8526" spans="1:6" x14ac:dyDescent="0.25">
      <c r="A8526">
        <v>153.15</v>
      </c>
      <c r="B8526">
        <v>189.52</v>
      </c>
      <c r="C8526">
        <v>11072.7</v>
      </c>
      <c r="D8526">
        <v>3.7</v>
      </c>
      <c r="E8526">
        <v>11971.8</v>
      </c>
      <c r="F8526">
        <v>26.9221</v>
      </c>
    </row>
    <row r="8527" spans="1:6" x14ac:dyDescent="0.25">
      <c r="A8527">
        <v>153.15</v>
      </c>
      <c r="B8527">
        <v>189.52</v>
      </c>
      <c r="C8527">
        <v>11072.7</v>
      </c>
      <c r="D8527">
        <v>4</v>
      </c>
      <c r="E8527">
        <v>11955.9</v>
      </c>
      <c r="F8527">
        <v>26.905899999999999</v>
      </c>
    </row>
    <row r="8528" spans="1:6" x14ac:dyDescent="0.25">
      <c r="A8528">
        <v>153.15</v>
      </c>
      <c r="B8528">
        <v>189.52</v>
      </c>
      <c r="C8528">
        <v>12618.2</v>
      </c>
      <c r="D8528">
        <v>1</v>
      </c>
      <c r="E8528">
        <v>16042</v>
      </c>
      <c r="F8528">
        <v>25.0593</v>
      </c>
    </row>
    <row r="8529" spans="1:6" x14ac:dyDescent="0.25">
      <c r="A8529">
        <v>153.15</v>
      </c>
      <c r="B8529">
        <v>189.52</v>
      </c>
      <c r="C8529">
        <v>12618.2</v>
      </c>
      <c r="D8529">
        <v>1.3</v>
      </c>
      <c r="E8529">
        <v>15537.2</v>
      </c>
      <c r="F8529">
        <v>25.409199999999998</v>
      </c>
    </row>
    <row r="8530" spans="1:6" x14ac:dyDescent="0.25">
      <c r="A8530">
        <v>153.15</v>
      </c>
      <c r="B8530">
        <v>189.52</v>
      </c>
      <c r="C8530">
        <v>12618.2</v>
      </c>
      <c r="D8530">
        <v>1.6</v>
      </c>
      <c r="E8530">
        <v>14952.4</v>
      </c>
      <c r="F8530">
        <v>25.502800000000001</v>
      </c>
    </row>
    <row r="8531" spans="1:6" x14ac:dyDescent="0.25">
      <c r="A8531">
        <v>153.15</v>
      </c>
      <c r="B8531">
        <v>189.52</v>
      </c>
      <c r="C8531">
        <v>12618.2</v>
      </c>
      <c r="D8531">
        <v>1.9</v>
      </c>
      <c r="E8531">
        <v>14819.4</v>
      </c>
      <c r="F8531">
        <v>26.246500000000001</v>
      </c>
    </row>
    <row r="8532" spans="1:6" x14ac:dyDescent="0.25">
      <c r="A8532">
        <v>153.15</v>
      </c>
      <c r="B8532">
        <v>189.52</v>
      </c>
      <c r="C8532">
        <v>12618.2</v>
      </c>
      <c r="D8532">
        <v>2.2000000000000002</v>
      </c>
      <c r="E8532">
        <v>14510.7</v>
      </c>
      <c r="F8532">
        <v>26.796500000000002</v>
      </c>
    </row>
    <row r="8533" spans="1:6" x14ac:dyDescent="0.25">
      <c r="A8533">
        <v>153.15</v>
      </c>
      <c r="B8533">
        <v>189.52</v>
      </c>
      <c r="C8533">
        <v>12618.2</v>
      </c>
      <c r="D8533">
        <v>2.5</v>
      </c>
      <c r="E8533">
        <v>14248.4</v>
      </c>
      <c r="F8533">
        <v>27.2866</v>
      </c>
    </row>
    <row r="8534" spans="1:6" x14ac:dyDescent="0.25">
      <c r="A8534">
        <v>153.15</v>
      </c>
      <c r="B8534">
        <v>189.52</v>
      </c>
      <c r="C8534">
        <v>12618.2</v>
      </c>
      <c r="D8534">
        <v>2.8</v>
      </c>
      <c r="E8534">
        <v>5678.88</v>
      </c>
      <c r="F8534">
        <v>27.008600000000001</v>
      </c>
    </row>
    <row r="8535" spans="1:6" x14ac:dyDescent="0.25">
      <c r="A8535">
        <v>153.15</v>
      </c>
      <c r="B8535">
        <v>189.52</v>
      </c>
      <c r="C8535">
        <v>12618.2</v>
      </c>
      <c r="D8535">
        <v>3.1</v>
      </c>
      <c r="E8535">
        <v>5662.21</v>
      </c>
      <c r="F8535">
        <v>26.9758</v>
      </c>
    </row>
    <row r="8536" spans="1:6" x14ac:dyDescent="0.25">
      <c r="A8536">
        <v>153.15</v>
      </c>
      <c r="B8536">
        <v>189.52</v>
      </c>
      <c r="C8536">
        <v>12618.2</v>
      </c>
      <c r="D8536">
        <v>3.4</v>
      </c>
      <c r="E8536">
        <v>5645.99</v>
      </c>
      <c r="F8536">
        <v>26.9514</v>
      </c>
    </row>
    <row r="8537" spans="1:6" x14ac:dyDescent="0.25">
      <c r="A8537">
        <v>153.15</v>
      </c>
      <c r="B8537">
        <v>189.52</v>
      </c>
      <c r="C8537">
        <v>12618.2</v>
      </c>
      <c r="D8537">
        <v>3.7</v>
      </c>
      <c r="E8537">
        <v>13554.2</v>
      </c>
      <c r="F8537">
        <v>26.9221</v>
      </c>
    </row>
    <row r="8538" spans="1:6" x14ac:dyDescent="0.25">
      <c r="A8538">
        <v>153.15</v>
      </c>
      <c r="B8538">
        <v>189.52</v>
      </c>
      <c r="C8538">
        <v>12618.2</v>
      </c>
      <c r="D8538">
        <v>4</v>
      </c>
      <c r="E8538">
        <v>13504.5</v>
      </c>
      <c r="F8538">
        <v>26.905899999999999</v>
      </c>
    </row>
    <row r="8539" spans="1:6" x14ac:dyDescent="0.25">
      <c r="A8539">
        <v>153.15</v>
      </c>
      <c r="B8539">
        <v>189.52</v>
      </c>
      <c r="C8539">
        <v>14163.6</v>
      </c>
      <c r="D8539">
        <v>1</v>
      </c>
      <c r="E8539">
        <v>17763</v>
      </c>
      <c r="F8539">
        <v>25.0593</v>
      </c>
    </row>
    <row r="8540" spans="1:6" x14ac:dyDescent="0.25">
      <c r="A8540">
        <v>153.15</v>
      </c>
      <c r="B8540">
        <v>189.52</v>
      </c>
      <c r="C8540">
        <v>14163.6</v>
      </c>
      <c r="D8540">
        <v>1.3</v>
      </c>
      <c r="E8540">
        <v>16982.8</v>
      </c>
      <c r="F8540">
        <v>25.409199999999998</v>
      </c>
    </row>
    <row r="8541" spans="1:6" x14ac:dyDescent="0.25">
      <c r="A8541">
        <v>153.15</v>
      </c>
      <c r="B8541">
        <v>189.52</v>
      </c>
      <c r="C8541">
        <v>14163.6</v>
      </c>
      <c r="D8541">
        <v>1.6</v>
      </c>
      <c r="E8541">
        <v>16594.3</v>
      </c>
      <c r="F8541">
        <v>25.502800000000001</v>
      </c>
    </row>
    <row r="8542" spans="1:6" x14ac:dyDescent="0.25">
      <c r="A8542">
        <v>153.15</v>
      </c>
      <c r="B8542">
        <v>189.52</v>
      </c>
      <c r="C8542">
        <v>14163.6</v>
      </c>
      <c r="D8542">
        <v>1.9</v>
      </c>
      <c r="E8542">
        <v>16207.7</v>
      </c>
      <c r="F8542">
        <v>26.246500000000001</v>
      </c>
    </row>
    <row r="8543" spans="1:6" x14ac:dyDescent="0.25">
      <c r="A8543">
        <v>153.15</v>
      </c>
      <c r="B8543">
        <v>189.52</v>
      </c>
      <c r="C8543">
        <v>14163.6</v>
      </c>
      <c r="D8543">
        <v>2.2000000000000002</v>
      </c>
      <c r="E8543">
        <v>16038.7</v>
      </c>
      <c r="F8543">
        <v>26.796500000000002</v>
      </c>
    </row>
    <row r="8544" spans="1:6" x14ac:dyDescent="0.25">
      <c r="A8544">
        <v>153.15</v>
      </c>
      <c r="B8544">
        <v>189.52</v>
      </c>
      <c r="C8544">
        <v>14163.6</v>
      </c>
      <c r="D8544">
        <v>2.5</v>
      </c>
      <c r="E8544">
        <v>15754.3</v>
      </c>
      <c r="F8544">
        <v>27.2866</v>
      </c>
    </row>
    <row r="8545" spans="1:6" x14ac:dyDescent="0.25">
      <c r="A8545">
        <v>153.15</v>
      </c>
      <c r="B8545">
        <v>189.52</v>
      </c>
      <c r="C8545">
        <v>14163.6</v>
      </c>
      <c r="D8545">
        <v>2.8</v>
      </c>
      <c r="E8545">
        <v>5678.88</v>
      </c>
      <c r="F8545">
        <v>27.008600000000001</v>
      </c>
    </row>
    <row r="8546" spans="1:6" x14ac:dyDescent="0.25">
      <c r="A8546">
        <v>153.15</v>
      </c>
      <c r="B8546">
        <v>189.52</v>
      </c>
      <c r="C8546">
        <v>14163.6</v>
      </c>
      <c r="D8546">
        <v>3.1</v>
      </c>
      <c r="E8546">
        <v>5662.21</v>
      </c>
      <c r="F8546">
        <v>26.9758</v>
      </c>
    </row>
    <row r="8547" spans="1:6" x14ac:dyDescent="0.25">
      <c r="A8547">
        <v>153.15</v>
      </c>
      <c r="B8547">
        <v>189.52</v>
      </c>
      <c r="C8547">
        <v>14163.6</v>
      </c>
      <c r="D8547">
        <v>3.4</v>
      </c>
      <c r="E8547">
        <v>5645.99</v>
      </c>
      <c r="F8547">
        <v>26.9514</v>
      </c>
    </row>
    <row r="8548" spans="1:6" x14ac:dyDescent="0.25">
      <c r="A8548">
        <v>153.15</v>
      </c>
      <c r="B8548">
        <v>189.52</v>
      </c>
      <c r="C8548">
        <v>14163.6</v>
      </c>
      <c r="D8548">
        <v>3.7</v>
      </c>
      <c r="E8548">
        <v>15143.2</v>
      </c>
      <c r="F8548">
        <v>26.9221</v>
      </c>
    </row>
    <row r="8549" spans="1:6" x14ac:dyDescent="0.25">
      <c r="A8549">
        <v>153.15</v>
      </c>
      <c r="B8549">
        <v>189.52</v>
      </c>
      <c r="C8549">
        <v>14163.6</v>
      </c>
      <c r="D8549">
        <v>4</v>
      </c>
      <c r="E8549">
        <v>15093.9</v>
      </c>
      <c r="F8549">
        <v>26.905899999999999</v>
      </c>
    </row>
    <row r="8550" spans="1:6" x14ac:dyDescent="0.25">
      <c r="A8550">
        <v>153.15</v>
      </c>
      <c r="B8550">
        <v>189.52</v>
      </c>
      <c r="C8550">
        <v>15709.1</v>
      </c>
      <c r="D8550">
        <v>1</v>
      </c>
      <c r="E8550">
        <v>19467.900000000001</v>
      </c>
      <c r="F8550">
        <v>25.0593</v>
      </c>
    </row>
    <row r="8551" spans="1:6" x14ac:dyDescent="0.25">
      <c r="A8551">
        <v>153.15</v>
      </c>
      <c r="B8551">
        <v>189.52</v>
      </c>
      <c r="C8551">
        <v>15709.1</v>
      </c>
      <c r="D8551">
        <v>1.3</v>
      </c>
      <c r="E8551">
        <v>18393.8</v>
      </c>
      <c r="F8551">
        <v>25.409199999999998</v>
      </c>
    </row>
    <row r="8552" spans="1:6" x14ac:dyDescent="0.25">
      <c r="A8552">
        <v>153.15</v>
      </c>
      <c r="B8552">
        <v>189.52</v>
      </c>
      <c r="C8552">
        <v>15709.1</v>
      </c>
      <c r="D8552">
        <v>1.6</v>
      </c>
      <c r="E8552">
        <v>18146.900000000001</v>
      </c>
      <c r="F8552">
        <v>25.502800000000001</v>
      </c>
    </row>
    <row r="8553" spans="1:6" x14ac:dyDescent="0.25">
      <c r="A8553">
        <v>153.15</v>
      </c>
      <c r="B8553">
        <v>189.52</v>
      </c>
      <c r="C8553">
        <v>15709.1</v>
      </c>
      <c r="D8553">
        <v>1.9</v>
      </c>
      <c r="E8553">
        <v>17800.099999999999</v>
      </c>
      <c r="F8553">
        <v>26.246500000000001</v>
      </c>
    </row>
    <row r="8554" spans="1:6" x14ac:dyDescent="0.25">
      <c r="A8554">
        <v>153.15</v>
      </c>
      <c r="B8554">
        <v>189.52</v>
      </c>
      <c r="C8554">
        <v>15709.1</v>
      </c>
      <c r="D8554">
        <v>2.2000000000000002</v>
      </c>
      <c r="E8554">
        <v>17588.099999999999</v>
      </c>
      <c r="F8554">
        <v>26.796500000000002</v>
      </c>
    </row>
    <row r="8555" spans="1:6" x14ac:dyDescent="0.25">
      <c r="A8555">
        <v>153.15</v>
      </c>
      <c r="B8555">
        <v>189.52</v>
      </c>
      <c r="C8555">
        <v>15709.1</v>
      </c>
      <c r="D8555">
        <v>2.5</v>
      </c>
      <c r="E8555">
        <v>17328.900000000001</v>
      </c>
      <c r="F8555">
        <v>27.2866</v>
      </c>
    </row>
    <row r="8556" spans="1:6" x14ac:dyDescent="0.25">
      <c r="A8556">
        <v>153.15</v>
      </c>
      <c r="B8556">
        <v>189.52</v>
      </c>
      <c r="C8556">
        <v>15709.1</v>
      </c>
      <c r="D8556">
        <v>2.8</v>
      </c>
      <c r="E8556">
        <v>5678.88</v>
      </c>
      <c r="F8556">
        <v>27.008600000000001</v>
      </c>
    </row>
    <row r="8557" spans="1:6" x14ac:dyDescent="0.25">
      <c r="A8557">
        <v>153.15</v>
      </c>
      <c r="B8557">
        <v>189.52</v>
      </c>
      <c r="C8557">
        <v>15709.1</v>
      </c>
      <c r="D8557">
        <v>3.1</v>
      </c>
      <c r="E8557">
        <v>5662.21</v>
      </c>
      <c r="F8557">
        <v>26.9758</v>
      </c>
    </row>
    <row r="8558" spans="1:6" x14ac:dyDescent="0.25">
      <c r="A8558">
        <v>153.15</v>
      </c>
      <c r="B8558">
        <v>189.52</v>
      </c>
      <c r="C8558">
        <v>15709.1</v>
      </c>
      <c r="D8558">
        <v>3.4</v>
      </c>
      <c r="E8558">
        <v>5645.99</v>
      </c>
      <c r="F8558">
        <v>26.9514</v>
      </c>
    </row>
    <row r="8559" spans="1:6" x14ac:dyDescent="0.25">
      <c r="A8559">
        <v>153.15</v>
      </c>
      <c r="B8559">
        <v>189.52</v>
      </c>
      <c r="C8559">
        <v>15709.1</v>
      </c>
      <c r="D8559">
        <v>3.7</v>
      </c>
      <c r="E8559">
        <v>16673.900000000001</v>
      </c>
      <c r="F8559">
        <v>26.9221</v>
      </c>
    </row>
    <row r="8560" spans="1:6" x14ac:dyDescent="0.25">
      <c r="A8560">
        <v>153.15</v>
      </c>
      <c r="B8560">
        <v>189.52</v>
      </c>
      <c r="C8560">
        <v>15709.1</v>
      </c>
      <c r="D8560">
        <v>4</v>
      </c>
      <c r="E8560">
        <v>16623.8</v>
      </c>
      <c r="F8560">
        <v>26.905899999999999</v>
      </c>
    </row>
    <row r="8561" spans="1:6" x14ac:dyDescent="0.25">
      <c r="A8561">
        <v>153.15</v>
      </c>
      <c r="B8561">
        <v>189.52</v>
      </c>
      <c r="C8561">
        <v>17254.5</v>
      </c>
      <c r="D8561">
        <v>1</v>
      </c>
      <c r="E8561">
        <v>20822</v>
      </c>
      <c r="F8561">
        <v>25.0593</v>
      </c>
    </row>
    <row r="8562" spans="1:6" x14ac:dyDescent="0.25">
      <c r="A8562">
        <v>153.15</v>
      </c>
      <c r="B8562">
        <v>189.52</v>
      </c>
      <c r="C8562">
        <v>17254.5</v>
      </c>
      <c r="D8562">
        <v>1.3</v>
      </c>
      <c r="E8562">
        <v>20171.8</v>
      </c>
      <c r="F8562">
        <v>25.409199999999998</v>
      </c>
    </row>
    <row r="8563" spans="1:6" x14ac:dyDescent="0.25">
      <c r="A8563">
        <v>153.15</v>
      </c>
      <c r="B8563">
        <v>189.52</v>
      </c>
      <c r="C8563">
        <v>17254.5</v>
      </c>
      <c r="D8563">
        <v>1.6</v>
      </c>
      <c r="E8563">
        <v>19569.400000000001</v>
      </c>
      <c r="F8563">
        <v>25.502800000000001</v>
      </c>
    </row>
    <row r="8564" spans="1:6" x14ac:dyDescent="0.25">
      <c r="A8564">
        <v>153.15</v>
      </c>
      <c r="B8564">
        <v>189.52</v>
      </c>
      <c r="C8564">
        <v>17254.5</v>
      </c>
      <c r="D8564">
        <v>1.9</v>
      </c>
      <c r="E8564">
        <v>19266.599999999999</v>
      </c>
      <c r="F8564">
        <v>26.246500000000001</v>
      </c>
    </row>
    <row r="8565" spans="1:6" x14ac:dyDescent="0.25">
      <c r="A8565">
        <v>153.15</v>
      </c>
      <c r="B8565">
        <v>189.52</v>
      </c>
      <c r="C8565">
        <v>17254.5</v>
      </c>
      <c r="D8565">
        <v>2.2000000000000002</v>
      </c>
      <c r="E8565">
        <v>19145.8</v>
      </c>
      <c r="F8565">
        <v>26.796500000000002</v>
      </c>
    </row>
    <row r="8566" spans="1:6" x14ac:dyDescent="0.25">
      <c r="A8566">
        <v>153.15</v>
      </c>
      <c r="B8566">
        <v>189.52</v>
      </c>
      <c r="C8566">
        <v>17254.5</v>
      </c>
      <c r="D8566">
        <v>2.5</v>
      </c>
      <c r="E8566">
        <v>18910.3</v>
      </c>
      <c r="F8566">
        <v>27.2866</v>
      </c>
    </row>
    <row r="8567" spans="1:6" x14ac:dyDescent="0.25">
      <c r="A8567">
        <v>153.15</v>
      </c>
      <c r="B8567">
        <v>189.52</v>
      </c>
      <c r="C8567">
        <v>17254.5</v>
      </c>
      <c r="D8567">
        <v>2.8</v>
      </c>
      <c r="E8567">
        <v>5678.88</v>
      </c>
      <c r="F8567">
        <v>27.008600000000001</v>
      </c>
    </row>
    <row r="8568" spans="1:6" x14ac:dyDescent="0.25">
      <c r="A8568">
        <v>153.15</v>
      </c>
      <c r="B8568">
        <v>189.52</v>
      </c>
      <c r="C8568">
        <v>17254.5</v>
      </c>
      <c r="D8568">
        <v>3.1</v>
      </c>
      <c r="E8568">
        <v>5662.21</v>
      </c>
      <c r="F8568">
        <v>26.9758</v>
      </c>
    </row>
    <row r="8569" spans="1:6" x14ac:dyDescent="0.25">
      <c r="A8569">
        <v>153.15</v>
      </c>
      <c r="B8569">
        <v>189.52</v>
      </c>
      <c r="C8569">
        <v>17254.5</v>
      </c>
      <c r="D8569">
        <v>3.4</v>
      </c>
      <c r="E8569">
        <v>5645.99</v>
      </c>
      <c r="F8569">
        <v>26.9514</v>
      </c>
    </row>
    <row r="8570" spans="1:6" x14ac:dyDescent="0.25">
      <c r="A8570">
        <v>153.15</v>
      </c>
      <c r="B8570">
        <v>189.52</v>
      </c>
      <c r="C8570">
        <v>17254.5</v>
      </c>
      <c r="D8570">
        <v>3.7</v>
      </c>
      <c r="E8570">
        <v>18156</v>
      </c>
      <c r="F8570">
        <v>26.9221</v>
      </c>
    </row>
    <row r="8571" spans="1:6" x14ac:dyDescent="0.25">
      <c r="A8571">
        <v>153.15</v>
      </c>
      <c r="B8571">
        <v>189.52</v>
      </c>
      <c r="C8571">
        <v>17254.5</v>
      </c>
      <c r="D8571">
        <v>4</v>
      </c>
      <c r="E8571">
        <v>18188.900000000001</v>
      </c>
      <c r="F8571">
        <v>26.905899999999999</v>
      </c>
    </row>
    <row r="8572" spans="1:6" x14ac:dyDescent="0.25">
      <c r="A8572">
        <v>153.15</v>
      </c>
      <c r="B8572">
        <v>189.52</v>
      </c>
      <c r="C8572">
        <v>18800</v>
      </c>
      <c r="D8572">
        <v>1</v>
      </c>
      <c r="E8572">
        <v>22503.200000000001</v>
      </c>
      <c r="F8572">
        <v>25.0593</v>
      </c>
    </row>
    <row r="8573" spans="1:6" x14ac:dyDescent="0.25">
      <c r="A8573">
        <v>153.15</v>
      </c>
      <c r="B8573">
        <v>189.52</v>
      </c>
      <c r="C8573">
        <v>18800</v>
      </c>
      <c r="D8573">
        <v>1.3</v>
      </c>
      <c r="E8573">
        <v>21732.1</v>
      </c>
      <c r="F8573">
        <v>25.409199999999998</v>
      </c>
    </row>
    <row r="8574" spans="1:6" x14ac:dyDescent="0.25">
      <c r="A8574">
        <v>153.15</v>
      </c>
      <c r="B8574">
        <v>189.52</v>
      </c>
      <c r="C8574">
        <v>18800</v>
      </c>
      <c r="D8574">
        <v>1.6</v>
      </c>
      <c r="E8574">
        <v>21307.9</v>
      </c>
      <c r="F8574">
        <v>25.502800000000001</v>
      </c>
    </row>
    <row r="8575" spans="1:6" x14ac:dyDescent="0.25">
      <c r="A8575">
        <v>153.15</v>
      </c>
      <c r="B8575">
        <v>189.52</v>
      </c>
      <c r="C8575">
        <v>18800</v>
      </c>
      <c r="D8575">
        <v>1.9</v>
      </c>
      <c r="E8575">
        <v>20787.900000000001</v>
      </c>
      <c r="F8575">
        <v>26.246500000000001</v>
      </c>
    </row>
    <row r="8576" spans="1:6" x14ac:dyDescent="0.25">
      <c r="A8576">
        <v>153.15</v>
      </c>
      <c r="B8576">
        <v>189.52</v>
      </c>
      <c r="C8576">
        <v>18800</v>
      </c>
      <c r="D8576">
        <v>2.2000000000000002</v>
      </c>
      <c r="E8576">
        <v>20640.8</v>
      </c>
      <c r="F8576">
        <v>26.796500000000002</v>
      </c>
    </row>
    <row r="8577" spans="1:6" x14ac:dyDescent="0.25">
      <c r="A8577">
        <v>153.15</v>
      </c>
      <c r="B8577">
        <v>189.52</v>
      </c>
      <c r="C8577">
        <v>18800</v>
      </c>
      <c r="D8577">
        <v>2.5</v>
      </c>
      <c r="E8577">
        <v>20439</v>
      </c>
      <c r="F8577">
        <v>27.2866</v>
      </c>
    </row>
    <row r="8578" spans="1:6" x14ac:dyDescent="0.25">
      <c r="A8578">
        <v>153.15</v>
      </c>
      <c r="B8578">
        <v>189.52</v>
      </c>
      <c r="C8578">
        <v>18800</v>
      </c>
      <c r="D8578">
        <v>2.8</v>
      </c>
      <c r="E8578">
        <v>5678.88</v>
      </c>
      <c r="F8578">
        <v>27.008600000000001</v>
      </c>
    </row>
    <row r="8579" spans="1:6" x14ac:dyDescent="0.25">
      <c r="A8579">
        <v>153.15</v>
      </c>
      <c r="B8579">
        <v>189.52</v>
      </c>
      <c r="C8579">
        <v>18800</v>
      </c>
      <c r="D8579">
        <v>3.1</v>
      </c>
      <c r="E8579">
        <v>5662.21</v>
      </c>
      <c r="F8579">
        <v>26.9758</v>
      </c>
    </row>
    <row r="8580" spans="1:6" x14ac:dyDescent="0.25">
      <c r="A8580">
        <v>153.15</v>
      </c>
      <c r="B8580">
        <v>189.52</v>
      </c>
      <c r="C8580">
        <v>18800</v>
      </c>
      <c r="D8580">
        <v>3.4</v>
      </c>
      <c r="E8580">
        <v>5645.99</v>
      </c>
      <c r="F8580">
        <v>26.9514</v>
      </c>
    </row>
    <row r="8581" spans="1:6" x14ac:dyDescent="0.25">
      <c r="A8581">
        <v>153.15</v>
      </c>
      <c r="B8581">
        <v>189.52</v>
      </c>
      <c r="C8581">
        <v>18800</v>
      </c>
      <c r="D8581">
        <v>3.7</v>
      </c>
      <c r="E8581">
        <v>19687.7</v>
      </c>
      <c r="F8581">
        <v>26.9221</v>
      </c>
    </row>
    <row r="8582" spans="1:6" x14ac:dyDescent="0.25">
      <c r="A8582">
        <v>153.15</v>
      </c>
      <c r="B8582">
        <v>189.52</v>
      </c>
      <c r="C8582">
        <v>18800</v>
      </c>
      <c r="D8582">
        <v>4</v>
      </c>
      <c r="E8582">
        <v>19738.5</v>
      </c>
      <c r="F8582">
        <v>26.905899999999999</v>
      </c>
    </row>
    <row r="8583" spans="1:6" x14ac:dyDescent="0.25">
      <c r="A8583">
        <v>153.15</v>
      </c>
      <c r="B8583">
        <v>193.15</v>
      </c>
      <c r="C8583">
        <v>1800</v>
      </c>
      <c r="D8583">
        <v>1</v>
      </c>
      <c r="E8583">
        <v>5393.52</v>
      </c>
      <c r="F8583">
        <v>41.432000000000002</v>
      </c>
    </row>
    <row r="8584" spans="1:6" x14ac:dyDescent="0.25">
      <c r="A8584">
        <v>153.15</v>
      </c>
      <c r="B8584">
        <v>193.15</v>
      </c>
      <c r="C8584">
        <v>1800</v>
      </c>
      <c r="D8584">
        <v>1.3</v>
      </c>
      <c r="E8584">
        <v>4947.87</v>
      </c>
      <c r="F8584">
        <v>48.907899999999998</v>
      </c>
    </row>
    <row r="8585" spans="1:6" x14ac:dyDescent="0.25">
      <c r="A8585">
        <v>153.15</v>
      </c>
      <c r="B8585">
        <v>193.15</v>
      </c>
      <c r="C8585">
        <v>1800</v>
      </c>
      <c r="D8585">
        <v>1.6</v>
      </c>
      <c r="E8585">
        <v>4455.84</v>
      </c>
      <c r="F8585">
        <v>56.723300000000002</v>
      </c>
    </row>
    <row r="8586" spans="1:6" x14ac:dyDescent="0.25">
      <c r="A8586">
        <v>153.15</v>
      </c>
      <c r="B8586">
        <v>193.15</v>
      </c>
      <c r="C8586">
        <v>1800</v>
      </c>
      <c r="D8586">
        <v>1.9</v>
      </c>
      <c r="E8586">
        <v>4180.49</v>
      </c>
      <c r="F8586">
        <v>66.216999999999999</v>
      </c>
    </row>
    <row r="8587" spans="1:6" x14ac:dyDescent="0.25">
      <c r="A8587">
        <v>153.15</v>
      </c>
      <c r="B8587">
        <v>193.15</v>
      </c>
      <c r="C8587">
        <v>1800</v>
      </c>
      <c r="D8587">
        <v>2.2000000000000002</v>
      </c>
      <c r="E8587">
        <v>3937.31</v>
      </c>
      <c r="F8587">
        <v>69.029799999999994</v>
      </c>
    </row>
    <row r="8588" spans="1:6" x14ac:dyDescent="0.25">
      <c r="A8588">
        <v>153.15</v>
      </c>
      <c r="B8588">
        <v>193.15</v>
      </c>
      <c r="C8588">
        <v>1800</v>
      </c>
      <c r="D8588">
        <v>2.5</v>
      </c>
      <c r="E8588">
        <v>3768.88</v>
      </c>
      <c r="F8588">
        <v>72.378100000000003</v>
      </c>
    </row>
    <row r="8589" spans="1:6" x14ac:dyDescent="0.25">
      <c r="A8589">
        <v>153.15</v>
      </c>
      <c r="B8589">
        <v>193.15</v>
      </c>
      <c r="C8589">
        <v>1800</v>
      </c>
      <c r="D8589">
        <v>2.8</v>
      </c>
      <c r="E8589">
        <v>3649.18</v>
      </c>
      <c r="F8589">
        <v>78.502499999999998</v>
      </c>
    </row>
    <row r="8590" spans="1:6" x14ac:dyDescent="0.25">
      <c r="A8590">
        <v>153.15</v>
      </c>
      <c r="B8590">
        <v>193.15</v>
      </c>
      <c r="C8590">
        <v>1800</v>
      </c>
      <c r="D8590">
        <v>3.1</v>
      </c>
      <c r="E8590">
        <v>3535.9</v>
      </c>
      <c r="F8590">
        <v>81.132400000000004</v>
      </c>
    </row>
    <row r="8591" spans="1:6" x14ac:dyDescent="0.25">
      <c r="A8591">
        <v>153.15</v>
      </c>
      <c r="B8591">
        <v>193.15</v>
      </c>
      <c r="C8591">
        <v>1800</v>
      </c>
      <c r="D8591">
        <v>3.4</v>
      </c>
      <c r="E8591">
        <v>3479.84</v>
      </c>
      <c r="F8591">
        <v>85.046499999999995</v>
      </c>
    </row>
    <row r="8592" spans="1:6" x14ac:dyDescent="0.25">
      <c r="A8592">
        <v>153.15</v>
      </c>
      <c r="B8592">
        <v>193.15</v>
      </c>
      <c r="C8592">
        <v>1800</v>
      </c>
      <c r="D8592">
        <v>3.7</v>
      </c>
      <c r="E8592">
        <v>3385.51</v>
      </c>
      <c r="F8592">
        <v>91.317300000000003</v>
      </c>
    </row>
    <row r="8593" spans="1:6" x14ac:dyDescent="0.25">
      <c r="A8593">
        <v>153.15</v>
      </c>
      <c r="B8593">
        <v>193.15</v>
      </c>
      <c r="C8593">
        <v>1800</v>
      </c>
      <c r="D8593">
        <v>4</v>
      </c>
      <c r="E8593">
        <v>3351.39</v>
      </c>
      <c r="F8593">
        <v>94.826999999999998</v>
      </c>
    </row>
    <row r="8594" spans="1:6" x14ac:dyDescent="0.25">
      <c r="A8594">
        <v>153.15</v>
      </c>
      <c r="B8594">
        <v>193.15</v>
      </c>
      <c r="C8594">
        <v>3345.45</v>
      </c>
      <c r="D8594">
        <v>1</v>
      </c>
      <c r="E8594">
        <v>6987.75</v>
      </c>
      <c r="F8594">
        <v>17.952100000000002</v>
      </c>
    </row>
    <row r="8595" spans="1:6" x14ac:dyDescent="0.25">
      <c r="A8595">
        <v>153.15</v>
      </c>
      <c r="B8595">
        <v>193.15</v>
      </c>
      <c r="C8595">
        <v>3345.45</v>
      </c>
      <c r="D8595">
        <v>1.3</v>
      </c>
      <c r="E8595">
        <v>6285.84</v>
      </c>
      <c r="F8595">
        <v>21.626799999999999</v>
      </c>
    </row>
    <row r="8596" spans="1:6" x14ac:dyDescent="0.25">
      <c r="A8596">
        <v>153.15</v>
      </c>
      <c r="B8596">
        <v>193.15</v>
      </c>
      <c r="C8596">
        <v>3345.45</v>
      </c>
      <c r="D8596">
        <v>1.6</v>
      </c>
      <c r="E8596">
        <v>5824.92</v>
      </c>
      <c r="F8596">
        <v>18.8735</v>
      </c>
    </row>
    <row r="8597" spans="1:6" x14ac:dyDescent="0.25">
      <c r="A8597">
        <v>153.15</v>
      </c>
      <c r="B8597">
        <v>193.15</v>
      </c>
      <c r="C8597">
        <v>3345.45</v>
      </c>
      <c r="D8597">
        <v>1.9</v>
      </c>
      <c r="E8597">
        <v>5466.1</v>
      </c>
      <c r="F8597">
        <v>19.203600000000002</v>
      </c>
    </row>
    <row r="8598" spans="1:6" x14ac:dyDescent="0.25">
      <c r="A8598">
        <v>153.15</v>
      </c>
      <c r="B8598">
        <v>193.15</v>
      </c>
      <c r="C8598">
        <v>3345.45</v>
      </c>
      <c r="D8598">
        <v>2.2000000000000002</v>
      </c>
      <c r="E8598">
        <v>5449.32</v>
      </c>
      <c r="F8598">
        <v>25.968900000000001</v>
      </c>
    </row>
    <row r="8599" spans="1:6" x14ac:dyDescent="0.25">
      <c r="A8599">
        <v>153.15</v>
      </c>
      <c r="B8599">
        <v>193.15</v>
      </c>
      <c r="C8599">
        <v>3345.45</v>
      </c>
      <c r="D8599">
        <v>2.5</v>
      </c>
      <c r="E8599">
        <v>5227.08</v>
      </c>
      <c r="F8599">
        <v>24.919499999999999</v>
      </c>
    </row>
    <row r="8600" spans="1:6" x14ac:dyDescent="0.25">
      <c r="A8600">
        <v>153.15</v>
      </c>
      <c r="B8600">
        <v>193.15</v>
      </c>
      <c r="C8600">
        <v>3345.45</v>
      </c>
      <c r="D8600">
        <v>2.8</v>
      </c>
      <c r="E8600">
        <v>5025.2700000000004</v>
      </c>
      <c r="F8600">
        <v>19.380099999999999</v>
      </c>
    </row>
    <row r="8601" spans="1:6" x14ac:dyDescent="0.25">
      <c r="A8601">
        <v>153.15</v>
      </c>
      <c r="B8601">
        <v>193.15</v>
      </c>
      <c r="C8601">
        <v>3345.45</v>
      </c>
      <c r="D8601">
        <v>3.1</v>
      </c>
      <c r="E8601">
        <v>4946.2</v>
      </c>
      <c r="F8601">
        <v>18.166899999999998</v>
      </c>
    </row>
    <row r="8602" spans="1:6" x14ac:dyDescent="0.25">
      <c r="A8602">
        <v>153.15</v>
      </c>
      <c r="B8602">
        <v>193.15</v>
      </c>
      <c r="C8602">
        <v>3345.45</v>
      </c>
      <c r="D8602">
        <v>3.4</v>
      </c>
      <c r="E8602">
        <v>4906.3100000000004</v>
      </c>
      <c r="F8602">
        <v>19.3369</v>
      </c>
    </row>
    <row r="8603" spans="1:6" x14ac:dyDescent="0.25">
      <c r="A8603">
        <v>153.15</v>
      </c>
      <c r="B8603">
        <v>193.15</v>
      </c>
      <c r="C8603">
        <v>3345.45</v>
      </c>
      <c r="D8603">
        <v>3.7</v>
      </c>
      <c r="E8603">
        <v>4839.18</v>
      </c>
      <c r="F8603">
        <v>21.175999999999998</v>
      </c>
    </row>
    <row r="8604" spans="1:6" x14ac:dyDescent="0.25">
      <c r="A8604">
        <v>153.15</v>
      </c>
      <c r="B8604">
        <v>193.15</v>
      </c>
      <c r="C8604">
        <v>3345.45</v>
      </c>
      <c r="D8604">
        <v>4</v>
      </c>
      <c r="E8604">
        <v>4691.8500000000004</v>
      </c>
      <c r="F8604">
        <v>20.970199999999998</v>
      </c>
    </row>
    <row r="8605" spans="1:6" x14ac:dyDescent="0.25">
      <c r="A8605">
        <v>153.15</v>
      </c>
      <c r="B8605">
        <v>193.15</v>
      </c>
      <c r="C8605">
        <v>4890.8999999999996</v>
      </c>
      <c r="D8605">
        <v>1</v>
      </c>
      <c r="E8605">
        <v>8516.74</v>
      </c>
      <c r="F8605">
        <v>25.0593</v>
      </c>
    </row>
    <row r="8606" spans="1:6" x14ac:dyDescent="0.25">
      <c r="A8606">
        <v>153.15</v>
      </c>
      <c r="B8606">
        <v>193.15</v>
      </c>
      <c r="C8606">
        <v>4890.8999999999996</v>
      </c>
      <c r="D8606">
        <v>1.3</v>
      </c>
      <c r="E8606">
        <v>7594.89</v>
      </c>
      <c r="F8606">
        <v>24.986499999999999</v>
      </c>
    </row>
    <row r="8607" spans="1:6" x14ac:dyDescent="0.25">
      <c r="A8607">
        <v>153.15</v>
      </c>
      <c r="B8607">
        <v>193.15</v>
      </c>
      <c r="C8607">
        <v>4890.8999999999996</v>
      </c>
      <c r="D8607">
        <v>1.6</v>
      </c>
      <c r="E8607">
        <v>7231.57</v>
      </c>
      <c r="F8607">
        <v>25.502800000000001</v>
      </c>
    </row>
    <row r="8608" spans="1:6" x14ac:dyDescent="0.25">
      <c r="A8608">
        <v>153.15</v>
      </c>
      <c r="B8608">
        <v>193.15</v>
      </c>
      <c r="C8608">
        <v>4890.8999999999996</v>
      </c>
      <c r="D8608">
        <v>1.9</v>
      </c>
      <c r="E8608">
        <v>7102.63</v>
      </c>
      <c r="F8608">
        <v>26.246500000000001</v>
      </c>
    </row>
    <row r="8609" spans="1:6" x14ac:dyDescent="0.25">
      <c r="A8609">
        <v>153.15</v>
      </c>
      <c r="B8609">
        <v>193.15</v>
      </c>
      <c r="C8609">
        <v>4890.8999999999996</v>
      </c>
      <c r="D8609">
        <v>2.2000000000000002</v>
      </c>
      <c r="E8609">
        <v>6795.53</v>
      </c>
      <c r="F8609">
        <v>26.796500000000002</v>
      </c>
    </row>
    <row r="8610" spans="1:6" x14ac:dyDescent="0.25">
      <c r="A8610">
        <v>153.15</v>
      </c>
      <c r="B8610">
        <v>193.15</v>
      </c>
      <c r="C8610">
        <v>4890.8999999999996</v>
      </c>
      <c r="D8610">
        <v>2.5</v>
      </c>
      <c r="E8610">
        <v>6461.36</v>
      </c>
      <c r="F8610">
        <v>27.2866</v>
      </c>
    </row>
    <row r="8611" spans="1:6" x14ac:dyDescent="0.25">
      <c r="A8611">
        <v>153.15</v>
      </c>
      <c r="B8611">
        <v>193.15</v>
      </c>
      <c r="C8611">
        <v>4890.8999999999996</v>
      </c>
      <c r="D8611">
        <v>2.8</v>
      </c>
      <c r="E8611">
        <v>5678.88</v>
      </c>
      <c r="F8611">
        <v>25.9405</v>
      </c>
    </row>
    <row r="8612" spans="1:6" x14ac:dyDescent="0.25">
      <c r="A8612">
        <v>153.15</v>
      </c>
      <c r="B8612">
        <v>193.15</v>
      </c>
      <c r="C8612">
        <v>4890.8999999999996</v>
      </c>
      <c r="D8612">
        <v>3.1</v>
      </c>
      <c r="E8612">
        <v>5662.21</v>
      </c>
      <c r="F8612">
        <v>25.389199999999999</v>
      </c>
    </row>
    <row r="8613" spans="1:6" x14ac:dyDescent="0.25">
      <c r="A8613">
        <v>153.15</v>
      </c>
      <c r="B8613">
        <v>193.15</v>
      </c>
      <c r="C8613">
        <v>4890.8999999999996</v>
      </c>
      <c r="D8613">
        <v>3.4</v>
      </c>
      <c r="E8613">
        <v>6258.1</v>
      </c>
      <c r="F8613">
        <v>25.649100000000001</v>
      </c>
    </row>
    <row r="8614" spans="1:6" x14ac:dyDescent="0.25">
      <c r="A8614">
        <v>153.15</v>
      </c>
      <c r="B8614">
        <v>193.15</v>
      </c>
      <c r="C8614">
        <v>4890.8999999999996</v>
      </c>
      <c r="D8614">
        <v>3.7</v>
      </c>
      <c r="E8614">
        <v>6185.74</v>
      </c>
      <c r="F8614">
        <v>25.881499999999999</v>
      </c>
    </row>
    <row r="8615" spans="1:6" x14ac:dyDescent="0.25">
      <c r="A8615">
        <v>153.15</v>
      </c>
      <c r="B8615">
        <v>193.15</v>
      </c>
      <c r="C8615">
        <v>4890.8999999999996</v>
      </c>
      <c r="D8615">
        <v>4</v>
      </c>
      <c r="E8615">
        <v>6076.28</v>
      </c>
      <c r="F8615">
        <v>26.045999999999999</v>
      </c>
    </row>
    <row r="8616" spans="1:6" x14ac:dyDescent="0.25">
      <c r="A8616">
        <v>153.15</v>
      </c>
      <c r="B8616">
        <v>193.15</v>
      </c>
      <c r="C8616">
        <v>6436.35</v>
      </c>
      <c r="D8616">
        <v>1</v>
      </c>
      <c r="E8616">
        <v>10160.5</v>
      </c>
      <c r="F8616">
        <v>25.0593</v>
      </c>
    </row>
    <row r="8617" spans="1:6" x14ac:dyDescent="0.25">
      <c r="A8617">
        <v>153.15</v>
      </c>
      <c r="B8617">
        <v>193.15</v>
      </c>
      <c r="C8617">
        <v>6436.35</v>
      </c>
      <c r="D8617">
        <v>1.3</v>
      </c>
      <c r="E8617">
        <v>9277.4</v>
      </c>
      <c r="F8617">
        <v>25.409199999999998</v>
      </c>
    </row>
    <row r="8618" spans="1:6" x14ac:dyDescent="0.25">
      <c r="A8618">
        <v>153.15</v>
      </c>
      <c r="B8618">
        <v>193.15</v>
      </c>
      <c r="C8618">
        <v>6436.35</v>
      </c>
      <c r="D8618">
        <v>1.6</v>
      </c>
      <c r="E8618">
        <v>8947.84</v>
      </c>
      <c r="F8618">
        <v>25.502800000000001</v>
      </c>
    </row>
    <row r="8619" spans="1:6" x14ac:dyDescent="0.25">
      <c r="A8619">
        <v>153.15</v>
      </c>
      <c r="B8619">
        <v>193.15</v>
      </c>
      <c r="C8619">
        <v>6436.35</v>
      </c>
      <c r="D8619">
        <v>1.9</v>
      </c>
      <c r="E8619">
        <v>8597.35</v>
      </c>
      <c r="F8619">
        <v>26.246500000000001</v>
      </c>
    </row>
    <row r="8620" spans="1:6" x14ac:dyDescent="0.25">
      <c r="A8620">
        <v>153.15</v>
      </c>
      <c r="B8620">
        <v>193.15</v>
      </c>
      <c r="C8620">
        <v>6436.35</v>
      </c>
      <c r="D8620">
        <v>2.2000000000000002</v>
      </c>
      <c r="E8620">
        <v>8222.41</v>
      </c>
      <c r="F8620">
        <v>26.796500000000002</v>
      </c>
    </row>
    <row r="8621" spans="1:6" x14ac:dyDescent="0.25">
      <c r="A8621">
        <v>153.15</v>
      </c>
      <c r="B8621">
        <v>193.15</v>
      </c>
      <c r="C8621">
        <v>6436.35</v>
      </c>
      <c r="D8621">
        <v>2.5</v>
      </c>
      <c r="E8621">
        <v>8149.46</v>
      </c>
      <c r="F8621">
        <v>27.2866</v>
      </c>
    </row>
    <row r="8622" spans="1:6" x14ac:dyDescent="0.25">
      <c r="A8622">
        <v>153.15</v>
      </c>
      <c r="B8622">
        <v>193.15</v>
      </c>
      <c r="C8622">
        <v>6436.35</v>
      </c>
      <c r="D8622">
        <v>2.8</v>
      </c>
      <c r="E8622">
        <v>5678.88</v>
      </c>
      <c r="F8622">
        <v>27.008600000000001</v>
      </c>
    </row>
    <row r="8623" spans="1:6" x14ac:dyDescent="0.25">
      <c r="A8623">
        <v>153.15</v>
      </c>
      <c r="B8623">
        <v>193.15</v>
      </c>
      <c r="C8623">
        <v>6436.35</v>
      </c>
      <c r="D8623">
        <v>3.1</v>
      </c>
      <c r="E8623">
        <v>5662.21</v>
      </c>
      <c r="F8623">
        <v>26.9758</v>
      </c>
    </row>
    <row r="8624" spans="1:6" x14ac:dyDescent="0.25">
      <c r="A8624">
        <v>153.15</v>
      </c>
      <c r="B8624">
        <v>193.15</v>
      </c>
      <c r="C8624">
        <v>6436.35</v>
      </c>
      <c r="D8624">
        <v>3.4</v>
      </c>
      <c r="E8624">
        <v>5645.99</v>
      </c>
      <c r="F8624">
        <v>26.9514</v>
      </c>
    </row>
    <row r="8625" spans="1:6" x14ac:dyDescent="0.25">
      <c r="A8625">
        <v>153.15</v>
      </c>
      <c r="B8625">
        <v>193.15</v>
      </c>
      <c r="C8625">
        <v>6436.35</v>
      </c>
      <c r="D8625">
        <v>3.7</v>
      </c>
      <c r="E8625">
        <v>7425.64</v>
      </c>
      <c r="F8625">
        <v>26.9221</v>
      </c>
    </row>
    <row r="8626" spans="1:6" x14ac:dyDescent="0.25">
      <c r="A8626">
        <v>153.15</v>
      </c>
      <c r="B8626">
        <v>193.15</v>
      </c>
      <c r="C8626">
        <v>6436.35</v>
      </c>
      <c r="D8626">
        <v>4</v>
      </c>
      <c r="E8626">
        <v>7349.19</v>
      </c>
      <c r="F8626">
        <v>26.905899999999999</v>
      </c>
    </row>
    <row r="8627" spans="1:6" x14ac:dyDescent="0.25">
      <c r="A8627">
        <v>153.15</v>
      </c>
      <c r="B8627">
        <v>193.15</v>
      </c>
      <c r="C8627">
        <v>7981.8</v>
      </c>
      <c r="D8627">
        <v>1</v>
      </c>
      <c r="E8627">
        <v>11596.2</v>
      </c>
      <c r="F8627">
        <v>25.0593</v>
      </c>
    </row>
    <row r="8628" spans="1:6" x14ac:dyDescent="0.25">
      <c r="A8628">
        <v>153.15</v>
      </c>
      <c r="B8628">
        <v>193.15</v>
      </c>
      <c r="C8628">
        <v>7981.8</v>
      </c>
      <c r="D8628">
        <v>1.3</v>
      </c>
      <c r="E8628">
        <v>10777.6</v>
      </c>
      <c r="F8628">
        <v>25.409199999999998</v>
      </c>
    </row>
    <row r="8629" spans="1:6" x14ac:dyDescent="0.25">
      <c r="A8629">
        <v>153.15</v>
      </c>
      <c r="B8629">
        <v>193.15</v>
      </c>
      <c r="C8629">
        <v>7981.8</v>
      </c>
      <c r="D8629">
        <v>1.6</v>
      </c>
      <c r="E8629">
        <v>10414</v>
      </c>
      <c r="F8629">
        <v>25.502800000000001</v>
      </c>
    </row>
    <row r="8630" spans="1:6" x14ac:dyDescent="0.25">
      <c r="A8630">
        <v>153.15</v>
      </c>
      <c r="B8630">
        <v>193.15</v>
      </c>
      <c r="C8630">
        <v>7981.8</v>
      </c>
      <c r="D8630">
        <v>1.9</v>
      </c>
      <c r="E8630">
        <v>10132.799999999999</v>
      </c>
      <c r="F8630">
        <v>26.246500000000001</v>
      </c>
    </row>
    <row r="8631" spans="1:6" x14ac:dyDescent="0.25">
      <c r="A8631">
        <v>153.15</v>
      </c>
      <c r="B8631">
        <v>193.15</v>
      </c>
      <c r="C8631">
        <v>7981.8</v>
      </c>
      <c r="D8631">
        <v>2.2000000000000002</v>
      </c>
      <c r="E8631">
        <v>9896.52</v>
      </c>
      <c r="F8631">
        <v>26.796500000000002</v>
      </c>
    </row>
    <row r="8632" spans="1:6" x14ac:dyDescent="0.25">
      <c r="A8632">
        <v>153.15</v>
      </c>
      <c r="B8632">
        <v>193.15</v>
      </c>
      <c r="C8632">
        <v>7981.8</v>
      </c>
      <c r="D8632">
        <v>2.5</v>
      </c>
      <c r="E8632">
        <v>9656.33</v>
      </c>
      <c r="F8632">
        <v>27.2866</v>
      </c>
    </row>
    <row r="8633" spans="1:6" x14ac:dyDescent="0.25">
      <c r="A8633">
        <v>153.15</v>
      </c>
      <c r="B8633">
        <v>193.15</v>
      </c>
      <c r="C8633">
        <v>7981.8</v>
      </c>
      <c r="D8633">
        <v>2.8</v>
      </c>
      <c r="E8633">
        <v>5678.88</v>
      </c>
      <c r="F8633">
        <v>27.008600000000001</v>
      </c>
    </row>
    <row r="8634" spans="1:6" x14ac:dyDescent="0.25">
      <c r="A8634">
        <v>153.15</v>
      </c>
      <c r="B8634">
        <v>193.15</v>
      </c>
      <c r="C8634">
        <v>7981.8</v>
      </c>
      <c r="D8634">
        <v>3.1</v>
      </c>
      <c r="E8634">
        <v>5662.21</v>
      </c>
      <c r="F8634">
        <v>26.9758</v>
      </c>
    </row>
    <row r="8635" spans="1:6" x14ac:dyDescent="0.25">
      <c r="A8635">
        <v>153.15</v>
      </c>
      <c r="B8635">
        <v>193.15</v>
      </c>
      <c r="C8635">
        <v>7981.8</v>
      </c>
      <c r="D8635">
        <v>3.7</v>
      </c>
      <c r="E8635">
        <v>8991.85</v>
      </c>
      <c r="F8635">
        <v>26.9221</v>
      </c>
    </row>
    <row r="8636" spans="1:6" x14ac:dyDescent="0.25">
      <c r="A8636">
        <v>153.15</v>
      </c>
      <c r="B8636">
        <v>193.15</v>
      </c>
      <c r="C8636">
        <v>7981.8</v>
      </c>
      <c r="D8636">
        <v>4</v>
      </c>
      <c r="E8636">
        <v>8953.64</v>
      </c>
      <c r="F8636">
        <v>26.905899999999999</v>
      </c>
    </row>
    <row r="8637" spans="1:6" x14ac:dyDescent="0.25">
      <c r="A8637">
        <v>153.15</v>
      </c>
      <c r="B8637">
        <v>193.15</v>
      </c>
      <c r="C8637">
        <v>9527.25</v>
      </c>
      <c r="D8637">
        <v>1</v>
      </c>
      <c r="E8637">
        <v>13265.6</v>
      </c>
      <c r="F8637">
        <v>25.0593</v>
      </c>
    </row>
    <row r="8638" spans="1:6" x14ac:dyDescent="0.25">
      <c r="A8638">
        <v>153.15</v>
      </c>
      <c r="B8638">
        <v>193.15</v>
      </c>
      <c r="C8638">
        <v>9527.25</v>
      </c>
      <c r="D8638">
        <v>1.3</v>
      </c>
      <c r="E8638">
        <v>12237.1</v>
      </c>
      <c r="F8638">
        <v>25.409199999999998</v>
      </c>
    </row>
    <row r="8639" spans="1:6" x14ac:dyDescent="0.25">
      <c r="A8639">
        <v>153.15</v>
      </c>
      <c r="B8639">
        <v>193.15</v>
      </c>
      <c r="C8639">
        <v>9527.25</v>
      </c>
      <c r="D8639">
        <v>1.6</v>
      </c>
      <c r="E8639">
        <v>11944.4</v>
      </c>
      <c r="F8639">
        <v>25.502800000000001</v>
      </c>
    </row>
    <row r="8640" spans="1:6" x14ac:dyDescent="0.25">
      <c r="A8640">
        <v>153.15</v>
      </c>
      <c r="B8640">
        <v>193.15</v>
      </c>
      <c r="C8640">
        <v>9527.25</v>
      </c>
      <c r="D8640">
        <v>1.9</v>
      </c>
      <c r="E8640">
        <v>11673.8</v>
      </c>
      <c r="F8640">
        <v>26.246500000000001</v>
      </c>
    </row>
    <row r="8641" spans="1:6" x14ac:dyDescent="0.25">
      <c r="A8641">
        <v>153.15</v>
      </c>
      <c r="B8641">
        <v>193.15</v>
      </c>
      <c r="C8641">
        <v>9527.25</v>
      </c>
      <c r="D8641">
        <v>2.2000000000000002</v>
      </c>
      <c r="E8641">
        <v>11353.9</v>
      </c>
      <c r="F8641">
        <v>26.796500000000002</v>
      </c>
    </row>
    <row r="8642" spans="1:6" x14ac:dyDescent="0.25">
      <c r="A8642">
        <v>153.15</v>
      </c>
      <c r="B8642">
        <v>193.15</v>
      </c>
      <c r="C8642">
        <v>9527.25</v>
      </c>
      <c r="D8642">
        <v>2.5</v>
      </c>
      <c r="E8642">
        <v>11185.8</v>
      </c>
      <c r="F8642">
        <v>27.2866</v>
      </c>
    </row>
    <row r="8643" spans="1:6" x14ac:dyDescent="0.25">
      <c r="A8643">
        <v>153.15</v>
      </c>
      <c r="B8643">
        <v>193.15</v>
      </c>
      <c r="C8643">
        <v>9527.25</v>
      </c>
      <c r="D8643">
        <v>2.8</v>
      </c>
      <c r="E8643">
        <v>5678.88</v>
      </c>
      <c r="F8643">
        <v>27.008600000000001</v>
      </c>
    </row>
    <row r="8644" spans="1:6" x14ac:dyDescent="0.25">
      <c r="A8644">
        <v>153.15</v>
      </c>
      <c r="B8644">
        <v>193.15</v>
      </c>
      <c r="C8644">
        <v>9527.25</v>
      </c>
      <c r="D8644">
        <v>3.1</v>
      </c>
      <c r="E8644">
        <v>5662.21</v>
      </c>
      <c r="F8644">
        <v>26.9758</v>
      </c>
    </row>
    <row r="8645" spans="1:6" x14ac:dyDescent="0.25">
      <c r="A8645">
        <v>153.15</v>
      </c>
      <c r="B8645">
        <v>193.15</v>
      </c>
      <c r="C8645">
        <v>9527.25</v>
      </c>
      <c r="D8645">
        <v>3.4</v>
      </c>
      <c r="E8645">
        <v>5645.99</v>
      </c>
      <c r="F8645">
        <v>26.9514</v>
      </c>
    </row>
    <row r="8646" spans="1:6" x14ac:dyDescent="0.25">
      <c r="A8646">
        <v>153.15</v>
      </c>
      <c r="B8646">
        <v>193.15</v>
      </c>
      <c r="C8646">
        <v>9527.25</v>
      </c>
      <c r="D8646">
        <v>3.7</v>
      </c>
      <c r="E8646">
        <v>10522.9</v>
      </c>
      <c r="F8646">
        <v>26.9221</v>
      </c>
    </row>
    <row r="8647" spans="1:6" x14ac:dyDescent="0.25">
      <c r="A8647">
        <v>153.15</v>
      </c>
      <c r="B8647">
        <v>193.15</v>
      </c>
      <c r="C8647">
        <v>9527.25</v>
      </c>
      <c r="D8647">
        <v>4</v>
      </c>
      <c r="E8647">
        <v>10492.2</v>
      </c>
      <c r="F8647">
        <v>26.905899999999999</v>
      </c>
    </row>
    <row r="8648" spans="1:6" x14ac:dyDescent="0.25">
      <c r="A8648">
        <v>153.15</v>
      </c>
      <c r="B8648">
        <v>193.15</v>
      </c>
      <c r="C8648">
        <v>11072.7</v>
      </c>
      <c r="D8648">
        <v>1</v>
      </c>
      <c r="E8648">
        <v>14560.3</v>
      </c>
      <c r="F8648">
        <v>25.0593</v>
      </c>
    </row>
    <row r="8649" spans="1:6" x14ac:dyDescent="0.25">
      <c r="A8649">
        <v>153.15</v>
      </c>
      <c r="B8649">
        <v>193.15</v>
      </c>
      <c r="C8649">
        <v>11072.7</v>
      </c>
      <c r="D8649">
        <v>1.3</v>
      </c>
      <c r="E8649">
        <v>13833.9</v>
      </c>
      <c r="F8649">
        <v>25.409199999999998</v>
      </c>
    </row>
    <row r="8650" spans="1:6" x14ac:dyDescent="0.25">
      <c r="A8650">
        <v>153.15</v>
      </c>
      <c r="B8650">
        <v>193.15</v>
      </c>
      <c r="C8650">
        <v>11072.7</v>
      </c>
      <c r="D8650">
        <v>1.6</v>
      </c>
      <c r="E8650">
        <v>13468.4</v>
      </c>
      <c r="F8650">
        <v>25.502800000000001</v>
      </c>
    </row>
    <row r="8651" spans="1:6" x14ac:dyDescent="0.25">
      <c r="A8651">
        <v>153.15</v>
      </c>
      <c r="B8651">
        <v>193.15</v>
      </c>
      <c r="C8651">
        <v>11072.7</v>
      </c>
      <c r="D8651">
        <v>1.9</v>
      </c>
      <c r="E8651">
        <v>13135.2</v>
      </c>
      <c r="F8651">
        <v>26.246500000000001</v>
      </c>
    </row>
    <row r="8652" spans="1:6" x14ac:dyDescent="0.25">
      <c r="A8652">
        <v>153.15</v>
      </c>
      <c r="B8652">
        <v>193.15</v>
      </c>
      <c r="C8652">
        <v>11072.7</v>
      </c>
      <c r="D8652">
        <v>2.2000000000000002</v>
      </c>
      <c r="E8652">
        <v>12865</v>
      </c>
      <c r="F8652">
        <v>26.796500000000002</v>
      </c>
    </row>
    <row r="8653" spans="1:6" x14ac:dyDescent="0.25">
      <c r="A8653">
        <v>153.15</v>
      </c>
      <c r="B8653">
        <v>193.15</v>
      </c>
      <c r="C8653">
        <v>11072.7</v>
      </c>
      <c r="D8653">
        <v>2.5</v>
      </c>
      <c r="E8653">
        <v>12741.9</v>
      </c>
      <c r="F8653">
        <v>27.2866</v>
      </c>
    </row>
    <row r="8654" spans="1:6" x14ac:dyDescent="0.25">
      <c r="A8654">
        <v>153.15</v>
      </c>
      <c r="B8654">
        <v>193.15</v>
      </c>
      <c r="C8654">
        <v>11072.7</v>
      </c>
      <c r="D8654">
        <v>2.8</v>
      </c>
      <c r="E8654">
        <v>5678.88</v>
      </c>
      <c r="F8654">
        <v>27.008600000000001</v>
      </c>
    </row>
    <row r="8655" spans="1:6" x14ac:dyDescent="0.25">
      <c r="A8655">
        <v>153.15</v>
      </c>
      <c r="B8655">
        <v>193.15</v>
      </c>
      <c r="C8655">
        <v>11072.7</v>
      </c>
      <c r="D8655">
        <v>3.1</v>
      </c>
      <c r="E8655">
        <v>5662.21</v>
      </c>
      <c r="F8655">
        <v>26.9758</v>
      </c>
    </row>
    <row r="8656" spans="1:6" x14ac:dyDescent="0.25">
      <c r="A8656">
        <v>153.15</v>
      </c>
      <c r="B8656">
        <v>193.15</v>
      </c>
      <c r="C8656">
        <v>11072.7</v>
      </c>
      <c r="D8656">
        <v>3.4</v>
      </c>
      <c r="E8656">
        <v>5645.99</v>
      </c>
      <c r="F8656">
        <v>26.9514</v>
      </c>
    </row>
    <row r="8657" spans="1:6" x14ac:dyDescent="0.25">
      <c r="A8657">
        <v>153.15</v>
      </c>
      <c r="B8657">
        <v>193.15</v>
      </c>
      <c r="C8657">
        <v>11072.7</v>
      </c>
      <c r="D8657">
        <v>3.7</v>
      </c>
      <c r="E8657">
        <v>11973.7</v>
      </c>
      <c r="F8657">
        <v>26.9221</v>
      </c>
    </row>
    <row r="8658" spans="1:6" x14ac:dyDescent="0.25">
      <c r="A8658">
        <v>153.15</v>
      </c>
      <c r="B8658">
        <v>193.15</v>
      </c>
      <c r="C8658">
        <v>11072.7</v>
      </c>
      <c r="D8658">
        <v>4</v>
      </c>
      <c r="E8658">
        <v>12011.8</v>
      </c>
      <c r="F8658">
        <v>26.905899999999999</v>
      </c>
    </row>
    <row r="8659" spans="1:6" x14ac:dyDescent="0.25">
      <c r="A8659">
        <v>153.15</v>
      </c>
      <c r="B8659">
        <v>193.15</v>
      </c>
      <c r="C8659">
        <v>12618.2</v>
      </c>
      <c r="D8659">
        <v>1</v>
      </c>
      <c r="E8659">
        <v>16042</v>
      </c>
      <c r="F8659">
        <v>25.0593</v>
      </c>
    </row>
    <row r="8660" spans="1:6" x14ac:dyDescent="0.25">
      <c r="A8660">
        <v>153.15</v>
      </c>
      <c r="B8660">
        <v>193.15</v>
      </c>
      <c r="C8660">
        <v>12618.2</v>
      </c>
      <c r="D8660">
        <v>1.3</v>
      </c>
      <c r="E8660">
        <v>15505.7</v>
      </c>
      <c r="F8660">
        <v>25.409199999999998</v>
      </c>
    </row>
    <row r="8661" spans="1:6" x14ac:dyDescent="0.25">
      <c r="A8661">
        <v>153.15</v>
      </c>
      <c r="B8661">
        <v>193.15</v>
      </c>
      <c r="C8661">
        <v>12618.2</v>
      </c>
      <c r="D8661">
        <v>1.6</v>
      </c>
      <c r="E8661">
        <v>14952.4</v>
      </c>
      <c r="F8661">
        <v>25.502800000000001</v>
      </c>
    </row>
    <row r="8662" spans="1:6" x14ac:dyDescent="0.25">
      <c r="A8662">
        <v>153.15</v>
      </c>
      <c r="B8662">
        <v>193.15</v>
      </c>
      <c r="C8662">
        <v>12618.2</v>
      </c>
      <c r="D8662">
        <v>1.9</v>
      </c>
      <c r="E8662">
        <v>14676.8</v>
      </c>
      <c r="F8662">
        <v>26.246500000000001</v>
      </c>
    </row>
    <row r="8663" spans="1:6" x14ac:dyDescent="0.25">
      <c r="A8663">
        <v>153.15</v>
      </c>
      <c r="B8663">
        <v>193.15</v>
      </c>
      <c r="C8663">
        <v>12618.2</v>
      </c>
      <c r="D8663">
        <v>2.2000000000000002</v>
      </c>
      <c r="E8663">
        <v>14511.5</v>
      </c>
      <c r="F8663">
        <v>26.796500000000002</v>
      </c>
    </row>
    <row r="8664" spans="1:6" x14ac:dyDescent="0.25">
      <c r="A8664">
        <v>153.15</v>
      </c>
      <c r="B8664">
        <v>193.15</v>
      </c>
      <c r="C8664">
        <v>12618.2</v>
      </c>
      <c r="D8664">
        <v>2.5</v>
      </c>
      <c r="E8664">
        <v>14248.4</v>
      </c>
      <c r="F8664">
        <v>27.2866</v>
      </c>
    </row>
    <row r="8665" spans="1:6" x14ac:dyDescent="0.25">
      <c r="A8665">
        <v>153.15</v>
      </c>
      <c r="B8665">
        <v>193.15</v>
      </c>
      <c r="C8665">
        <v>12618.2</v>
      </c>
      <c r="D8665">
        <v>2.8</v>
      </c>
      <c r="E8665">
        <v>5678.88</v>
      </c>
      <c r="F8665">
        <v>27.008600000000001</v>
      </c>
    </row>
    <row r="8666" spans="1:6" x14ac:dyDescent="0.25">
      <c r="A8666">
        <v>153.15</v>
      </c>
      <c r="B8666">
        <v>193.15</v>
      </c>
      <c r="C8666">
        <v>12618.2</v>
      </c>
      <c r="D8666">
        <v>3.1</v>
      </c>
      <c r="E8666">
        <v>5662.21</v>
      </c>
      <c r="F8666">
        <v>26.9758</v>
      </c>
    </row>
    <row r="8667" spans="1:6" x14ac:dyDescent="0.25">
      <c r="A8667">
        <v>153.15</v>
      </c>
      <c r="B8667">
        <v>193.15</v>
      </c>
      <c r="C8667">
        <v>12618.2</v>
      </c>
      <c r="D8667">
        <v>3.4</v>
      </c>
      <c r="E8667">
        <v>5645.99</v>
      </c>
      <c r="F8667">
        <v>26.9514</v>
      </c>
    </row>
    <row r="8668" spans="1:6" x14ac:dyDescent="0.25">
      <c r="A8668">
        <v>153.15</v>
      </c>
      <c r="B8668">
        <v>193.15</v>
      </c>
      <c r="C8668">
        <v>12618.2</v>
      </c>
      <c r="D8668">
        <v>3.7</v>
      </c>
      <c r="E8668">
        <v>13503.3</v>
      </c>
      <c r="F8668">
        <v>26.9221</v>
      </c>
    </row>
    <row r="8669" spans="1:6" x14ac:dyDescent="0.25">
      <c r="A8669">
        <v>153.15</v>
      </c>
      <c r="B8669">
        <v>193.15</v>
      </c>
      <c r="C8669">
        <v>12618.2</v>
      </c>
      <c r="D8669">
        <v>4</v>
      </c>
      <c r="E8669">
        <v>13571.7</v>
      </c>
      <c r="F8669">
        <v>26.905899999999999</v>
      </c>
    </row>
    <row r="8670" spans="1:6" x14ac:dyDescent="0.25">
      <c r="A8670">
        <v>153.15</v>
      </c>
      <c r="B8670">
        <v>193.15</v>
      </c>
      <c r="C8670">
        <v>14163.6</v>
      </c>
      <c r="D8670">
        <v>1</v>
      </c>
      <c r="E8670">
        <v>17763</v>
      </c>
      <c r="F8670">
        <v>25.0593</v>
      </c>
    </row>
    <row r="8671" spans="1:6" x14ac:dyDescent="0.25">
      <c r="A8671">
        <v>153.15</v>
      </c>
      <c r="B8671">
        <v>193.15</v>
      </c>
      <c r="C8671">
        <v>14163.6</v>
      </c>
      <c r="D8671">
        <v>1.3</v>
      </c>
      <c r="E8671">
        <v>16902.7</v>
      </c>
      <c r="F8671">
        <v>25.409199999999998</v>
      </c>
    </row>
    <row r="8672" spans="1:6" x14ac:dyDescent="0.25">
      <c r="A8672">
        <v>153.15</v>
      </c>
      <c r="B8672">
        <v>193.15</v>
      </c>
      <c r="C8672">
        <v>14163.6</v>
      </c>
      <c r="D8672">
        <v>1.6</v>
      </c>
      <c r="E8672">
        <v>16594.3</v>
      </c>
      <c r="F8672">
        <v>25.502800000000001</v>
      </c>
    </row>
    <row r="8673" spans="1:6" x14ac:dyDescent="0.25">
      <c r="A8673">
        <v>153.15</v>
      </c>
      <c r="B8673">
        <v>193.15</v>
      </c>
      <c r="C8673">
        <v>14163.6</v>
      </c>
      <c r="D8673">
        <v>1.9</v>
      </c>
      <c r="E8673">
        <v>16201.5</v>
      </c>
      <c r="F8673">
        <v>26.246500000000001</v>
      </c>
    </row>
    <row r="8674" spans="1:6" x14ac:dyDescent="0.25">
      <c r="A8674">
        <v>153.15</v>
      </c>
      <c r="B8674">
        <v>193.15</v>
      </c>
      <c r="C8674">
        <v>14163.6</v>
      </c>
      <c r="D8674">
        <v>2.2000000000000002</v>
      </c>
      <c r="E8674">
        <v>15956.2</v>
      </c>
      <c r="F8674">
        <v>26.796500000000002</v>
      </c>
    </row>
    <row r="8675" spans="1:6" x14ac:dyDescent="0.25">
      <c r="A8675">
        <v>153.15</v>
      </c>
      <c r="B8675">
        <v>193.15</v>
      </c>
      <c r="C8675">
        <v>14163.6</v>
      </c>
      <c r="D8675">
        <v>2.5</v>
      </c>
      <c r="E8675">
        <v>15752.1</v>
      </c>
      <c r="F8675">
        <v>27.2866</v>
      </c>
    </row>
    <row r="8676" spans="1:6" x14ac:dyDescent="0.25">
      <c r="A8676">
        <v>153.15</v>
      </c>
      <c r="B8676">
        <v>193.15</v>
      </c>
      <c r="C8676">
        <v>14163.6</v>
      </c>
      <c r="D8676">
        <v>2.8</v>
      </c>
      <c r="E8676">
        <v>5678.88</v>
      </c>
      <c r="F8676">
        <v>27.008600000000001</v>
      </c>
    </row>
    <row r="8677" spans="1:6" x14ac:dyDescent="0.25">
      <c r="A8677">
        <v>153.15</v>
      </c>
      <c r="B8677">
        <v>193.15</v>
      </c>
      <c r="C8677">
        <v>14163.6</v>
      </c>
      <c r="D8677">
        <v>3.1</v>
      </c>
      <c r="E8677">
        <v>5662.21</v>
      </c>
      <c r="F8677">
        <v>26.9758</v>
      </c>
    </row>
    <row r="8678" spans="1:6" x14ac:dyDescent="0.25">
      <c r="A8678">
        <v>153.15</v>
      </c>
      <c r="B8678">
        <v>193.15</v>
      </c>
      <c r="C8678">
        <v>14163.6</v>
      </c>
      <c r="D8678">
        <v>3.4</v>
      </c>
      <c r="E8678">
        <v>5645.99</v>
      </c>
      <c r="F8678">
        <v>26.9514</v>
      </c>
    </row>
    <row r="8679" spans="1:6" x14ac:dyDescent="0.25">
      <c r="A8679">
        <v>153.15</v>
      </c>
      <c r="B8679">
        <v>193.15</v>
      </c>
      <c r="C8679">
        <v>14163.6</v>
      </c>
      <c r="D8679">
        <v>3.7</v>
      </c>
      <c r="E8679">
        <v>15091.7</v>
      </c>
      <c r="F8679">
        <v>26.9221</v>
      </c>
    </row>
    <row r="8680" spans="1:6" x14ac:dyDescent="0.25">
      <c r="A8680">
        <v>153.15</v>
      </c>
      <c r="B8680">
        <v>193.15</v>
      </c>
      <c r="C8680">
        <v>14163.6</v>
      </c>
      <c r="D8680">
        <v>4</v>
      </c>
      <c r="E8680">
        <v>15041.6</v>
      </c>
      <c r="F8680">
        <v>26.905899999999999</v>
      </c>
    </row>
    <row r="8681" spans="1:6" x14ac:dyDescent="0.25">
      <c r="A8681">
        <v>153.15</v>
      </c>
      <c r="B8681">
        <v>193.15</v>
      </c>
      <c r="C8681">
        <v>15709.1</v>
      </c>
      <c r="D8681">
        <v>1</v>
      </c>
      <c r="E8681">
        <v>19550.2</v>
      </c>
      <c r="F8681">
        <v>25.0593</v>
      </c>
    </row>
    <row r="8682" spans="1:6" x14ac:dyDescent="0.25">
      <c r="A8682">
        <v>153.15</v>
      </c>
      <c r="B8682">
        <v>193.15</v>
      </c>
      <c r="C8682">
        <v>15709.1</v>
      </c>
      <c r="D8682">
        <v>1.3</v>
      </c>
      <c r="E8682">
        <v>18393.8</v>
      </c>
      <c r="F8682">
        <v>25.409199999999998</v>
      </c>
    </row>
    <row r="8683" spans="1:6" x14ac:dyDescent="0.25">
      <c r="A8683">
        <v>153.15</v>
      </c>
      <c r="B8683">
        <v>193.15</v>
      </c>
      <c r="C8683">
        <v>15709.1</v>
      </c>
      <c r="D8683">
        <v>1.6</v>
      </c>
      <c r="E8683">
        <v>18111.400000000001</v>
      </c>
      <c r="F8683">
        <v>25.502800000000001</v>
      </c>
    </row>
    <row r="8684" spans="1:6" x14ac:dyDescent="0.25">
      <c r="A8684">
        <v>153.15</v>
      </c>
      <c r="B8684">
        <v>193.15</v>
      </c>
      <c r="C8684">
        <v>15709.1</v>
      </c>
      <c r="D8684">
        <v>1.9</v>
      </c>
      <c r="E8684">
        <v>17796.099999999999</v>
      </c>
      <c r="F8684">
        <v>26.246500000000001</v>
      </c>
    </row>
    <row r="8685" spans="1:6" x14ac:dyDescent="0.25">
      <c r="A8685">
        <v>153.15</v>
      </c>
      <c r="B8685">
        <v>193.15</v>
      </c>
      <c r="C8685">
        <v>15709.1</v>
      </c>
      <c r="D8685">
        <v>2.2000000000000002</v>
      </c>
      <c r="E8685">
        <v>17463.599999999999</v>
      </c>
      <c r="F8685">
        <v>26.796500000000002</v>
      </c>
    </row>
    <row r="8686" spans="1:6" x14ac:dyDescent="0.25">
      <c r="A8686">
        <v>153.15</v>
      </c>
      <c r="B8686">
        <v>193.15</v>
      </c>
      <c r="C8686">
        <v>15709.1</v>
      </c>
      <c r="D8686">
        <v>2.5</v>
      </c>
      <c r="E8686">
        <v>17253.2</v>
      </c>
      <c r="F8686">
        <v>27.2866</v>
      </c>
    </row>
    <row r="8687" spans="1:6" x14ac:dyDescent="0.25">
      <c r="A8687">
        <v>153.15</v>
      </c>
      <c r="B8687">
        <v>193.15</v>
      </c>
      <c r="C8687">
        <v>15709.1</v>
      </c>
      <c r="D8687">
        <v>2.8</v>
      </c>
      <c r="E8687">
        <v>5678.88</v>
      </c>
      <c r="F8687">
        <v>27.008600000000001</v>
      </c>
    </row>
    <row r="8688" spans="1:6" x14ac:dyDescent="0.25">
      <c r="A8688">
        <v>153.15</v>
      </c>
      <c r="B8688">
        <v>193.15</v>
      </c>
      <c r="C8688">
        <v>15709.1</v>
      </c>
      <c r="D8688">
        <v>3.1</v>
      </c>
      <c r="E8688">
        <v>5662.21</v>
      </c>
      <c r="F8688">
        <v>26.9758</v>
      </c>
    </row>
    <row r="8689" spans="1:6" x14ac:dyDescent="0.25">
      <c r="A8689">
        <v>153.15</v>
      </c>
      <c r="B8689">
        <v>193.15</v>
      </c>
      <c r="C8689">
        <v>15709.1</v>
      </c>
      <c r="D8689">
        <v>3.4</v>
      </c>
      <c r="E8689">
        <v>5645.99</v>
      </c>
      <c r="F8689">
        <v>26.9514</v>
      </c>
    </row>
    <row r="8690" spans="1:6" x14ac:dyDescent="0.25">
      <c r="A8690">
        <v>153.15</v>
      </c>
      <c r="B8690">
        <v>193.15</v>
      </c>
      <c r="C8690">
        <v>15709.1</v>
      </c>
      <c r="D8690">
        <v>3.7</v>
      </c>
      <c r="E8690">
        <v>16643.900000000001</v>
      </c>
      <c r="F8690">
        <v>26.9221</v>
      </c>
    </row>
    <row r="8691" spans="1:6" x14ac:dyDescent="0.25">
      <c r="A8691">
        <v>153.15</v>
      </c>
      <c r="B8691">
        <v>193.15</v>
      </c>
      <c r="C8691">
        <v>15709.1</v>
      </c>
      <c r="D8691">
        <v>4</v>
      </c>
      <c r="E8691">
        <v>16593.2</v>
      </c>
      <c r="F8691">
        <v>26.905899999999999</v>
      </c>
    </row>
    <row r="8692" spans="1:6" x14ac:dyDescent="0.25">
      <c r="A8692">
        <v>153.15</v>
      </c>
      <c r="B8692">
        <v>193.15</v>
      </c>
      <c r="C8692">
        <v>17254.5</v>
      </c>
      <c r="D8692">
        <v>1</v>
      </c>
      <c r="E8692">
        <v>20822</v>
      </c>
      <c r="F8692">
        <v>25.0593</v>
      </c>
    </row>
    <row r="8693" spans="1:6" x14ac:dyDescent="0.25">
      <c r="A8693">
        <v>153.15</v>
      </c>
      <c r="B8693">
        <v>193.15</v>
      </c>
      <c r="C8693">
        <v>17254.5</v>
      </c>
      <c r="D8693">
        <v>1.3</v>
      </c>
      <c r="E8693">
        <v>20171.8</v>
      </c>
      <c r="F8693">
        <v>25.409199999999998</v>
      </c>
    </row>
    <row r="8694" spans="1:6" x14ac:dyDescent="0.25">
      <c r="A8694">
        <v>153.15</v>
      </c>
      <c r="B8694">
        <v>193.15</v>
      </c>
      <c r="C8694">
        <v>17254.5</v>
      </c>
      <c r="D8694">
        <v>1.6</v>
      </c>
      <c r="E8694">
        <v>19626.7</v>
      </c>
      <c r="F8694">
        <v>25.502800000000001</v>
      </c>
    </row>
    <row r="8695" spans="1:6" x14ac:dyDescent="0.25">
      <c r="A8695">
        <v>153.15</v>
      </c>
      <c r="B8695">
        <v>193.15</v>
      </c>
      <c r="C8695">
        <v>17254.5</v>
      </c>
      <c r="D8695">
        <v>1.9</v>
      </c>
      <c r="E8695">
        <v>19394.599999999999</v>
      </c>
      <c r="F8695">
        <v>26.246500000000001</v>
      </c>
    </row>
    <row r="8696" spans="1:6" x14ac:dyDescent="0.25">
      <c r="A8696">
        <v>153.15</v>
      </c>
      <c r="B8696">
        <v>193.15</v>
      </c>
      <c r="C8696">
        <v>17254.5</v>
      </c>
      <c r="D8696">
        <v>2.2000000000000002</v>
      </c>
      <c r="E8696">
        <v>19145.8</v>
      </c>
      <c r="F8696">
        <v>26.796500000000002</v>
      </c>
    </row>
    <row r="8697" spans="1:6" x14ac:dyDescent="0.25">
      <c r="A8697">
        <v>153.15</v>
      </c>
      <c r="B8697">
        <v>193.15</v>
      </c>
      <c r="C8697">
        <v>17254.5</v>
      </c>
      <c r="D8697">
        <v>2.5</v>
      </c>
      <c r="E8697">
        <v>18915</v>
      </c>
      <c r="F8697">
        <v>27.2866</v>
      </c>
    </row>
    <row r="8698" spans="1:6" x14ac:dyDescent="0.25">
      <c r="A8698">
        <v>153.15</v>
      </c>
      <c r="B8698">
        <v>193.15</v>
      </c>
      <c r="C8698">
        <v>17254.5</v>
      </c>
      <c r="D8698">
        <v>2.8</v>
      </c>
      <c r="E8698">
        <v>5678.88</v>
      </c>
      <c r="F8698">
        <v>27.008600000000001</v>
      </c>
    </row>
    <row r="8699" spans="1:6" x14ac:dyDescent="0.25">
      <c r="A8699">
        <v>153.15</v>
      </c>
      <c r="B8699">
        <v>193.15</v>
      </c>
      <c r="C8699">
        <v>17254.5</v>
      </c>
      <c r="D8699">
        <v>3.1</v>
      </c>
      <c r="E8699">
        <v>5662.21</v>
      </c>
      <c r="F8699">
        <v>26.9758</v>
      </c>
    </row>
    <row r="8700" spans="1:6" x14ac:dyDescent="0.25">
      <c r="A8700">
        <v>153.15</v>
      </c>
      <c r="B8700">
        <v>193.15</v>
      </c>
      <c r="C8700">
        <v>17254.5</v>
      </c>
      <c r="D8700">
        <v>3.4</v>
      </c>
      <c r="E8700">
        <v>5645.99</v>
      </c>
      <c r="F8700">
        <v>26.9514</v>
      </c>
    </row>
    <row r="8701" spans="1:6" x14ac:dyDescent="0.25">
      <c r="A8701">
        <v>153.15</v>
      </c>
      <c r="B8701">
        <v>193.15</v>
      </c>
      <c r="C8701">
        <v>17254.5</v>
      </c>
      <c r="D8701">
        <v>3.7</v>
      </c>
      <c r="E8701">
        <v>18168.900000000001</v>
      </c>
      <c r="F8701">
        <v>26.9221</v>
      </c>
    </row>
    <row r="8702" spans="1:6" x14ac:dyDescent="0.25">
      <c r="A8702">
        <v>153.15</v>
      </c>
      <c r="B8702">
        <v>193.15</v>
      </c>
      <c r="C8702">
        <v>17254.5</v>
      </c>
      <c r="D8702">
        <v>4</v>
      </c>
      <c r="E8702">
        <v>18188.900000000001</v>
      </c>
      <c r="F8702">
        <v>26.905899999999999</v>
      </c>
    </row>
    <row r="8703" spans="1:6" x14ac:dyDescent="0.25">
      <c r="A8703">
        <v>153.15</v>
      </c>
      <c r="B8703">
        <v>193.15</v>
      </c>
      <c r="C8703">
        <v>18800</v>
      </c>
      <c r="D8703">
        <v>1</v>
      </c>
      <c r="E8703">
        <v>22450.7</v>
      </c>
      <c r="F8703">
        <v>25.0593</v>
      </c>
    </row>
    <row r="8704" spans="1:6" x14ac:dyDescent="0.25">
      <c r="A8704">
        <v>153.15</v>
      </c>
      <c r="B8704">
        <v>193.15</v>
      </c>
      <c r="C8704">
        <v>18800</v>
      </c>
      <c r="D8704">
        <v>1.3</v>
      </c>
      <c r="E8704">
        <v>21690.799999999999</v>
      </c>
      <c r="F8704">
        <v>25.409199999999998</v>
      </c>
    </row>
    <row r="8705" spans="1:6" x14ac:dyDescent="0.25">
      <c r="A8705">
        <v>153.15</v>
      </c>
      <c r="B8705">
        <v>193.15</v>
      </c>
      <c r="C8705">
        <v>18800</v>
      </c>
      <c r="D8705">
        <v>1.6</v>
      </c>
      <c r="E8705">
        <v>21307.9</v>
      </c>
      <c r="F8705">
        <v>25.502800000000001</v>
      </c>
    </row>
    <row r="8706" spans="1:6" x14ac:dyDescent="0.25">
      <c r="A8706">
        <v>153.15</v>
      </c>
      <c r="B8706">
        <v>193.15</v>
      </c>
      <c r="C8706">
        <v>18800</v>
      </c>
      <c r="D8706">
        <v>1.9</v>
      </c>
      <c r="E8706">
        <v>20787.900000000001</v>
      </c>
      <c r="F8706">
        <v>26.246500000000001</v>
      </c>
    </row>
    <row r="8707" spans="1:6" x14ac:dyDescent="0.25">
      <c r="A8707">
        <v>153.15</v>
      </c>
      <c r="B8707">
        <v>193.15</v>
      </c>
      <c r="C8707">
        <v>18800</v>
      </c>
      <c r="D8707">
        <v>2.2000000000000002</v>
      </c>
      <c r="E8707">
        <v>20544.900000000001</v>
      </c>
      <c r="F8707">
        <v>26.796500000000002</v>
      </c>
    </row>
    <row r="8708" spans="1:6" x14ac:dyDescent="0.25">
      <c r="A8708">
        <v>153.15</v>
      </c>
      <c r="B8708">
        <v>193.15</v>
      </c>
      <c r="C8708">
        <v>18800</v>
      </c>
      <c r="D8708">
        <v>2.5</v>
      </c>
      <c r="E8708">
        <v>20403.8</v>
      </c>
      <c r="F8708">
        <v>27.2866</v>
      </c>
    </row>
    <row r="8709" spans="1:6" x14ac:dyDescent="0.25">
      <c r="A8709">
        <v>153.15</v>
      </c>
      <c r="B8709">
        <v>193.15</v>
      </c>
      <c r="C8709">
        <v>18800</v>
      </c>
      <c r="D8709">
        <v>2.8</v>
      </c>
      <c r="E8709">
        <v>5678.88</v>
      </c>
      <c r="F8709">
        <v>27.008600000000001</v>
      </c>
    </row>
    <row r="8710" spans="1:6" x14ac:dyDescent="0.25">
      <c r="A8710">
        <v>153.15</v>
      </c>
      <c r="B8710">
        <v>193.15</v>
      </c>
      <c r="C8710">
        <v>18800</v>
      </c>
      <c r="D8710">
        <v>3.1</v>
      </c>
      <c r="E8710">
        <v>5662.21</v>
      </c>
      <c r="F8710">
        <v>26.9758</v>
      </c>
    </row>
    <row r="8711" spans="1:6" x14ac:dyDescent="0.25">
      <c r="A8711">
        <v>153.15</v>
      </c>
      <c r="B8711">
        <v>193.15</v>
      </c>
      <c r="C8711">
        <v>18800</v>
      </c>
      <c r="D8711">
        <v>3.4</v>
      </c>
      <c r="E8711">
        <v>5645.99</v>
      </c>
      <c r="F8711">
        <v>26.9514</v>
      </c>
    </row>
    <row r="8712" spans="1:6" x14ac:dyDescent="0.25">
      <c r="A8712">
        <v>153.15</v>
      </c>
      <c r="B8712">
        <v>193.15</v>
      </c>
      <c r="C8712">
        <v>18800</v>
      </c>
      <c r="D8712">
        <v>3.7</v>
      </c>
      <c r="E8712">
        <v>19659.3</v>
      </c>
      <c r="F8712">
        <v>26.9221</v>
      </c>
    </row>
    <row r="8713" spans="1:6" x14ac:dyDescent="0.25">
      <c r="A8713">
        <v>153.15</v>
      </c>
      <c r="B8713">
        <v>193.15</v>
      </c>
      <c r="C8713">
        <v>18800</v>
      </c>
      <c r="D8713">
        <v>4</v>
      </c>
      <c r="E8713">
        <v>19749</v>
      </c>
      <c r="F8713">
        <v>26.905899999999999</v>
      </c>
    </row>
    <row r="8714" spans="1:6" x14ac:dyDescent="0.25">
      <c r="A8714">
        <v>153.15</v>
      </c>
      <c r="B8714">
        <v>196.78</v>
      </c>
      <c r="C8714">
        <v>1800</v>
      </c>
      <c r="D8714">
        <v>1</v>
      </c>
      <c r="E8714">
        <v>5393.52</v>
      </c>
      <c r="F8714">
        <v>41.432000000000002</v>
      </c>
    </row>
    <row r="8715" spans="1:6" x14ac:dyDescent="0.25">
      <c r="A8715">
        <v>153.15</v>
      </c>
      <c r="B8715">
        <v>196.78</v>
      </c>
      <c r="C8715">
        <v>1800</v>
      </c>
      <c r="D8715">
        <v>1.3</v>
      </c>
      <c r="E8715">
        <v>4947.87</v>
      </c>
      <c r="F8715">
        <v>48.907899999999998</v>
      </c>
    </row>
    <row r="8716" spans="1:6" x14ac:dyDescent="0.25">
      <c r="A8716">
        <v>153.15</v>
      </c>
      <c r="B8716">
        <v>196.78</v>
      </c>
      <c r="C8716">
        <v>1800</v>
      </c>
      <c r="D8716">
        <v>1.6</v>
      </c>
      <c r="E8716">
        <v>4455.84</v>
      </c>
      <c r="F8716">
        <v>56.723300000000002</v>
      </c>
    </row>
    <row r="8717" spans="1:6" x14ac:dyDescent="0.25">
      <c r="A8717">
        <v>153.15</v>
      </c>
      <c r="B8717">
        <v>196.78</v>
      </c>
      <c r="C8717">
        <v>1800</v>
      </c>
      <c r="D8717">
        <v>1.9</v>
      </c>
      <c r="E8717">
        <v>4182.72</v>
      </c>
      <c r="F8717">
        <v>66.216999999999999</v>
      </c>
    </row>
    <row r="8718" spans="1:6" x14ac:dyDescent="0.25">
      <c r="A8718">
        <v>153.15</v>
      </c>
      <c r="B8718">
        <v>196.78</v>
      </c>
      <c r="C8718">
        <v>1800</v>
      </c>
      <c r="D8718">
        <v>2.2000000000000002</v>
      </c>
      <c r="E8718">
        <v>3943.51</v>
      </c>
      <c r="F8718">
        <v>69.029799999999994</v>
      </c>
    </row>
    <row r="8719" spans="1:6" x14ac:dyDescent="0.25">
      <c r="A8719">
        <v>153.15</v>
      </c>
      <c r="B8719">
        <v>196.78</v>
      </c>
      <c r="C8719">
        <v>1800</v>
      </c>
      <c r="D8719">
        <v>2.5</v>
      </c>
      <c r="E8719">
        <v>3772.22</v>
      </c>
      <c r="F8719">
        <v>72.378100000000003</v>
      </c>
    </row>
    <row r="8720" spans="1:6" x14ac:dyDescent="0.25">
      <c r="A8720">
        <v>153.15</v>
      </c>
      <c r="B8720">
        <v>196.78</v>
      </c>
      <c r="C8720">
        <v>1800</v>
      </c>
      <c r="D8720">
        <v>2.8</v>
      </c>
      <c r="E8720">
        <v>3602.82</v>
      </c>
      <c r="F8720">
        <v>75.505099999999999</v>
      </c>
    </row>
    <row r="8721" spans="1:6" x14ac:dyDescent="0.25">
      <c r="A8721">
        <v>153.15</v>
      </c>
      <c r="B8721">
        <v>196.78</v>
      </c>
      <c r="C8721">
        <v>1800</v>
      </c>
      <c r="D8721">
        <v>3.1</v>
      </c>
      <c r="E8721">
        <v>3506.75</v>
      </c>
      <c r="F8721">
        <v>78.032799999999995</v>
      </c>
    </row>
    <row r="8722" spans="1:6" x14ac:dyDescent="0.25">
      <c r="A8722">
        <v>153.15</v>
      </c>
      <c r="B8722">
        <v>196.78</v>
      </c>
      <c r="C8722">
        <v>1800</v>
      </c>
      <c r="D8722">
        <v>3.4</v>
      </c>
      <c r="E8722">
        <v>3446.34</v>
      </c>
      <c r="F8722">
        <v>82.49</v>
      </c>
    </row>
    <row r="8723" spans="1:6" x14ac:dyDescent="0.25">
      <c r="A8723">
        <v>153.15</v>
      </c>
      <c r="B8723">
        <v>196.78</v>
      </c>
      <c r="C8723">
        <v>1800</v>
      </c>
      <c r="D8723">
        <v>3.7</v>
      </c>
      <c r="E8723">
        <v>3340.06</v>
      </c>
      <c r="F8723">
        <v>89.124700000000004</v>
      </c>
    </row>
    <row r="8724" spans="1:6" x14ac:dyDescent="0.25">
      <c r="A8724">
        <v>153.15</v>
      </c>
      <c r="B8724">
        <v>196.78</v>
      </c>
      <c r="C8724">
        <v>1800</v>
      </c>
      <c r="D8724">
        <v>4</v>
      </c>
      <c r="E8724">
        <v>3297.29</v>
      </c>
      <c r="F8724">
        <v>92.990499999999997</v>
      </c>
    </row>
    <row r="8725" spans="1:6" x14ac:dyDescent="0.25">
      <c r="A8725">
        <v>153.15</v>
      </c>
      <c r="B8725">
        <v>196.78</v>
      </c>
      <c r="C8725">
        <v>3345.45</v>
      </c>
      <c r="D8725">
        <v>1</v>
      </c>
      <c r="E8725">
        <v>6987.75</v>
      </c>
      <c r="F8725">
        <v>17.952100000000002</v>
      </c>
    </row>
    <row r="8726" spans="1:6" x14ac:dyDescent="0.25">
      <c r="A8726">
        <v>153.15</v>
      </c>
      <c r="B8726">
        <v>196.78</v>
      </c>
      <c r="C8726">
        <v>3345.45</v>
      </c>
      <c r="D8726">
        <v>1.3</v>
      </c>
      <c r="E8726">
        <v>6285.84</v>
      </c>
      <c r="F8726">
        <v>21.626799999999999</v>
      </c>
    </row>
    <row r="8727" spans="1:6" x14ac:dyDescent="0.25">
      <c r="A8727">
        <v>153.15</v>
      </c>
      <c r="B8727">
        <v>196.78</v>
      </c>
      <c r="C8727">
        <v>3345.45</v>
      </c>
      <c r="D8727">
        <v>1.6</v>
      </c>
      <c r="E8727">
        <v>5824.92</v>
      </c>
      <c r="F8727">
        <v>18.8735</v>
      </c>
    </row>
    <row r="8728" spans="1:6" x14ac:dyDescent="0.25">
      <c r="A8728">
        <v>153.15</v>
      </c>
      <c r="B8728">
        <v>196.78</v>
      </c>
      <c r="C8728">
        <v>3345.45</v>
      </c>
      <c r="D8728">
        <v>1.9</v>
      </c>
      <c r="E8728">
        <v>5466.1</v>
      </c>
      <c r="F8728">
        <v>19.203600000000002</v>
      </c>
    </row>
    <row r="8729" spans="1:6" x14ac:dyDescent="0.25">
      <c r="A8729">
        <v>153.15</v>
      </c>
      <c r="B8729">
        <v>196.78</v>
      </c>
      <c r="C8729">
        <v>3345.45</v>
      </c>
      <c r="D8729">
        <v>2.2000000000000002</v>
      </c>
      <c r="E8729">
        <v>5449.32</v>
      </c>
      <c r="F8729">
        <v>25.968900000000001</v>
      </c>
    </row>
    <row r="8730" spans="1:6" x14ac:dyDescent="0.25">
      <c r="A8730">
        <v>153.15</v>
      </c>
      <c r="B8730">
        <v>196.78</v>
      </c>
      <c r="C8730">
        <v>3345.45</v>
      </c>
      <c r="D8730">
        <v>2.5</v>
      </c>
      <c r="E8730">
        <v>5227.08</v>
      </c>
      <c r="F8730">
        <v>24.919499999999999</v>
      </c>
    </row>
    <row r="8731" spans="1:6" x14ac:dyDescent="0.25">
      <c r="A8731">
        <v>153.15</v>
      </c>
      <c r="B8731">
        <v>196.78</v>
      </c>
      <c r="C8731">
        <v>3345.45</v>
      </c>
      <c r="D8731">
        <v>2.8</v>
      </c>
      <c r="E8731">
        <v>5006.59</v>
      </c>
      <c r="F8731">
        <v>19.380099999999999</v>
      </c>
    </row>
    <row r="8732" spans="1:6" x14ac:dyDescent="0.25">
      <c r="A8732">
        <v>153.15</v>
      </c>
      <c r="B8732">
        <v>196.78</v>
      </c>
      <c r="C8732">
        <v>3345.45</v>
      </c>
      <c r="D8732">
        <v>3.1</v>
      </c>
      <c r="E8732">
        <v>4946.2</v>
      </c>
      <c r="F8732">
        <v>18.166899999999998</v>
      </c>
    </row>
    <row r="8733" spans="1:6" x14ac:dyDescent="0.25">
      <c r="A8733">
        <v>153.15</v>
      </c>
      <c r="B8733">
        <v>196.78</v>
      </c>
      <c r="C8733">
        <v>3345.45</v>
      </c>
      <c r="D8733">
        <v>3.4</v>
      </c>
      <c r="E8733">
        <v>4821.71</v>
      </c>
      <c r="F8733">
        <v>18.443200000000001</v>
      </c>
    </row>
    <row r="8734" spans="1:6" x14ac:dyDescent="0.25">
      <c r="A8734">
        <v>153.15</v>
      </c>
      <c r="B8734">
        <v>196.78</v>
      </c>
      <c r="C8734">
        <v>3345.45</v>
      </c>
      <c r="D8734">
        <v>3.7</v>
      </c>
      <c r="E8734">
        <v>4818.87</v>
      </c>
      <c r="F8734">
        <v>19.204699999999999</v>
      </c>
    </row>
    <row r="8735" spans="1:6" x14ac:dyDescent="0.25">
      <c r="A8735">
        <v>153.15</v>
      </c>
      <c r="B8735">
        <v>196.78</v>
      </c>
      <c r="C8735">
        <v>3345.45</v>
      </c>
      <c r="D8735">
        <v>4</v>
      </c>
      <c r="E8735">
        <v>4765.2</v>
      </c>
      <c r="F8735">
        <v>21.104800000000001</v>
      </c>
    </row>
    <row r="8736" spans="1:6" x14ac:dyDescent="0.25">
      <c r="A8736">
        <v>153.15</v>
      </c>
      <c r="B8736">
        <v>196.78</v>
      </c>
      <c r="C8736">
        <v>4890.8999999999996</v>
      </c>
      <c r="D8736">
        <v>1</v>
      </c>
      <c r="E8736">
        <v>8516.74</v>
      </c>
      <c r="F8736">
        <v>25.0593</v>
      </c>
    </row>
    <row r="8737" spans="1:6" x14ac:dyDescent="0.25">
      <c r="A8737">
        <v>153.15</v>
      </c>
      <c r="B8737">
        <v>196.78</v>
      </c>
      <c r="C8737">
        <v>4890.8999999999996</v>
      </c>
      <c r="D8737">
        <v>1.3</v>
      </c>
      <c r="E8737">
        <v>7594.89</v>
      </c>
      <c r="F8737">
        <v>24.986499999999999</v>
      </c>
    </row>
    <row r="8738" spans="1:6" x14ac:dyDescent="0.25">
      <c r="A8738">
        <v>153.15</v>
      </c>
      <c r="B8738">
        <v>196.78</v>
      </c>
      <c r="C8738">
        <v>4890.8999999999996</v>
      </c>
      <c r="D8738">
        <v>1.6</v>
      </c>
      <c r="E8738">
        <v>7287.12</v>
      </c>
      <c r="F8738">
        <v>25.502800000000001</v>
      </c>
    </row>
    <row r="8739" spans="1:6" x14ac:dyDescent="0.25">
      <c r="A8739">
        <v>153.15</v>
      </c>
      <c r="B8739">
        <v>196.78</v>
      </c>
      <c r="C8739">
        <v>4890.8999999999996</v>
      </c>
      <c r="D8739">
        <v>1.9</v>
      </c>
      <c r="E8739">
        <v>7102.63</v>
      </c>
      <c r="F8739">
        <v>26.246500000000001</v>
      </c>
    </row>
    <row r="8740" spans="1:6" x14ac:dyDescent="0.25">
      <c r="A8740">
        <v>153.15</v>
      </c>
      <c r="B8740">
        <v>196.78</v>
      </c>
      <c r="C8740">
        <v>4890.8999999999996</v>
      </c>
      <c r="D8740">
        <v>2.2000000000000002</v>
      </c>
      <c r="E8740">
        <v>6791.48</v>
      </c>
      <c r="F8740">
        <v>26.796500000000002</v>
      </c>
    </row>
    <row r="8741" spans="1:6" x14ac:dyDescent="0.25">
      <c r="A8741">
        <v>153.15</v>
      </c>
      <c r="B8741">
        <v>196.78</v>
      </c>
      <c r="C8741">
        <v>4890.8999999999996</v>
      </c>
      <c r="D8741">
        <v>2.5</v>
      </c>
      <c r="E8741">
        <v>6461.36</v>
      </c>
      <c r="F8741">
        <v>27.2866</v>
      </c>
    </row>
    <row r="8742" spans="1:6" x14ac:dyDescent="0.25">
      <c r="A8742">
        <v>153.15</v>
      </c>
      <c r="B8742">
        <v>196.78</v>
      </c>
      <c r="C8742">
        <v>4890.8999999999996</v>
      </c>
      <c r="D8742">
        <v>2.8</v>
      </c>
      <c r="E8742">
        <v>5678.88</v>
      </c>
      <c r="F8742">
        <v>25.9405</v>
      </c>
    </row>
    <row r="8743" spans="1:6" x14ac:dyDescent="0.25">
      <c r="A8743">
        <v>153.15</v>
      </c>
      <c r="B8743">
        <v>196.78</v>
      </c>
      <c r="C8743">
        <v>4890.8999999999996</v>
      </c>
      <c r="D8743">
        <v>3.1</v>
      </c>
      <c r="E8743">
        <v>5662.21</v>
      </c>
      <c r="F8743">
        <v>25.389199999999999</v>
      </c>
    </row>
    <row r="8744" spans="1:6" x14ac:dyDescent="0.25">
      <c r="A8744">
        <v>153.15</v>
      </c>
      <c r="B8744">
        <v>196.78</v>
      </c>
      <c r="C8744">
        <v>4890.8999999999996</v>
      </c>
      <c r="D8744">
        <v>3.4</v>
      </c>
      <c r="E8744">
        <v>6241.02</v>
      </c>
      <c r="F8744">
        <v>25.649100000000001</v>
      </c>
    </row>
    <row r="8745" spans="1:6" x14ac:dyDescent="0.25">
      <c r="A8745">
        <v>153.15</v>
      </c>
      <c r="B8745">
        <v>196.78</v>
      </c>
      <c r="C8745">
        <v>4890.8999999999996</v>
      </c>
      <c r="D8745">
        <v>3.7</v>
      </c>
      <c r="E8745">
        <v>6151.04</v>
      </c>
      <c r="F8745">
        <v>25.881499999999999</v>
      </c>
    </row>
    <row r="8746" spans="1:6" x14ac:dyDescent="0.25">
      <c r="A8746">
        <v>153.15</v>
      </c>
      <c r="B8746">
        <v>196.78</v>
      </c>
      <c r="C8746">
        <v>4890.8999999999996</v>
      </c>
      <c r="D8746">
        <v>4</v>
      </c>
      <c r="E8746">
        <v>6051.21</v>
      </c>
      <c r="F8746">
        <v>26.045999999999999</v>
      </c>
    </row>
    <row r="8747" spans="1:6" x14ac:dyDescent="0.25">
      <c r="A8747">
        <v>153.15</v>
      </c>
      <c r="B8747">
        <v>196.78</v>
      </c>
      <c r="C8747">
        <v>6436.35</v>
      </c>
      <c r="D8747">
        <v>1</v>
      </c>
      <c r="E8747">
        <v>10160.5</v>
      </c>
      <c r="F8747">
        <v>25.0593</v>
      </c>
    </row>
    <row r="8748" spans="1:6" x14ac:dyDescent="0.25">
      <c r="A8748">
        <v>153.15</v>
      </c>
      <c r="B8748">
        <v>196.78</v>
      </c>
      <c r="C8748">
        <v>6436.35</v>
      </c>
      <c r="D8748">
        <v>1.3</v>
      </c>
      <c r="E8748">
        <v>9277.4</v>
      </c>
      <c r="F8748">
        <v>25.409199999999998</v>
      </c>
    </row>
    <row r="8749" spans="1:6" x14ac:dyDescent="0.25">
      <c r="A8749">
        <v>153.15</v>
      </c>
      <c r="B8749">
        <v>196.78</v>
      </c>
      <c r="C8749">
        <v>6436.35</v>
      </c>
      <c r="D8749">
        <v>1.6</v>
      </c>
      <c r="E8749">
        <v>8947.84</v>
      </c>
      <c r="F8749">
        <v>25.502800000000001</v>
      </c>
    </row>
    <row r="8750" spans="1:6" x14ac:dyDescent="0.25">
      <c r="A8750">
        <v>153.15</v>
      </c>
      <c r="B8750">
        <v>196.78</v>
      </c>
      <c r="C8750">
        <v>6436.35</v>
      </c>
      <c r="D8750">
        <v>1.9</v>
      </c>
      <c r="E8750">
        <v>8597.35</v>
      </c>
      <c r="F8750">
        <v>26.246500000000001</v>
      </c>
    </row>
    <row r="8751" spans="1:6" x14ac:dyDescent="0.25">
      <c r="A8751">
        <v>153.15</v>
      </c>
      <c r="B8751">
        <v>196.78</v>
      </c>
      <c r="C8751">
        <v>6436.35</v>
      </c>
      <c r="D8751">
        <v>2.2000000000000002</v>
      </c>
      <c r="E8751">
        <v>8222.41</v>
      </c>
      <c r="F8751">
        <v>26.796500000000002</v>
      </c>
    </row>
    <row r="8752" spans="1:6" x14ac:dyDescent="0.25">
      <c r="A8752">
        <v>153.15</v>
      </c>
      <c r="B8752">
        <v>196.78</v>
      </c>
      <c r="C8752">
        <v>6436.35</v>
      </c>
      <c r="D8752">
        <v>2.5</v>
      </c>
      <c r="E8752">
        <v>8149.46</v>
      </c>
      <c r="F8752">
        <v>27.2866</v>
      </c>
    </row>
    <row r="8753" spans="1:6" x14ac:dyDescent="0.25">
      <c r="A8753">
        <v>153.15</v>
      </c>
      <c r="B8753">
        <v>196.78</v>
      </c>
      <c r="C8753">
        <v>6436.35</v>
      </c>
      <c r="D8753">
        <v>2.8</v>
      </c>
      <c r="E8753">
        <v>5678.88</v>
      </c>
      <c r="F8753">
        <v>27.008600000000001</v>
      </c>
    </row>
    <row r="8754" spans="1:6" x14ac:dyDescent="0.25">
      <c r="A8754">
        <v>153.15</v>
      </c>
      <c r="B8754">
        <v>196.78</v>
      </c>
      <c r="C8754">
        <v>6436.35</v>
      </c>
      <c r="D8754">
        <v>3.1</v>
      </c>
      <c r="E8754">
        <v>5662.21</v>
      </c>
      <c r="F8754">
        <v>26.9758</v>
      </c>
    </row>
    <row r="8755" spans="1:6" x14ac:dyDescent="0.25">
      <c r="A8755">
        <v>153.15</v>
      </c>
      <c r="B8755">
        <v>196.78</v>
      </c>
      <c r="C8755">
        <v>6436.35</v>
      </c>
      <c r="D8755">
        <v>3.4</v>
      </c>
      <c r="E8755">
        <v>5645.99</v>
      </c>
      <c r="F8755">
        <v>26.9514</v>
      </c>
    </row>
    <row r="8756" spans="1:6" x14ac:dyDescent="0.25">
      <c r="A8756">
        <v>153.15</v>
      </c>
      <c r="B8756">
        <v>196.78</v>
      </c>
      <c r="C8756">
        <v>6436.35</v>
      </c>
      <c r="D8756">
        <v>3.7</v>
      </c>
      <c r="E8756">
        <v>7425.64</v>
      </c>
      <c r="F8756">
        <v>26.9221</v>
      </c>
    </row>
    <row r="8757" spans="1:6" x14ac:dyDescent="0.25">
      <c r="A8757">
        <v>153.15</v>
      </c>
      <c r="B8757">
        <v>196.78</v>
      </c>
      <c r="C8757">
        <v>6436.35</v>
      </c>
      <c r="D8757">
        <v>4</v>
      </c>
      <c r="E8757">
        <v>7349.19</v>
      </c>
      <c r="F8757">
        <v>26.905899999999999</v>
      </c>
    </row>
    <row r="8758" spans="1:6" x14ac:dyDescent="0.25">
      <c r="A8758">
        <v>153.15</v>
      </c>
      <c r="B8758">
        <v>196.78</v>
      </c>
      <c r="C8758">
        <v>7981.8</v>
      </c>
      <c r="D8758">
        <v>1</v>
      </c>
      <c r="E8758">
        <v>11596.2</v>
      </c>
      <c r="F8758">
        <v>25.0593</v>
      </c>
    </row>
    <row r="8759" spans="1:6" x14ac:dyDescent="0.25">
      <c r="A8759">
        <v>153.15</v>
      </c>
      <c r="B8759">
        <v>196.78</v>
      </c>
      <c r="C8759">
        <v>7981.8</v>
      </c>
      <c r="D8759">
        <v>1.3</v>
      </c>
      <c r="E8759">
        <v>10777.6</v>
      </c>
      <c r="F8759">
        <v>25.409199999999998</v>
      </c>
    </row>
    <row r="8760" spans="1:6" x14ac:dyDescent="0.25">
      <c r="A8760">
        <v>153.15</v>
      </c>
      <c r="B8760">
        <v>196.78</v>
      </c>
      <c r="C8760">
        <v>7981.8</v>
      </c>
      <c r="D8760">
        <v>1.6</v>
      </c>
      <c r="E8760">
        <v>10414</v>
      </c>
      <c r="F8760">
        <v>25.502800000000001</v>
      </c>
    </row>
    <row r="8761" spans="1:6" x14ac:dyDescent="0.25">
      <c r="A8761">
        <v>153.15</v>
      </c>
      <c r="B8761">
        <v>196.78</v>
      </c>
      <c r="C8761">
        <v>7981.8</v>
      </c>
      <c r="D8761">
        <v>1.9</v>
      </c>
      <c r="E8761">
        <v>10132.799999999999</v>
      </c>
      <c r="F8761">
        <v>26.246500000000001</v>
      </c>
    </row>
    <row r="8762" spans="1:6" x14ac:dyDescent="0.25">
      <c r="A8762">
        <v>153.15</v>
      </c>
      <c r="B8762">
        <v>196.78</v>
      </c>
      <c r="C8762">
        <v>7981.8</v>
      </c>
      <c r="D8762">
        <v>2.2000000000000002</v>
      </c>
      <c r="E8762">
        <v>9896.52</v>
      </c>
      <c r="F8762">
        <v>26.796500000000002</v>
      </c>
    </row>
    <row r="8763" spans="1:6" x14ac:dyDescent="0.25">
      <c r="A8763">
        <v>153.15</v>
      </c>
      <c r="B8763">
        <v>196.78</v>
      </c>
      <c r="C8763">
        <v>7981.8</v>
      </c>
      <c r="D8763">
        <v>2.5</v>
      </c>
      <c r="E8763">
        <v>9656.33</v>
      </c>
      <c r="F8763">
        <v>27.2866</v>
      </c>
    </row>
    <row r="8764" spans="1:6" x14ac:dyDescent="0.25">
      <c r="A8764">
        <v>153.15</v>
      </c>
      <c r="B8764">
        <v>196.78</v>
      </c>
      <c r="C8764">
        <v>7981.8</v>
      </c>
      <c r="D8764">
        <v>2.8</v>
      </c>
      <c r="E8764">
        <v>5678.88</v>
      </c>
      <c r="F8764">
        <v>27.008600000000001</v>
      </c>
    </row>
    <row r="8765" spans="1:6" x14ac:dyDescent="0.25">
      <c r="A8765">
        <v>153.15</v>
      </c>
      <c r="B8765">
        <v>196.78</v>
      </c>
      <c r="C8765">
        <v>7981.8</v>
      </c>
      <c r="D8765">
        <v>3.1</v>
      </c>
      <c r="E8765">
        <v>5662.21</v>
      </c>
      <c r="F8765">
        <v>26.9758</v>
      </c>
    </row>
    <row r="8766" spans="1:6" x14ac:dyDescent="0.25">
      <c r="A8766">
        <v>153.15</v>
      </c>
      <c r="B8766">
        <v>196.78</v>
      </c>
      <c r="C8766">
        <v>7981.8</v>
      </c>
      <c r="D8766">
        <v>3.4</v>
      </c>
      <c r="E8766">
        <v>5645.99</v>
      </c>
      <c r="F8766">
        <v>26.9514</v>
      </c>
    </row>
    <row r="8767" spans="1:6" x14ac:dyDescent="0.25">
      <c r="A8767">
        <v>153.15</v>
      </c>
      <c r="B8767">
        <v>196.78</v>
      </c>
      <c r="C8767">
        <v>7981.8</v>
      </c>
      <c r="D8767">
        <v>3.7</v>
      </c>
      <c r="E8767">
        <v>8991.85</v>
      </c>
      <c r="F8767">
        <v>26.9221</v>
      </c>
    </row>
    <row r="8768" spans="1:6" x14ac:dyDescent="0.25">
      <c r="A8768">
        <v>153.15</v>
      </c>
      <c r="B8768">
        <v>196.78</v>
      </c>
      <c r="C8768">
        <v>7981.8</v>
      </c>
      <c r="D8768">
        <v>4</v>
      </c>
      <c r="E8768">
        <v>8953.64</v>
      </c>
      <c r="F8768">
        <v>26.905899999999999</v>
      </c>
    </row>
    <row r="8769" spans="1:6" x14ac:dyDescent="0.25">
      <c r="A8769">
        <v>153.15</v>
      </c>
      <c r="B8769">
        <v>196.78</v>
      </c>
      <c r="C8769">
        <v>9527.25</v>
      </c>
      <c r="D8769">
        <v>1</v>
      </c>
      <c r="E8769">
        <v>13265.6</v>
      </c>
      <c r="F8769">
        <v>25.0593</v>
      </c>
    </row>
    <row r="8770" spans="1:6" x14ac:dyDescent="0.25">
      <c r="A8770">
        <v>153.15</v>
      </c>
      <c r="B8770">
        <v>196.78</v>
      </c>
      <c r="C8770">
        <v>9527.25</v>
      </c>
      <c r="D8770">
        <v>1.3</v>
      </c>
      <c r="E8770">
        <v>12237.1</v>
      </c>
      <c r="F8770">
        <v>25.409199999999998</v>
      </c>
    </row>
    <row r="8771" spans="1:6" x14ac:dyDescent="0.25">
      <c r="A8771">
        <v>153.15</v>
      </c>
      <c r="B8771">
        <v>196.78</v>
      </c>
      <c r="C8771">
        <v>9527.25</v>
      </c>
      <c r="D8771">
        <v>1.6</v>
      </c>
      <c r="E8771">
        <v>11944.4</v>
      </c>
      <c r="F8771">
        <v>25.502800000000001</v>
      </c>
    </row>
    <row r="8772" spans="1:6" x14ac:dyDescent="0.25">
      <c r="A8772">
        <v>153.15</v>
      </c>
      <c r="B8772">
        <v>196.78</v>
      </c>
      <c r="C8772">
        <v>9527.25</v>
      </c>
      <c r="D8772">
        <v>1.9</v>
      </c>
      <c r="E8772">
        <v>11673.8</v>
      </c>
      <c r="F8772">
        <v>26.246500000000001</v>
      </c>
    </row>
    <row r="8773" spans="1:6" x14ac:dyDescent="0.25">
      <c r="A8773">
        <v>153.15</v>
      </c>
      <c r="B8773">
        <v>196.78</v>
      </c>
      <c r="C8773">
        <v>9527.25</v>
      </c>
      <c r="D8773">
        <v>2.2000000000000002</v>
      </c>
      <c r="E8773">
        <v>11353.9</v>
      </c>
      <c r="F8773">
        <v>26.796500000000002</v>
      </c>
    </row>
    <row r="8774" spans="1:6" x14ac:dyDescent="0.25">
      <c r="A8774">
        <v>153.15</v>
      </c>
      <c r="B8774">
        <v>196.78</v>
      </c>
      <c r="C8774">
        <v>9527.25</v>
      </c>
      <c r="D8774">
        <v>2.5</v>
      </c>
      <c r="E8774">
        <v>11185.8</v>
      </c>
      <c r="F8774">
        <v>27.2866</v>
      </c>
    </row>
    <row r="8775" spans="1:6" x14ac:dyDescent="0.25">
      <c r="A8775">
        <v>153.15</v>
      </c>
      <c r="B8775">
        <v>196.78</v>
      </c>
      <c r="C8775">
        <v>9527.25</v>
      </c>
      <c r="D8775">
        <v>2.8</v>
      </c>
      <c r="E8775">
        <v>5678.88</v>
      </c>
      <c r="F8775">
        <v>27.008600000000001</v>
      </c>
    </row>
    <row r="8776" spans="1:6" x14ac:dyDescent="0.25">
      <c r="A8776">
        <v>153.15</v>
      </c>
      <c r="B8776">
        <v>196.78</v>
      </c>
      <c r="C8776">
        <v>9527.25</v>
      </c>
      <c r="D8776">
        <v>3.1</v>
      </c>
      <c r="E8776">
        <v>5662.21</v>
      </c>
      <c r="F8776">
        <v>26.9758</v>
      </c>
    </row>
    <row r="8777" spans="1:6" x14ac:dyDescent="0.25">
      <c r="A8777">
        <v>153.15</v>
      </c>
      <c r="B8777">
        <v>196.78</v>
      </c>
      <c r="C8777">
        <v>9527.25</v>
      </c>
      <c r="D8777">
        <v>3.4</v>
      </c>
      <c r="E8777">
        <v>5645.99</v>
      </c>
      <c r="F8777">
        <v>26.9514</v>
      </c>
    </row>
    <row r="8778" spans="1:6" x14ac:dyDescent="0.25">
      <c r="A8778">
        <v>153.15</v>
      </c>
      <c r="B8778">
        <v>196.78</v>
      </c>
      <c r="C8778">
        <v>9527.25</v>
      </c>
      <c r="D8778">
        <v>3.7</v>
      </c>
      <c r="E8778">
        <v>10522.9</v>
      </c>
      <c r="F8778">
        <v>26.9221</v>
      </c>
    </row>
    <row r="8779" spans="1:6" x14ac:dyDescent="0.25">
      <c r="A8779">
        <v>153.15</v>
      </c>
      <c r="B8779">
        <v>196.78</v>
      </c>
      <c r="C8779">
        <v>9527.25</v>
      </c>
      <c r="D8779">
        <v>4</v>
      </c>
      <c r="E8779">
        <v>10492.2</v>
      </c>
      <c r="F8779">
        <v>26.905899999999999</v>
      </c>
    </row>
    <row r="8780" spans="1:6" x14ac:dyDescent="0.25">
      <c r="A8780">
        <v>153.15</v>
      </c>
      <c r="B8780">
        <v>196.78</v>
      </c>
      <c r="C8780">
        <v>11072.7</v>
      </c>
      <c r="D8780">
        <v>1</v>
      </c>
      <c r="E8780">
        <v>14560.3</v>
      </c>
      <c r="F8780">
        <v>25.0593</v>
      </c>
    </row>
    <row r="8781" spans="1:6" x14ac:dyDescent="0.25">
      <c r="A8781">
        <v>153.15</v>
      </c>
      <c r="B8781">
        <v>196.78</v>
      </c>
      <c r="C8781">
        <v>11072.7</v>
      </c>
      <c r="D8781">
        <v>1.3</v>
      </c>
      <c r="E8781">
        <v>13833.9</v>
      </c>
      <c r="F8781">
        <v>25.409199999999998</v>
      </c>
    </row>
    <row r="8782" spans="1:6" x14ac:dyDescent="0.25">
      <c r="A8782">
        <v>153.15</v>
      </c>
      <c r="B8782">
        <v>196.78</v>
      </c>
      <c r="C8782">
        <v>11072.7</v>
      </c>
      <c r="D8782">
        <v>1.6</v>
      </c>
      <c r="E8782">
        <v>13468.4</v>
      </c>
      <c r="F8782">
        <v>25.502800000000001</v>
      </c>
    </row>
    <row r="8783" spans="1:6" x14ac:dyDescent="0.25">
      <c r="A8783">
        <v>153.15</v>
      </c>
      <c r="B8783">
        <v>196.78</v>
      </c>
      <c r="C8783">
        <v>11072.7</v>
      </c>
      <c r="D8783">
        <v>1.9</v>
      </c>
      <c r="E8783">
        <v>13090.5</v>
      </c>
      <c r="F8783">
        <v>26.246500000000001</v>
      </c>
    </row>
    <row r="8784" spans="1:6" x14ac:dyDescent="0.25">
      <c r="A8784">
        <v>153.15</v>
      </c>
      <c r="B8784">
        <v>196.78</v>
      </c>
      <c r="C8784">
        <v>11072.7</v>
      </c>
      <c r="D8784">
        <v>2.2000000000000002</v>
      </c>
      <c r="E8784">
        <v>12865</v>
      </c>
      <c r="F8784">
        <v>26.796500000000002</v>
      </c>
    </row>
    <row r="8785" spans="1:6" x14ac:dyDescent="0.25">
      <c r="A8785">
        <v>153.15</v>
      </c>
      <c r="B8785">
        <v>196.78</v>
      </c>
      <c r="C8785">
        <v>11072.7</v>
      </c>
      <c r="D8785">
        <v>2.5</v>
      </c>
      <c r="E8785">
        <v>12741.9</v>
      </c>
      <c r="F8785">
        <v>27.2866</v>
      </c>
    </row>
    <row r="8786" spans="1:6" x14ac:dyDescent="0.25">
      <c r="A8786">
        <v>153.15</v>
      </c>
      <c r="B8786">
        <v>196.78</v>
      </c>
      <c r="C8786">
        <v>11072.7</v>
      </c>
      <c r="D8786">
        <v>2.8</v>
      </c>
      <c r="E8786">
        <v>5678.88</v>
      </c>
      <c r="F8786">
        <v>27.008600000000001</v>
      </c>
    </row>
    <row r="8787" spans="1:6" x14ac:dyDescent="0.25">
      <c r="A8787">
        <v>153.15</v>
      </c>
      <c r="B8787">
        <v>196.78</v>
      </c>
      <c r="C8787">
        <v>11072.7</v>
      </c>
      <c r="D8787">
        <v>3.1</v>
      </c>
      <c r="E8787">
        <v>5662.21</v>
      </c>
      <c r="F8787">
        <v>26.9758</v>
      </c>
    </row>
    <row r="8788" spans="1:6" x14ac:dyDescent="0.25">
      <c r="A8788">
        <v>153.15</v>
      </c>
      <c r="B8788">
        <v>196.78</v>
      </c>
      <c r="C8788">
        <v>11072.7</v>
      </c>
      <c r="D8788">
        <v>3.4</v>
      </c>
      <c r="E8788">
        <v>5645.99</v>
      </c>
      <c r="F8788">
        <v>26.9514</v>
      </c>
    </row>
    <row r="8789" spans="1:6" x14ac:dyDescent="0.25">
      <c r="A8789">
        <v>153.15</v>
      </c>
      <c r="B8789">
        <v>196.78</v>
      </c>
      <c r="C8789">
        <v>11072.7</v>
      </c>
      <c r="D8789">
        <v>3.7</v>
      </c>
      <c r="E8789">
        <v>11996.1</v>
      </c>
      <c r="F8789">
        <v>26.9221</v>
      </c>
    </row>
    <row r="8790" spans="1:6" x14ac:dyDescent="0.25">
      <c r="A8790">
        <v>153.15</v>
      </c>
      <c r="B8790">
        <v>196.78</v>
      </c>
      <c r="C8790">
        <v>11072.7</v>
      </c>
      <c r="D8790">
        <v>4</v>
      </c>
      <c r="E8790">
        <v>12011.3</v>
      </c>
      <c r="F8790">
        <v>26.905899999999999</v>
      </c>
    </row>
    <row r="8791" spans="1:6" x14ac:dyDescent="0.25">
      <c r="A8791">
        <v>153.15</v>
      </c>
      <c r="B8791">
        <v>196.78</v>
      </c>
      <c r="C8791">
        <v>12618.2</v>
      </c>
      <c r="D8791">
        <v>1</v>
      </c>
      <c r="E8791">
        <v>16042</v>
      </c>
      <c r="F8791">
        <v>25.0593</v>
      </c>
    </row>
    <row r="8792" spans="1:6" x14ac:dyDescent="0.25">
      <c r="A8792">
        <v>153.15</v>
      </c>
      <c r="B8792">
        <v>196.78</v>
      </c>
      <c r="C8792">
        <v>12618.2</v>
      </c>
      <c r="D8792">
        <v>1.3</v>
      </c>
      <c r="E8792">
        <v>15505.7</v>
      </c>
      <c r="F8792">
        <v>25.409199999999998</v>
      </c>
    </row>
    <row r="8793" spans="1:6" x14ac:dyDescent="0.25">
      <c r="A8793">
        <v>153.15</v>
      </c>
      <c r="B8793">
        <v>196.78</v>
      </c>
      <c r="C8793">
        <v>12618.2</v>
      </c>
      <c r="D8793">
        <v>1.6</v>
      </c>
      <c r="E8793">
        <v>14952.4</v>
      </c>
      <c r="F8793">
        <v>25.502800000000001</v>
      </c>
    </row>
    <row r="8794" spans="1:6" x14ac:dyDescent="0.25">
      <c r="A8794">
        <v>153.15</v>
      </c>
      <c r="B8794">
        <v>196.78</v>
      </c>
      <c r="C8794">
        <v>12618.2</v>
      </c>
      <c r="D8794">
        <v>1.9</v>
      </c>
      <c r="E8794">
        <v>14662.4</v>
      </c>
      <c r="F8794">
        <v>26.246500000000001</v>
      </c>
    </row>
    <row r="8795" spans="1:6" x14ac:dyDescent="0.25">
      <c r="A8795">
        <v>153.15</v>
      </c>
      <c r="B8795">
        <v>196.78</v>
      </c>
      <c r="C8795">
        <v>12618.2</v>
      </c>
      <c r="D8795">
        <v>2.2000000000000002</v>
      </c>
      <c r="E8795">
        <v>14511.5</v>
      </c>
      <c r="F8795">
        <v>26.796500000000002</v>
      </c>
    </row>
    <row r="8796" spans="1:6" x14ac:dyDescent="0.25">
      <c r="A8796">
        <v>153.15</v>
      </c>
      <c r="B8796">
        <v>196.78</v>
      </c>
      <c r="C8796">
        <v>12618.2</v>
      </c>
      <c r="D8796">
        <v>2.5</v>
      </c>
      <c r="E8796">
        <v>14248.4</v>
      </c>
      <c r="F8796">
        <v>27.2866</v>
      </c>
    </row>
    <row r="8797" spans="1:6" x14ac:dyDescent="0.25">
      <c r="A8797">
        <v>153.15</v>
      </c>
      <c r="B8797">
        <v>196.78</v>
      </c>
      <c r="C8797">
        <v>12618.2</v>
      </c>
      <c r="D8797">
        <v>2.8</v>
      </c>
      <c r="E8797">
        <v>5678.88</v>
      </c>
      <c r="F8797">
        <v>27.008600000000001</v>
      </c>
    </row>
    <row r="8798" spans="1:6" x14ac:dyDescent="0.25">
      <c r="A8798">
        <v>153.15</v>
      </c>
      <c r="B8798">
        <v>196.78</v>
      </c>
      <c r="C8798">
        <v>12618.2</v>
      </c>
      <c r="D8798">
        <v>3.1</v>
      </c>
      <c r="E8798">
        <v>5662.21</v>
      </c>
      <c r="F8798">
        <v>26.9758</v>
      </c>
    </row>
    <row r="8799" spans="1:6" x14ac:dyDescent="0.25">
      <c r="A8799">
        <v>153.15</v>
      </c>
      <c r="B8799">
        <v>196.78</v>
      </c>
      <c r="C8799">
        <v>12618.2</v>
      </c>
      <c r="D8799">
        <v>3.4</v>
      </c>
      <c r="E8799">
        <v>5645.99</v>
      </c>
      <c r="F8799">
        <v>26.9514</v>
      </c>
    </row>
    <row r="8800" spans="1:6" x14ac:dyDescent="0.25">
      <c r="A8800">
        <v>153.15</v>
      </c>
      <c r="B8800">
        <v>196.78</v>
      </c>
      <c r="C8800">
        <v>12618.2</v>
      </c>
      <c r="D8800">
        <v>3.7</v>
      </c>
      <c r="E8800">
        <v>13630.3</v>
      </c>
      <c r="F8800">
        <v>26.9221</v>
      </c>
    </row>
    <row r="8801" spans="1:6" x14ac:dyDescent="0.25">
      <c r="A8801">
        <v>153.15</v>
      </c>
      <c r="B8801">
        <v>196.78</v>
      </c>
      <c r="C8801">
        <v>12618.2</v>
      </c>
      <c r="D8801">
        <v>4</v>
      </c>
      <c r="E8801">
        <v>13545.4</v>
      </c>
      <c r="F8801">
        <v>26.905899999999999</v>
      </c>
    </row>
    <row r="8802" spans="1:6" x14ac:dyDescent="0.25">
      <c r="A8802">
        <v>153.15</v>
      </c>
      <c r="B8802">
        <v>196.78</v>
      </c>
      <c r="C8802">
        <v>14163.6</v>
      </c>
      <c r="D8802">
        <v>1</v>
      </c>
      <c r="E8802">
        <v>17763</v>
      </c>
      <c r="F8802">
        <v>25.0593</v>
      </c>
    </row>
    <row r="8803" spans="1:6" x14ac:dyDescent="0.25">
      <c r="A8803">
        <v>153.15</v>
      </c>
      <c r="B8803">
        <v>196.78</v>
      </c>
      <c r="C8803">
        <v>14163.6</v>
      </c>
      <c r="D8803">
        <v>1.3</v>
      </c>
      <c r="E8803">
        <v>16931.5</v>
      </c>
      <c r="F8803">
        <v>25.409199999999998</v>
      </c>
    </row>
    <row r="8804" spans="1:6" x14ac:dyDescent="0.25">
      <c r="A8804">
        <v>153.15</v>
      </c>
      <c r="B8804">
        <v>196.78</v>
      </c>
      <c r="C8804">
        <v>14163.6</v>
      </c>
      <c r="D8804">
        <v>1.6</v>
      </c>
      <c r="E8804">
        <v>16594.3</v>
      </c>
      <c r="F8804">
        <v>25.502800000000001</v>
      </c>
    </row>
    <row r="8805" spans="1:6" x14ac:dyDescent="0.25">
      <c r="A8805">
        <v>153.15</v>
      </c>
      <c r="B8805">
        <v>196.78</v>
      </c>
      <c r="C8805">
        <v>14163.6</v>
      </c>
      <c r="D8805">
        <v>1.9</v>
      </c>
      <c r="E8805">
        <v>16201.5</v>
      </c>
      <c r="F8805">
        <v>26.246500000000001</v>
      </c>
    </row>
    <row r="8806" spans="1:6" x14ac:dyDescent="0.25">
      <c r="A8806">
        <v>153.15</v>
      </c>
      <c r="B8806">
        <v>196.78</v>
      </c>
      <c r="C8806">
        <v>14163.6</v>
      </c>
      <c r="D8806">
        <v>2.2000000000000002</v>
      </c>
      <c r="E8806">
        <v>15914.1</v>
      </c>
      <c r="F8806">
        <v>26.796500000000002</v>
      </c>
    </row>
    <row r="8807" spans="1:6" x14ac:dyDescent="0.25">
      <c r="A8807">
        <v>153.15</v>
      </c>
      <c r="B8807">
        <v>196.78</v>
      </c>
      <c r="C8807">
        <v>14163.6</v>
      </c>
      <c r="D8807">
        <v>2.5</v>
      </c>
      <c r="E8807">
        <v>15752.1</v>
      </c>
      <c r="F8807">
        <v>27.2866</v>
      </c>
    </row>
    <row r="8808" spans="1:6" x14ac:dyDescent="0.25">
      <c r="A8808">
        <v>153.15</v>
      </c>
      <c r="B8808">
        <v>196.78</v>
      </c>
      <c r="C8808">
        <v>14163.6</v>
      </c>
      <c r="D8808">
        <v>2.8</v>
      </c>
      <c r="E8808">
        <v>5678.88</v>
      </c>
      <c r="F8808">
        <v>27.008600000000001</v>
      </c>
    </row>
    <row r="8809" spans="1:6" x14ac:dyDescent="0.25">
      <c r="A8809">
        <v>153.15</v>
      </c>
      <c r="B8809">
        <v>196.78</v>
      </c>
      <c r="C8809">
        <v>14163.6</v>
      </c>
      <c r="D8809">
        <v>3.1</v>
      </c>
      <c r="E8809">
        <v>5662.21</v>
      </c>
      <c r="F8809">
        <v>26.9758</v>
      </c>
    </row>
    <row r="8810" spans="1:6" x14ac:dyDescent="0.25">
      <c r="A8810">
        <v>153.15</v>
      </c>
      <c r="B8810">
        <v>196.78</v>
      </c>
      <c r="C8810">
        <v>14163.6</v>
      </c>
      <c r="D8810">
        <v>3.4</v>
      </c>
      <c r="E8810">
        <v>5645.99</v>
      </c>
      <c r="F8810">
        <v>26.9514</v>
      </c>
    </row>
    <row r="8811" spans="1:6" x14ac:dyDescent="0.25">
      <c r="A8811">
        <v>153.15</v>
      </c>
      <c r="B8811">
        <v>196.78</v>
      </c>
      <c r="C8811">
        <v>14163.6</v>
      </c>
      <c r="D8811">
        <v>3.7</v>
      </c>
      <c r="E8811">
        <v>15043.8</v>
      </c>
      <c r="F8811">
        <v>26.9221</v>
      </c>
    </row>
    <row r="8812" spans="1:6" x14ac:dyDescent="0.25">
      <c r="A8812">
        <v>153.15</v>
      </c>
      <c r="B8812">
        <v>196.78</v>
      </c>
      <c r="C8812">
        <v>14163.6</v>
      </c>
      <c r="D8812">
        <v>4</v>
      </c>
      <c r="E8812">
        <v>15084.2</v>
      </c>
      <c r="F8812">
        <v>26.905899999999999</v>
      </c>
    </row>
    <row r="8813" spans="1:6" x14ac:dyDescent="0.25">
      <c r="A8813">
        <v>153.15</v>
      </c>
      <c r="B8813">
        <v>196.78</v>
      </c>
      <c r="C8813">
        <v>15709.1</v>
      </c>
      <c r="D8813">
        <v>1</v>
      </c>
      <c r="E8813">
        <v>19449.400000000001</v>
      </c>
      <c r="F8813">
        <v>25.0593</v>
      </c>
    </row>
    <row r="8814" spans="1:6" x14ac:dyDescent="0.25">
      <c r="A8814">
        <v>153.15</v>
      </c>
      <c r="B8814">
        <v>196.78</v>
      </c>
      <c r="C8814">
        <v>15709.1</v>
      </c>
      <c r="D8814">
        <v>1.3</v>
      </c>
      <c r="E8814">
        <v>18393.8</v>
      </c>
      <c r="F8814">
        <v>25.409199999999998</v>
      </c>
    </row>
    <row r="8815" spans="1:6" x14ac:dyDescent="0.25">
      <c r="A8815">
        <v>153.15</v>
      </c>
      <c r="B8815">
        <v>196.78</v>
      </c>
      <c r="C8815">
        <v>15709.1</v>
      </c>
      <c r="D8815">
        <v>1.6</v>
      </c>
      <c r="E8815">
        <v>18111.400000000001</v>
      </c>
      <c r="F8815">
        <v>25.502800000000001</v>
      </c>
    </row>
    <row r="8816" spans="1:6" x14ac:dyDescent="0.25">
      <c r="A8816">
        <v>153.15</v>
      </c>
      <c r="B8816">
        <v>196.78</v>
      </c>
      <c r="C8816">
        <v>15709.1</v>
      </c>
      <c r="D8816">
        <v>1.9</v>
      </c>
      <c r="E8816">
        <v>17796.099999999999</v>
      </c>
      <c r="F8816">
        <v>26.246500000000001</v>
      </c>
    </row>
    <row r="8817" spans="1:6" x14ac:dyDescent="0.25">
      <c r="A8817">
        <v>153.15</v>
      </c>
      <c r="B8817">
        <v>196.78</v>
      </c>
      <c r="C8817">
        <v>15709.1</v>
      </c>
      <c r="D8817">
        <v>2.2000000000000002</v>
      </c>
      <c r="E8817">
        <v>17611.900000000001</v>
      </c>
      <c r="F8817">
        <v>26.796500000000002</v>
      </c>
    </row>
    <row r="8818" spans="1:6" x14ac:dyDescent="0.25">
      <c r="A8818">
        <v>153.15</v>
      </c>
      <c r="B8818">
        <v>196.78</v>
      </c>
      <c r="C8818">
        <v>15709.1</v>
      </c>
      <c r="D8818">
        <v>2.5</v>
      </c>
      <c r="E8818">
        <v>17364.400000000001</v>
      </c>
      <c r="F8818">
        <v>27.2866</v>
      </c>
    </row>
    <row r="8819" spans="1:6" x14ac:dyDescent="0.25">
      <c r="A8819">
        <v>153.15</v>
      </c>
      <c r="B8819">
        <v>196.78</v>
      </c>
      <c r="C8819">
        <v>15709.1</v>
      </c>
      <c r="D8819">
        <v>2.8</v>
      </c>
      <c r="E8819">
        <v>5678.88</v>
      </c>
      <c r="F8819">
        <v>27.008600000000001</v>
      </c>
    </row>
    <row r="8820" spans="1:6" x14ac:dyDescent="0.25">
      <c r="A8820">
        <v>153.15</v>
      </c>
      <c r="B8820">
        <v>196.78</v>
      </c>
      <c r="C8820">
        <v>15709.1</v>
      </c>
      <c r="D8820">
        <v>3.1</v>
      </c>
      <c r="E8820">
        <v>5662.21</v>
      </c>
      <c r="F8820">
        <v>26.9758</v>
      </c>
    </row>
    <row r="8821" spans="1:6" x14ac:dyDescent="0.25">
      <c r="A8821">
        <v>153.15</v>
      </c>
      <c r="B8821">
        <v>196.78</v>
      </c>
      <c r="C8821">
        <v>15709.1</v>
      </c>
      <c r="D8821">
        <v>3.4</v>
      </c>
      <c r="E8821">
        <v>5645.99</v>
      </c>
      <c r="F8821">
        <v>26.9514</v>
      </c>
    </row>
    <row r="8822" spans="1:6" x14ac:dyDescent="0.25">
      <c r="A8822">
        <v>153.15</v>
      </c>
      <c r="B8822">
        <v>196.78</v>
      </c>
      <c r="C8822">
        <v>15709.1</v>
      </c>
      <c r="D8822">
        <v>3.7</v>
      </c>
      <c r="E8822">
        <v>16627.599999999999</v>
      </c>
      <c r="F8822">
        <v>26.9221</v>
      </c>
    </row>
    <row r="8823" spans="1:6" x14ac:dyDescent="0.25">
      <c r="A8823">
        <v>153.15</v>
      </c>
      <c r="B8823">
        <v>196.78</v>
      </c>
      <c r="C8823">
        <v>15709.1</v>
      </c>
      <c r="D8823">
        <v>4</v>
      </c>
      <c r="E8823">
        <v>16669.599999999999</v>
      </c>
      <c r="F8823">
        <v>26.905899999999999</v>
      </c>
    </row>
    <row r="8824" spans="1:6" x14ac:dyDescent="0.25">
      <c r="A8824">
        <v>153.15</v>
      </c>
      <c r="B8824">
        <v>196.78</v>
      </c>
      <c r="C8824">
        <v>17254.5</v>
      </c>
      <c r="D8824">
        <v>1</v>
      </c>
      <c r="E8824">
        <v>20822</v>
      </c>
      <c r="F8824">
        <v>25.0593</v>
      </c>
    </row>
    <row r="8825" spans="1:6" x14ac:dyDescent="0.25">
      <c r="A8825">
        <v>153.15</v>
      </c>
      <c r="B8825">
        <v>196.78</v>
      </c>
      <c r="C8825">
        <v>17254.5</v>
      </c>
      <c r="D8825">
        <v>1.3</v>
      </c>
      <c r="E8825">
        <v>20171.8</v>
      </c>
      <c r="F8825">
        <v>25.409199999999998</v>
      </c>
    </row>
    <row r="8826" spans="1:6" x14ac:dyDescent="0.25">
      <c r="A8826">
        <v>153.15</v>
      </c>
      <c r="B8826">
        <v>196.78</v>
      </c>
      <c r="C8826">
        <v>17254.5</v>
      </c>
      <c r="D8826">
        <v>1.6</v>
      </c>
      <c r="E8826">
        <v>19597.400000000001</v>
      </c>
      <c r="F8826">
        <v>25.502800000000001</v>
      </c>
    </row>
    <row r="8827" spans="1:6" x14ac:dyDescent="0.25">
      <c r="A8827">
        <v>153.15</v>
      </c>
      <c r="B8827">
        <v>196.78</v>
      </c>
      <c r="C8827">
        <v>17254.5</v>
      </c>
      <c r="D8827">
        <v>1.9</v>
      </c>
      <c r="E8827">
        <v>19334.5</v>
      </c>
      <c r="F8827">
        <v>26.246500000000001</v>
      </c>
    </row>
    <row r="8828" spans="1:6" x14ac:dyDescent="0.25">
      <c r="A8828">
        <v>153.15</v>
      </c>
      <c r="B8828">
        <v>196.78</v>
      </c>
      <c r="C8828">
        <v>17254.5</v>
      </c>
      <c r="D8828">
        <v>2.2000000000000002</v>
      </c>
      <c r="E8828">
        <v>19145.8</v>
      </c>
      <c r="F8828">
        <v>26.796500000000002</v>
      </c>
    </row>
    <row r="8829" spans="1:6" x14ac:dyDescent="0.25">
      <c r="A8829">
        <v>153.15</v>
      </c>
      <c r="B8829">
        <v>196.78</v>
      </c>
      <c r="C8829">
        <v>17254.5</v>
      </c>
      <c r="D8829">
        <v>2.5</v>
      </c>
      <c r="E8829">
        <v>18919.5</v>
      </c>
      <c r="F8829">
        <v>27.2866</v>
      </c>
    </row>
    <row r="8830" spans="1:6" x14ac:dyDescent="0.25">
      <c r="A8830">
        <v>153.15</v>
      </c>
      <c r="B8830">
        <v>196.78</v>
      </c>
      <c r="C8830">
        <v>17254.5</v>
      </c>
      <c r="D8830">
        <v>2.8</v>
      </c>
      <c r="E8830">
        <v>5678.88</v>
      </c>
      <c r="F8830">
        <v>27.008600000000001</v>
      </c>
    </row>
    <row r="8831" spans="1:6" x14ac:dyDescent="0.25">
      <c r="A8831">
        <v>153.15</v>
      </c>
      <c r="B8831">
        <v>196.78</v>
      </c>
      <c r="C8831">
        <v>17254.5</v>
      </c>
      <c r="D8831">
        <v>3.1</v>
      </c>
      <c r="E8831">
        <v>5662.21</v>
      </c>
      <c r="F8831">
        <v>26.9758</v>
      </c>
    </row>
    <row r="8832" spans="1:6" x14ac:dyDescent="0.25">
      <c r="A8832">
        <v>153.15</v>
      </c>
      <c r="B8832">
        <v>196.78</v>
      </c>
      <c r="C8832">
        <v>17254.5</v>
      </c>
      <c r="D8832">
        <v>3.4</v>
      </c>
      <c r="E8832">
        <v>5645.99</v>
      </c>
      <c r="F8832">
        <v>26.9514</v>
      </c>
    </row>
    <row r="8833" spans="1:6" x14ac:dyDescent="0.25">
      <c r="A8833">
        <v>153.15</v>
      </c>
      <c r="B8833">
        <v>196.78</v>
      </c>
      <c r="C8833">
        <v>17254.5</v>
      </c>
      <c r="D8833">
        <v>3.7</v>
      </c>
      <c r="E8833">
        <v>18144.2</v>
      </c>
      <c r="F8833">
        <v>26.9221</v>
      </c>
    </row>
    <row r="8834" spans="1:6" x14ac:dyDescent="0.25">
      <c r="A8834">
        <v>153.15</v>
      </c>
      <c r="B8834">
        <v>196.78</v>
      </c>
      <c r="C8834">
        <v>17254.5</v>
      </c>
      <c r="D8834">
        <v>4</v>
      </c>
      <c r="E8834">
        <v>18188.900000000001</v>
      </c>
      <c r="F8834">
        <v>26.905899999999999</v>
      </c>
    </row>
    <row r="8835" spans="1:6" x14ac:dyDescent="0.25">
      <c r="A8835">
        <v>153.15</v>
      </c>
      <c r="B8835">
        <v>196.78</v>
      </c>
      <c r="C8835">
        <v>18800</v>
      </c>
      <c r="D8835">
        <v>1</v>
      </c>
      <c r="E8835">
        <v>22369.9</v>
      </c>
      <c r="F8835">
        <v>25.0593</v>
      </c>
    </row>
    <row r="8836" spans="1:6" x14ac:dyDescent="0.25">
      <c r="A8836">
        <v>153.15</v>
      </c>
      <c r="B8836">
        <v>196.78</v>
      </c>
      <c r="C8836">
        <v>18800</v>
      </c>
      <c r="D8836">
        <v>1.3</v>
      </c>
      <c r="E8836">
        <v>21657.5</v>
      </c>
      <c r="F8836">
        <v>25.409199999999998</v>
      </c>
    </row>
    <row r="8837" spans="1:6" x14ac:dyDescent="0.25">
      <c r="A8837">
        <v>153.15</v>
      </c>
      <c r="B8837">
        <v>196.78</v>
      </c>
      <c r="C8837">
        <v>18800</v>
      </c>
      <c r="D8837">
        <v>1.6</v>
      </c>
      <c r="E8837">
        <v>21307.9</v>
      </c>
      <c r="F8837">
        <v>25.502800000000001</v>
      </c>
    </row>
    <row r="8838" spans="1:6" x14ac:dyDescent="0.25">
      <c r="A8838">
        <v>153.15</v>
      </c>
      <c r="B8838">
        <v>196.78</v>
      </c>
      <c r="C8838">
        <v>18800</v>
      </c>
      <c r="D8838">
        <v>1.9</v>
      </c>
      <c r="E8838">
        <v>20787.900000000001</v>
      </c>
      <c r="F8838">
        <v>26.246500000000001</v>
      </c>
    </row>
    <row r="8839" spans="1:6" x14ac:dyDescent="0.25">
      <c r="A8839">
        <v>153.15</v>
      </c>
      <c r="B8839">
        <v>196.78</v>
      </c>
      <c r="C8839">
        <v>18800</v>
      </c>
      <c r="D8839">
        <v>2.2000000000000002</v>
      </c>
      <c r="E8839">
        <v>20667.900000000001</v>
      </c>
      <c r="F8839">
        <v>26.796500000000002</v>
      </c>
    </row>
    <row r="8840" spans="1:6" x14ac:dyDescent="0.25">
      <c r="A8840">
        <v>153.15</v>
      </c>
      <c r="B8840">
        <v>196.78</v>
      </c>
      <c r="C8840">
        <v>18800</v>
      </c>
      <c r="D8840">
        <v>2.5</v>
      </c>
      <c r="E8840">
        <v>20354.2</v>
      </c>
      <c r="F8840">
        <v>27.2866</v>
      </c>
    </row>
    <row r="8841" spans="1:6" x14ac:dyDescent="0.25">
      <c r="A8841">
        <v>153.15</v>
      </c>
      <c r="B8841">
        <v>196.78</v>
      </c>
      <c r="C8841">
        <v>18800</v>
      </c>
      <c r="D8841">
        <v>2.8</v>
      </c>
      <c r="E8841">
        <v>5678.88</v>
      </c>
      <c r="F8841">
        <v>27.008600000000001</v>
      </c>
    </row>
    <row r="8842" spans="1:6" x14ac:dyDescent="0.25">
      <c r="A8842">
        <v>153.15</v>
      </c>
      <c r="B8842">
        <v>196.78</v>
      </c>
      <c r="C8842">
        <v>18800</v>
      </c>
      <c r="D8842">
        <v>3.1</v>
      </c>
      <c r="E8842">
        <v>5662.21</v>
      </c>
      <c r="F8842">
        <v>26.9758</v>
      </c>
    </row>
    <row r="8843" spans="1:6" x14ac:dyDescent="0.25">
      <c r="A8843">
        <v>153.15</v>
      </c>
      <c r="B8843">
        <v>196.78</v>
      </c>
      <c r="C8843">
        <v>18800</v>
      </c>
      <c r="D8843">
        <v>3.4</v>
      </c>
      <c r="E8843">
        <v>5645.99</v>
      </c>
      <c r="F8843">
        <v>26.9514</v>
      </c>
    </row>
    <row r="8844" spans="1:6" x14ac:dyDescent="0.25">
      <c r="A8844">
        <v>153.15</v>
      </c>
      <c r="B8844">
        <v>196.78</v>
      </c>
      <c r="C8844">
        <v>18800</v>
      </c>
      <c r="D8844">
        <v>3.7</v>
      </c>
      <c r="E8844">
        <v>19691.5</v>
      </c>
      <c r="F8844">
        <v>26.9221</v>
      </c>
    </row>
    <row r="8845" spans="1:6" x14ac:dyDescent="0.25">
      <c r="A8845">
        <v>153.15</v>
      </c>
      <c r="B8845">
        <v>196.78</v>
      </c>
      <c r="C8845">
        <v>18800</v>
      </c>
      <c r="D8845">
        <v>4</v>
      </c>
      <c r="E8845">
        <v>19729.8</v>
      </c>
      <c r="F8845">
        <v>26.905899999999999</v>
      </c>
    </row>
    <row r="8846" spans="1:6" x14ac:dyDescent="0.25">
      <c r="A8846">
        <v>153.15</v>
      </c>
      <c r="B8846">
        <v>200.41</v>
      </c>
      <c r="C8846">
        <v>1800</v>
      </c>
      <c r="D8846">
        <v>1</v>
      </c>
      <c r="E8846">
        <v>5393.52</v>
      </c>
      <c r="F8846">
        <v>41.432000000000002</v>
      </c>
    </row>
    <row r="8847" spans="1:6" x14ac:dyDescent="0.25">
      <c r="A8847">
        <v>153.15</v>
      </c>
      <c r="B8847">
        <v>200.41</v>
      </c>
      <c r="C8847">
        <v>1800</v>
      </c>
      <c r="D8847">
        <v>1.3</v>
      </c>
      <c r="E8847">
        <v>4947.87</v>
      </c>
      <c r="F8847">
        <v>48.907899999999998</v>
      </c>
    </row>
    <row r="8848" spans="1:6" x14ac:dyDescent="0.25">
      <c r="A8848">
        <v>153.15</v>
      </c>
      <c r="B8848">
        <v>200.41</v>
      </c>
      <c r="C8848">
        <v>1800</v>
      </c>
      <c r="D8848">
        <v>1.6</v>
      </c>
      <c r="E8848">
        <v>4455.84</v>
      </c>
      <c r="F8848">
        <v>56.723300000000002</v>
      </c>
    </row>
    <row r="8849" spans="1:6" x14ac:dyDescent="0.25">
      <c r="A8849">
        <v>153.15</v>
      </c>
      <c r="B8849">
        <v>200.41</v>
      </c>
      <c r="C8849">
        <v>1800</v>
      </c>
      <c r="D8849">
        <v>1.9</v>
      </c>
      <c r="E8849">
        <v>4182.72</v>
      </c>
      <c r="F8849">
        <v>66.216999999999999</v>
      </c>
    </row>
    <row r="8850" spans="1:6" x14ac:dyDescent="0.25">
      <c r="A8850">
        <v>153.15</v>
      </c>
      <c r="B8850">
        <v>200.41</v>
      </c>
      <c r="C8850">
        <v>1800</v>
      </c>
      <c r="D8850">
        <v>2.2000000000000002</v>
      </c>
      <c r="E8850">
        <v>3944.01</v>
      </c>
      <c r="F8850">
        <v>69.029799999999994</v>
      </c>
    </row>
    <row r="8851" spans="1:6" x14ac:dyDescent="0.25">
      <c r="A8851">
        <v>153.15</v>
      </c>
      <c r="B8851">
        <v>200.41</v>
      </c>
      <c r="C8851">
        <v>1800</v>
      </c>
      <c r="D8851">
        <v>2.5</v>
      </c>
      <c r="E8851">
        <v>3794.41</v>
      </c>
      <c r="F8851">
        <v>72.378100000000003</v>
      </c>
    </row>
    <row r="8852" spans="1:6" x14ac:dyDescent="0.25">
      <c r="A8852">
        <v>153.15</v>
      </c>
      <c r="B8852">
        <v>200.41</v>
      </c>
      <c r="C8852">
        <v>1800</v>
      </c>
      <c r="D8852">
        <v>2.8</v>
      </c>
      <c r="E8852">
        <v>3605.63</v>
      </c>
      <c r="F8852">
        <v>75.505099999999999</v>
      </c>
    </row>
    <row r="8853" spans="1:6" x14ac:dyDescent="0.25">
      <c r="A8853">
        <v>153.15</v>
      </c>
      <c r="B8853">
        <v>200.41</v>
      </c>
      <c r="C8853">
        <v>1800</v>
      </c>
      <c r="D8853">
        <v>3.1</v>
      </c>
      <c r="E8853">
        <v>3506.75</v>
      </c>
      <c r="F8853">
        <v>76.247</v>
      </c>
    </row>
    <row r="8854" spans="1:6" x14ac:dyDescent="0.25">
      <c r="A8854">
        <v>153.15</v>
      </c>
      <c r="B8854">
        <v>200.41</v>
      </c>
      <c r="C8854">
        <v>1800</v>
      </c>
      <c r="D8854">
        <v>3.4</v>
      </c>
      <c r="E8854">
        <v>3445.85</v>
      </c>
      <c r="F8854">
        <v>79.219300000000004</v>
      </c>
    </row>
    <row r="8855" spans="1:6" x14ac:dyDescent="0.25">
      <c r="A8855">
        <v>153.15</v>
      </c>
      <c r="B8855">
        <v>200.41</v>
      </c>
      <c r="C8855">
        <v>1800</v>
      </c>
      <c r="D8855">
        <v>3.7</v>
      </c>
      <c r="E8855">
        <v>3340.77</v>
      </c>
      <c r="F8855">
        <v>86.103999999999999</v>
      </c>
    </row>
    <row r="8856" spans="1:6" x14ac:dyDescent="0.25">
      <c r="A8856">
        <v>153.15</v>
      </c>
      <c r="B8856">
        <v>200.41</v>
      </c>
      <c r="C8856">
        <v>1800</v>
      </c>
      <c r="D8856">
        <v>4</v>
      </c>
      <c r="E8856">
        <v>3257.33</v>
      </c>
      <c r="F8856">
        <v>90.318200000000004</v>
      </c>
    </row>
    <row r="8857" spans="1:6" x14ac:dyDescent="0.25">
      <c r="A8857">
        <v>153.15</v>
      </c>
      <c r="B8857">
        <v>200.41</v>
      </c>
      <c r="C8857">
        <v>3345.45</v>
      </c>
      <c r="D8857">
        <v>1</v>
      </c>
      <c r="E8857">
        <v>6987.75</v>
      </c>
      <c r="F8857">
        <v>17.952100000000002</v>
      </c>
    </row>
    <row r="8858" spans="1:6" x14ac:dyDescent="0.25">
      <c r="A8858">
        <v>153.15</v>
      </c>
      <c r="B8858">
        <v>200.41</v>
      </c>
      <c r="C8858">
        <v>3345.45</v>
      </c>
      <c r="D8858">
        <v>1.3</v>
      </c>
      <c r="E8858">
        <v>6285.84</v>
      </c>
      <c r="F8858">
        <v>21.626799999999999</v>
      </c>
    </row>
    <row r="8859" spans="1:6" x14ac:dyDescent="0.25">
      <c r="A8859">
        <v>153.15</v>
      </c>
      <c r="B8859">
        <v>200.41</v>
      </c>
      <c r="C8859">
        <v>3345.45</v>
      </c>
      <c r="D8859">
        <v>1.6</v>
      </c>
      <c r="E8859">
        <v>5824.92</v>
      </c>
      <c r="F8859">
        <v>18.8735</v>
      </c>
    </row>
    <row r="8860" spans="1:6" x14ac:dyDescent="0.25">
      <c r="A8860">
        <v>153.15</v>
      </c>
      <c r="B8860">
        <v>200.41</v>
      </c>
      <c r="C8860">
        <v>3345.45</v>
      </c>
      <c r="D8860">
        <v>1.9</v>
      </c>
      <c r="E8860">
        <v>5466.1</v>
      </c>
      <c r="F8860">
        <v>19.203600000000002</v>
      </c>
    </row>
    <row r="8861" spans="1:6" x14ac:dyDescent="0.25">
      <c r="A8861">
        <v>153.15</v>
      </c>
      <c r="B8861">
        <v>200.41</v>
      </c>
      <c r="C8861">
        <v>3345.45</v>
      </c>
      <c r="D8861">
        <v>2.2000000000000002</v>
      </c>
      <c r="E8861">
        <v>5381.75</v>
      </c>
      <c r="F8861">
        <v>25.968900000000001</v>
      </c>
    </row>
    <row r="8862" spans="1:6" x14ac:dyDescent="0.25">
      <c r="A8862">
        <v>153.15</v>
      </c>
      <c r="B8862">
        <v>200.41</v>
      </c>
      <c r="C8862">
        <v>3345.45</v>
      </c>
      <c r="D8862">
        <v>2.5</v>
      </c>
      <c r="E8862">
        <v>5227.08</v>
      </c>
      <c r="F8862">
        <v>24.919499999999999</v>
      </c>
    </row>
    <row r="8863" spans="1:6" x14ac:dyDescent="0.25">
      <c r="A8863">
        <v>153.15</v>
      </c>
      <c r="B8863">
        <v>200.41</v>
      </c>
      <c r="C8863">
        <v>3345.45</v>
      </c>
      <c r="D8863">
        <v>2.8</v>
      </c>
      <c r="E8863">
        <v>5006.59</v>
      </c>
      <c r="F8863">
        <v>19.380099999999999</v>
      </c>
    </row>
    <row r="8864" spans="1:6" x14ac:dyDescent="0.25">
      <c r="A8864">
        <v>153.15</v>
      </c>
      <c r="B8864">
        <v>200.41</v>
      </c>
      <c r="C8864">
        <v>3345.45</v>
      </c>
      <c r="D8864">
        <v>3.1</v>
      </c>
      <c r="E8864">
        <v>4946.2</v>
      </c>
      <c r="F8864">
        <v>18.166899999999998</v>
      </c>
    </row>
    <row r="8865" spans="1:6" x14ac:dyDescent="0.25">
      <c r="A8865">
        <v>153.15</v>
      </c>
      <c r="B8865">
        <v>200.41</v>
      </c>
      <c r="C8865">
        <v>3345.45</v>
      </c>
      <c r="D8865">
        <v>3.4</v>
      </c>
      <c r="E8865">
        <v>4820.04</v>
      </c>
      <c r="F8865">
        <v>18.443200000000001</v>
      </c>
    </row>
    <row r="8866" spans="1:6" x14ac:dyDescent="0.25">
      <c r="A8866">
        <v>153.15</v>
      </c>
      <c r="B8866">
        <v>200.41</v>
      </c>
      <c r="C8866">
        <v>3345.45</v>
      </c>
      <c r="D8866">
        <v>3.7</v>
      </c>
      <c r="E8866">
        <v>4746.7299999999996</v>
      </c>
      <c r="F8866">
        <v>18.107399999999998</v>
      </c>
    </row>
    <row r="8867" spans="1:6" x14ac:dyDescent="0.25">
      <c r="A8867">
        <v>153.15</v>
      </c>
      <c r="B8867">
        <v>200.41</v>
      </c>
      <c r="C8867">
        <v>3345.45</v>
      </c>
      <c r="D8867">
        <v>4</v>
      </c>
      <c r="E8867">
        <v>4746.26</v>
      </c>
      <c r="F8867">
        <v>19.001899999999999</v>
      </c>
    </row>
    <row r="8868" spans="1:6" x14ac:dyDescent="0.25">
      <c r="A8868">
        <v>153.15</v>
      </c>
      <c r="B8868">
        <v>200.41</v>
      </c>
      <c r="C8868">
        <v>4890.8999999999996</v>
      </c>
      <c r="D8868">
        <v>1</v>
      </c>
      <c r="E8868">
        <v>8516.74</v>
      </c>
      <c r="F8868">
        <v>25.0593</v>
      </c>
    </row>
    <row r="8869" spans="1:6" x14ac:dyDescent="0.25">
      <c r="A8869">
        <v>153.15</v>
      </c>
      <c r="B8869">
        <v>200.41</v>
      </c>
      <c r="C8869">
        <v>4890.8999999999996</v>
      </c>
      <c r="D8869">
        <v>1.3</v>
      </c>
      <c r="E8869">
        <v>7594.89</v>
      </c>
      <c r="F8869">
        <v>24.986499999999999</v>
      </c>
    </row>
    <row r="8870" spans="1:6" x14ac:dyDescent="0.25">
      <c r="A8870">
        <v>153.15</v>
      </c>
      <c r="B8870">
        <v>200.41</v>
      </c>
      <c r="C8870">
        <v>4890.8999999999996</v>
      </c>
      <c r="D8870">
        <v>1.6</v>
      </c>
      <c r="E8870">
        <v>7287.12</v>
      </c>
      <c r="F8870">
        <v>25.502800000000001</v>
      </c>
    </row>
    <row r="8871" spans="1:6" x14ac:dyDescent="0.25">
      <c r="A8871">
        <v>153.15</v>
      </c>
      <c r="B8871">
        <v>200.41</v>
      </c>
      <c r="C8871">
        <v>4890.8999999999996</v>
      </c>
      <c r="D8871">
        <v>1.9</v>
      </c>
      <c r="E8871">
        <v>7102.63</v>
      </c>
      <c r="F8871">
        <v>26.246500000000001</v>
      </c>
    </row>
    <row r="8872" spans="1:6" x14ac:dyDescent="0.25">
      <c r="A8872">
        <v>153.15</v>
      </c>
      <c r="B8872">
        <v>200.41</v>
      </c>
      <c r="C8872">
        <v>4890.8999999999996</v>
      </c>
      <c r="D8872">
        <v>2.2000000000000002</v>
      </c>
      <c r="E8872">
        <v>6791.48</v>
      </c>
      <c r="F8872">
        <v>26.796500000000002</v>
      </c>
    </row>
    <row r="8873" spans="1:6" x14ac:dyDescent="0.25">
      <c r="A8873">
        <v>153.15</v>
      </c>
      <c r="B8873">
        <v>200.41</v>
      </c>
      <c r="C8873">
        <v>4890.8999999999996</v>
      </c>
      <c r="D8873">
        <v>2.5</v>
      </c>
      <c r="E8873">
        <v>6461.36</v>
      </c>
      <c r="F8873">
        <v>27.2866</v>
      </c>
    </row>
    <row r="8874" spans="1:6" x14ac:dyDescent="0.25">
      <c r="A8874">
        <v>153.15</v>
      </c>
      <c r="B8874">
        <v>200.41</v>
      </c>
      <c r="C8874">
        <v>4890.8999999999996</v>
      </c>
      <c r="D8874">
        <v>2.8</v>
      </c>
      <c r="E8874">
        <v>5678.88</v>
      </c>
      <c r="F8874">
        <v>25.9405</v>
      </c>
    </row>
    <row r="8875" spans="1:6" x14ac:dyDescent="0.25">
      <c r="A8875">
        <v>153.15</v>
      </c>
      <c r="B8875">
        <v>200.41</v>
      </c>
      <c r="C8875">
        <v>4890.8999999999996</v>
      </c>
      <c r="D8875">
        <v>3.1</v>
      </c>
      <c r="E8875">
        <v>5662.21</v>
      </c>
      <c r="F8875">
        <v>25.389199999999999</v>
      </c>
    </row>
    <row r="8876" spans="1:6" x14ac:dyDescent="0.25">
      <c r="A8876">
        <v>153.15</v>
      </c>
      <c r="B8876">
        <v>200.41</v>
      </c>
      <c r="C8876">
        <v>4890.8999999999996</v>
      </c>
      <c r="D8876">
        <v>3.4</v>
      </c>
      <c r="E8876">
        <v>6241.02</v>
      </c>
      <c r="F8876">
        <v>25.649100000000001</v>
      </c>
    </row>
    <row r="8877" spans="1:6" x14ac:dyDescent="0.25">
      <c r="A8877">
        <v>153.15</v>
      </c>
      <c r="B8877">
        <v>200.41</v>
      </c>
      <c r="C8877">
        <v>4890.8999999999996</v>
      </c>
      <c r="D8877">
        <v>3.7</v>
      </c>
      <c r="E8877">
        <v>6151.04</v>
      </c>
      <c r="F8877">
        <v>25.881499999999999</v>
      </c>
    </row>
    <row r="8878" spans="1:6" x14ac:dyDescent="0.25">
      <c r="A8878">
        <v>153.15</v>
      </c>
      <c r="B8878">
        <v>200.41</v>
      </c>
      <c r="C8878">
        <v>4890.8999999999996</v>
      </c>
      <c r="D8878">
        <v>4</v>
      </c>
      <c r="E8878">
        <v>6051.21</v>
      </c>
      <c r="F8878">
        <v>26.045999999999999</v>
      </c>
    </row>
    <row r="8879" spans="1:6" x14ac:dyDescent="0.25">
      <c r="A8879">
        <v>153.15</v>
      </c>
      <c r="B8879">
        <v>200.41</v>
      </c>
      <c r="C8879">
        <v>6436.35</v>
      </c>
      <c r="D8879">
        <v>1</v>
      </c>
      <c r="E8879">
        <v>10160.5</v>
      </c>
      <c r="F8879">
        <v>25.0593</v>
      </c>
    </row>
    <row r="8880" spans="1:6" x14ac:dyDescent="0.25">
      <c r="A8880">
        <v>153.15</v>
      </c>
      <c r="B8880">
        <v>200.41</v>
      </c>
      <c r="C8880">
        <v>6436.35</v>
      </c>
      <c r="D8880">
        <v>1.3</v>
      </c>
      <c r="E8880">
        <v>9277.4</v>
      </c>
      <c r="F8880">
        <v>25.409199999999998</v>
      </c>
    </row>
    <row r="8881" spans="1:6" x14ac:dyDescent="0.25">
      <c r="A8881">
        <v>153.15</v>
      </c>
      <c r="B8881">
        <v>200.41</v>
      </c>
      <c r="C8881">
        <v>6436.35</v>
      </c>
      <c r="D8881">
        <v>1.6</v>
      </c>
      <c r="E8881">
        <v>8947.84</v>
      </c>
      <c r="F8881">
        <v>25.502800000000001</v>
      </c>
    </row>
    <row r="8882" spans="1:6" x14ac:dyDescent="0.25">
      <c r="A8882">
        <v>153.15</v>
      </c>
      <c r="B8882">
        <v>200.41</v>
      </c>
      <c r="C8882">
        <v>6436.35</v>
      </c>
      <c r="D8882">
        <v>1.9</v>
      </c>
      <c r="E8882">
        <v>8597.35</v>
      </c>
      <c r="F8882">
        <v>26.246500000000001</v>
      </c>
    </row>
    <row r="8883" spans="1:6" x14ac:dyDescent="0.25">
      <c r="A8883">
        <v>153.15</v>
      </c>
      <c r="B8883">
        <v>200.41</v>
      </c>
      <c r="C8883">
        <v>6436.35</v>
      </c>
      <c r="D8883">
        <v>2.2000000000000002</v>
      </c>
      <c r="E8883">
        <v>8222.41</v>
      </c>
      <c r="F8883">
        <v>26.796500000000002</v>
      </c>
    </row>
    <row r="8884" spans="1:6" x14ac:dyDescent="0.25">
      <c r="A8884">
        <v>153.15</v>
      </c>
      <c r="B8884">
        <v>200.41</v>
      </c>
      <c r="C8884">
        <v>6436.35</v>
      </c>
      <c r="D8884">
        <v>2.5</v>
      </c>
      <c r="E8884">
        <v>8149.46</v>
      </c>
      <c r="F8884">
        <v>27.2866</v>
      </c>
    </row>
    <row r="8885" spans="1:6" x14ac:dyDescent="0.25">
      <c r="A8885">
        <v>153.15</v>
      </c>
      <c r="B8885">
        <v>200.41</v>
      </c>
      <c r="C8885">
        <v>6436.35</v>
      </c>
      <c r="D8885">
        <v>2.8</v>
      </c>
      <c r="E8885">
        <v>5678.88</v>
      </c>
      <c r="F8885">
        <v>27.008600000000001</v>
      </c>
    </row>
    <row r="8886" spans="1:6" x14ac:dyDescent="0.25">
      <c r="A8886">
        <v>153.15</v>
      </c>
      <c r="B8886">
        <v>200.41</v>
      </c>
      <c r="C8886">
        <v>6436.35</v>
      </c>
      <c r="D8886">
        <v>3.1</v>
      </c>
      <c r="E8886">
        <v>5662.21</v>
      </c>
      <c r="F8886">
        <v>26.9758</v>
      </c>
    </row>
    <row r="8887" spans="1:6" x14ac:dyDescent="0.25">
      <c r="A8887">
        <v>153.15</v>
      </c>
      <c r="B8887">
        <v>200.41</v>
      </c>
      <c r="C8887">
        <v>6436.35</v>
      </c>
      <c r="D8887">
        <v>3.4</v>
      </c>
      <c r="E8887">
        <v>5645.99</v>
      </c>
      <c r="F8887">
        <v>26.9514</v>
      </c>
    </row>
    <row r="8888" spans="1:6" x14ac:dyDescent="0.25">
      <c r="A8888">
        <v>153.15</v>
      </c>
      <c r="B8888">
        <v>200.41</v>
      </c>
      <c r="C8888">
        <v>6436.35</v>
      </c>
      <c r="D8888">
        <v>3.7</v>
      </c>
      <c r="E8888">
        <v>7425.64</v>
      </c>
      <c r="F8888">
        <v>26.9221</v>
      </c>
    </row>
    <row r="8889" spans="1:6" x14ac:dyDescent="0.25">
      <c r="A8889">
        <v>153.15</v>
      </c>
      <c r="B8889">
        <v>200.41</v>
      </c>
      <c r="C8889">
        <v>6436.35</v>
      </c>
      <c r="D8889">
        <v>4</v>
      </c>
      <c r="E8889">
        <v>7349.19</v>
      </c>
      <c r="F8889">
        <v>26.905899999999999</v>
      </c>
    </row>
    <row r="8890" spans="1:6" x14ac:dyDescent="0.25">
      <c r="A8890">
        <v>153.15</v>
      </c>
      <c r="B8890">
        <v>200.41</v>
      </c>
      <c r="C8890">
        <v>7981.8</v>
      </c>
      <c r="D8890">
        <v>1</v>
      </c>
      <c r="E8890">
        <v>11596.2</v>
      </c>
      <c r="F8890">
        <v>25.0593</v>
      </c>
    </row>
    <row r="8891" spans="1:6" x14ac:dyDescent="0.25">
      <c r="A8891">
        <v>153.15</v>
      </c>
      <c r="B8891">
        <v>200.41</v>
      </c>
      <c r="C8891">
        <v>7981.8</v>
      </c>
      <c r="D8891">
        <v>1.3</v>
      </c>
      <c r="E8891">
        <v>10777.6</v>
      </c>
      <c r="F8891">
        <v>25.409199999999998</v>
      </c>
    </row>
    <row r="8892" spans="1:6" x14ac:dyDescent="0.25">
      <c r="A8892">
        <v>153.15</v>
      </c>
      <c r="B8892">
        <v>200.41</v>
      </c>
      <c r="C8892">
        <v>7981.8</v>
      </c>
      <c r="D8892">
        <v>1.6</v>
      </c>
      <c r="E8892">
        <v>10414</v>
      </c>
      <c r="F8892">
        <v>25.502800000000001</v>
      </c>
    </row>
    <row r="8893" spans="1:6" x14ac:dyDescent="0.25">
      <c r="A8893">
        <v>153.15</v>
      </c>
      <c r="B8893">
        <v>200.41</v>
      </c>
      <c r="C8893">
        <v>7981.8</v>
      </c>
      <c r="D8893">
        <v>1.9</v>
      </c>
      <c r="E8893">
        <v>10132.799999999999</v>
      </c>
      <c r="F8893">
        <v>26.246500000000001</v>
      </c>
    </row>
    <row r="8894" spans="1:6" x14ac:dyDescent="0.25">
      <c r="A8894">
        <v>153.15</v>
      </c>
      <c r="B8894">
        <v>200.41</v>
      </c>
      <c r="C8894">
        <v>7981.8</v>
      </c>
      <c r="D8894">
        <v>2.2000000000000002</v>
      </c>
      <c r="E8894">
        <v>9896.52</v>
      </c>
      <c r="F8894">
        <v>26.796500000000002</v>
      </c>
    </row>
    <row r="8895" spans="1:6" x14ac:dyDescent="0.25">
      <c r="A8895">
        <v>153.15</v>
      </c>
      <c r="B8895">
        <v>200.41</v>
      </c>
      <c r="C8895">
        <v>7981.8</v>
      </c>
      <c r="D8895">
        <v>2.5</v>
      </c>
      <c r="E8895">
        <v>9656.33</v>
      </c>
      <c r="F8895">
        <v>27.2866</v>
      </c>
    </row>
    <row r="8896" spans="1:6" x14ac:dyDescent="0.25">
      <c r="A8896">
        <v>153.15</v>
      </c>
      <c r="B8896">
        <v>200.41</v>
      </c>
      <c r="C8896">
        <v>7981.8</v>
      </c>
      <c r="D8896">
        <v>2.8</v>
      </c>
      <c r="E8896">
        <v>5678.88</v>
      </c>
      <c r="F8896">
        <v>27.008600000000001</v>
      </c>
    </row>
    <row r="8897" spans="1:6" x14ac:dyDescent="0.25">
      <c r="A8897">
        <v>153.15</v>
      </c>
      <c r="B8897">
        <v>200.41</v>
      </c>
      <c r="C8897">
        <v>7981.8</v>
      </c>
      <c r="D8897">
        <v>3.1</v>
      </c>
      <c r="E8897">
        <v>5662.21</v>
      </c>
      <c r="F8897">
        <v>26.9758</v>
      </c>
    </row>
    <row r="8898" spans="1:6" x14ac:dyDescent="0.25">
      <c r="A8898">
        <v>153.15</v>
      </c>
      <c r="B8898">
        <v>200.41</v>
      </c>
      <c r="C8898">
        <v>7981.8</v>
      </c>
      <c r="D8898">
        <v>3.4</v>
      </c>
      <c r="E8898">
        <v>5645.99</v>
      </c>
      <c r="F8898">
        <v>26.9514</v>
      </c>
    </row>
    <row r="8899" spans="1:6" x14ac:dyDescent="0.25">
      <c r="A8899">
        <v>153.15</v>
      </c>
      <c r="B8899">
        <v>200.41</v>
      </c>
      <c r="C8899">
        <v>7981.8</v>
      </c>
      <c r="D8899">
        <v>3.7</v>
      </c>
      <c r="E8899">
        <v>8991.85</v>
      </c>
      <c r="F8899">
        <v>26.9221</v>
      </c>
    </row>
    <row r="8900" spans="1:6" x14ac:dyDescent="0.25">
      <c r="A8900">
        <v>153.15</v>
      </c>
      <c r="B8900">
        <v>200.41</v>
      </c>
      <c r="C8900">
        <v>7981.8</v>
      </c>
      <c r="D8900">
        <v>4</v>
      </c>
      <c r="E8900">
        <v>8953.64</v>
      </c>
      <c r="F8900">
        <v>26.905899999999999</v>
      </c>
    </row>
    <row r="8901" spans="1:6" x14ac:dyDescent="0.25">
      <c r="A8901">
        <v>153.15</v>
      </c>
      <c r="B8901">
        <v>200.41</v>
      </c>
      <c r="C8901">
        <v>9527.25</v>
      </c>
      <c r="D8901">
        <v>1</v>
      </c>
      <c r="E8901">
        <v>13265.6</v>
      </c>
      <c r="F8901">
        <v>25.0593</v>
      </c>
    </row>
    <row r="8902" spans="1:6" x14ac:dyDescent="0.25">
      <c r="A8902">
        <v>153.15</v>
      </c>
      <c r="B8902">
        <v>200.41</v>
      </c>
      <c r="C8902">
        <v>9527.25</v>
      </c>
      <c r="D8902">
        <v>1.3</v>
      </c>
      <c r="E8902">
        <v>12237.1</v>
      </c>
      <c r="F8902">
        <v>25.409199999999998</v>
      </c>
    </row>
    <row r="8903" spans="1:6" x14ac:dyDescent="0.25">
      <c r="A8903">
        <v>153.15</v>
      </c>
      <c r="B8903">
        <v>200.41</v>
      </c>
      <c r="C8903">
        <v>9527.25</v>
      </c>
      <c r="D8903">
        <v>1.6</v>
      </c>
      <c r="E8903">
        <v>11944.4</v>
      </c>
      <c r="F8903">
        <v>25.502800000000001</v>
      </c>
    </row>
    <row r="8904" spans="1:6" x14ac:dyDescent="0.25">
      <c r="A8904">
        <v>153.15</v>
      </c>
      <c r="B8904">
        <v>200.41</v>
      </c>
      <c r="C8904">
        <v>9527.25</v>
      </c>
      <c r="D8904">
        <v>1.9</v>
      </c>
      <c r="E8904">
        <v>11673.8</v>
      </c>
      <c r="F8904">
        <v>26.246500000000001</v>
      </c>
    </row>
    <row r="8905" spans="1:6" x14ac:dyDescent="0.25">
      <c r="A8905">
        <v>153.15</v>
      </c>
      <c r="B8905">
        <v>200.41</v>
      </c>
      <c r="C8905">
        <v>9527.25</v>
      </c>
      <c r="D8905">
        <v>2.2000000000000002</v>
      </c>
      <c r="E8905">
        <v>11353.9</v>
      </c>
      <c r="F8905">
        <v>26.796500000000002</v>
      </c>
    </row>
    <row r="8906" spans="1:6" x14ac:dyDescent="0.25">
      <c r="A8906">
        <v>153.15</v>
      </c>
      <c r="B8906">
        <v>200.41</v>
      </c>
      <c r="C8906">
        <v>9527.25</v>
      </c>
      <c r="D8906">
        <v>2.5</v>
      </c>
      <c r="E8906">
        <v>11185.8</v>
      </c>
      <c r="F8906">
        <v>27.2866</v>
      </c>
    </row>
    <row r="8907" spans="1:6" x14ac:dyDescent="0.25">
      <c r="A8907">
        <v>153.15</v>
      </c>
      <c r="B8907">
        <v>200.41</v>
      </c>
      <c r="C8907">
        <v>9527.25</v>
      </c>
      <c r="D8907">
        <v>2.8</v>
      </c>
      <c r="E8907">
        <v>5678.88</v>
      </c>
      <c r="F8907">
        <v>27.008600000000001</v>
      </c>
    </row>
    <row r="8908" spans="1:6" x14ac:dyDescent="0.25">
      <c r="A8908">
        <v>153.15</v>
      </c>
      <c r="B8908">
        <v>200.41</v>
      </c>
      <c r="C8908">
        <v>9527.25</v>
      </c>
      <c r="D8908">
        <v>3.1</v>
      </c>
      <c r="E8908">
        <v>5662.21</v>
      </c>
      <c r="F8908">
        <v>26.9758</v>
      </c>
    </row>
    <row r="8909" spans="1:6" x14ac:dyDescent="0.25">
      <c r="A8909">
        <v>153.15</v>
      </c>
      <c r="B8909">
        <v>200.41</v>
      </c>
      <c r="C8909">
        <v>9527.25</v>
      </c>
      <c r="D8909">
        <v>3.4</v>
      </c>
      <c r="E8909">
        <v>5645.99</v>
      </c>
      <c r="F8909">
        <v>26.9514</v>
      </c>
    </row>
    <row r="8910" spans="1:6" x14ac:dyDescent="0.25">
      <c r="A8910">
        <v>153.15</v>
      </c>
      <c r="B8910">
        <v>200.41</v>
      </c>
      <c r="C8910">
        <v>9527.25</v>
      </c>
      <c r="D8910">
        <v>3.7</v>
      </c>
      <c r="E8910">
        <v>10522.9</v>
      </c>
      <c r="F8910">
        <v>26.9221</v>
      </c>
    </row>
    <row r="8911" spans="1:6" x14ac:dyDescent="0.25">
      <c r="A8911">
        <v>153.15</v>
      </c>
      <c r="B8911">
        <v>200.41</v>
      </c>
      <c r="C8911">
        <v>9527.25</v>
      </c>
      <c r="D8911">
        <v>4</v>
      </c>
      <c r="E8911">
        <v>10492.2</v>
      </c>
      <c r="F8911">
        <v>26.905899999999999</v>
      </c>
    </row>
    <row r="8912" spans="1:6" x14ac:dyDescent="0.25">
      <c r="A8912">
        <v>153.15</v>
      </c>
      <c r="B8912">
        <v>200.41</v>
      </c>
      <c r="C8912">
        <v>11072.7</v>
      </c>
      <c r="D8912">
        <v>1</v>
      </c>
      <c r="E8912">
        <v>14560.3</v>
      </c>
      <c r="F8912">
        <v>25.0593</v>
      </c>
    </row>
    <row r="8913" spans="1:6" x14ac:dyDescent="0.25">
      <c r="A8913">
        <v>153.15</v>
      </c>
      <c r="B8913">
        <v>200.41</v>
      </c>
      <c r="C8913">
        <v>11072.7</v>
      </c>
      <c r="D8913">
        <v>1.3</v>
      </c>
      <c r="E8913">
        <v>13833.9</v>
      </c>
      <c r="F8913">
        <v>25.409199999999998</v>
      </c>
    </row>
    <row r="8914" spans="1:6" x14ac:dyDescent="0.25">
      <c r="A8914">
        <v>153.15</v>
      </c>
      <c r="B8914">
        <v>200.41</v>
      </c>
      <c r="C8914">
        <v>11072.7</v>
      </c>
      <c r="D8914">
        <v>1.6</v>
      </c>
      <c r="E8914">
        <v>13468.4</v>
      </c>
      <c r="F8914">
        <v>25.502800000000001</v>
      </c>
    </row>
    <row r="8915" spans="1:6" x14ac:dyDescent="0.25">
      <c r="A8915">
        <v>153.15</v>
      </c>
      <c r="B8915">
        <v>200.41</v>
      </c>
      <c r="C8915">
        <v>11072.7</v>
      </c>
      <c r="D8915">
        <v>1.9</v>
      </c>
      <c r="E8915">
        <v>13106.2</v>
      </c>
      <c r="F8915">
        <v>26.246500000000001</v>
      </c>
    </row>
    <row r="8916" spans="1:6" x14ac:dyDescent="0.25">
      <c r="A8916">
        <v>153.15</v>
      </c>
      <c r="B8916">
        <v>200.41</v>
      </c>
      <c r="C8916">
        <v>11072.7</v>
      </c>
      <c r="D8916">
        <v>2.2000000000000002</v>
      </c>
      <c r="E8916">
        <v>12865</v>
      </c>
      <c r="F8916">
        <v>26.796500000000002</v>
      </c>
    </row>
    <row r="8917" spans="1:6" x14ac:dyDescent="0.25">
      <c r="A8917">
        <v>153.15</v>
      </c>
      <c r="B8917">
        <v>200.41</v>
      </c>
      <c r="C8917">
        <v>11072.7</v>
      </c>
      <c r="D8917">
        <v>2.5</v>
      </c>
      <c r="E8917">
        <v>12741.9</v>
      </c>
      <c r="F8917">
        <v>27.2866</v>
      </c>
    </row>
    <row r="8918" spans="1:6" x14ac:dyDescent="0.25">
      <c r="A8918">
        <v>153.15</v>
      </c>
      <c r="B8918">
        <v>200.41</v>
      </c>
      <c r="C8918">
        <v>11072.7</v>
      </c>
      <c r="D8918">
        <v>2.8</v>
      </c>
      <c r="E8918">
        <v>5678.88</v>
      </c>
      <c r="F8918">
        <v>27.008600000000001</v>
      </c>
    </row>
    <row r="8919" spans="1:6" x14ac:dyDescent="0.25">
      <c r="A8919">
        <v>153.15</v>
      </c>
      <c r="B8919">
        <v>200.41</v>
      </c>
      <c r="C8919">
        <v>11072.7</v>
      </c>
      <c r="D8919">
        <v>3.1</v>
      </c>
      <c r="E8919">
        <v>5662.21</v>
      </c>
      <c r="F8919">
        <v>26.9758</v>
      </c>
    </row>
    <row r="8920" spans="1:6" x14ac:dyDescent="0.25">
      <c r="A8920">
        <v>153.15</v>
      </c>
      <c r="B8920">
        <v>200.41</v>
      </c>
      <c r="C8920">
        <v>11072.7</v>
      </c>
      <c r="D8920">
        <v>3.4</v>
      </c>
      <c r="E8920">
        <v>5645.99</v>
      </c>
      <c r="F8920">
        <v>26.9514</v>
      </c>
    </row>
    <row r="8921" spans="1:6" x14ac:dyDescent="0.25">
      <c r="A8921">
        <v>153.15</v>
      </c>
      <c r="B8921">
        <v>200.41</v>
      </c>
      <c r="C8921">
        <v>11072.7</v>
      </c>
      <c r="D8921">
        <v>3.7</v>
      </c>
      <c r="E8921">
        <v>11970.2</v>
      </c>
      <c r="F8921">
        <v>26.9221</v>
      </c>
    </row>
    <row r="8922" spans="1:6" x14ac:dyDescent="0.25">
      <c r="A8922">
        <v>153.15</v>
      </c>
      <c r="B8922">
        <v>200.41</v>
      </c>
      <c r="C8922">
        <v>11072.7</v>
      </c>
      <c r="D8922">
        <v>4</v>
      </c>
      <c r="E8922">
        <v>12058.5</v>
      </c>
      <c r="F8922">
        <v>26.905899999999999</v>
      </c>
    </row>
    <row r="8923" spans="1:6" x14ac:dyDescent="0.25">
      <c r="A8923">
        <v>153.15</v>
      </c>
      <c r="B8923">
        <v>200.41</v>
      </c>
      <c r="C8923">
        <v>12618.2</v>
      </c>
      <c r="D8923">
        <v>1</v>
      </c>
      <c r="E8923">
        <v>16042</v>
      </c>
      <c r="F8923">
        <v>25.0593</v>
      </c>
    </row>
    <row r="8924" spans="1:6" x14ac:dyDescent="0.25">
      <c r="A8924">
        <v>153.15</v>
      </c>
      <c r="B8924">
        <v>200.41</v>
      </c>
      <c r="C8924">
        <v>12618.2</v>
      </c>
      <c r="D8924">
        <v>1.3</v>
      </c>
      <c r="E8924">
        <v>15505.7</v>
      </c>
      <c r="F8924">
        <v>25.409199999999998</v>
      </c>
    </row>
    <row r="8925" spans="1:6" x14ac:dyDescent="0.25">
      <c r="A8925">
        <v>153.15</v>
      </c>
      <c r="B8925">
        <v>200.41</v>
      </c>
      <c r="C8925">
        <v>12618.2</v>
      </c>
      <c r="D8925">
        <v>1.6</v>
      </c>
      <c r="E8925">
        <v>14952.4</v>
      </c>
      <c r="F8925">
        <v>25.502800000000001</v>
      </c>
    </row>
    <row r="8926" spans="1:6" x14ac:dyDescent="0.25">
      <c r="A8926">
        <v>153.15</v>
      </c>
      <c r="B8926">
        <v>200.41</v>
      </c>
      <c r="C8926">
        <v>12618.2</v>
      </c>
      <c r="D8926">
        <v>1.9</v>
      </c>
      <c r="E8926">
        <v>14620.3</v>
      </c>
      <c r="F8926">
        <v>26.246500000000001</v>
      </c>
    </row>
    <row r="8927" spans="1:6" x14ac:dyDescent="0.25">
      <c r="A8927">
        <v>153.15</v>
      </c>
      <c r="B8927">
        <v>200.41</v>
      </c>
      <c r="C8927">
        <v>12618.2</v>
      </c>
      <c r="D8927">
        <v>2.2000000000000002</v>
      </c>
      <c r="E8927">
        <v>14511.5</v>
      </c>
      <c r="F8927">
        <v>26.796500000000002</v>
      </c>
    </row>
    <row r="8928" spans="1:6" x14ac:dyDescent="0.25">
      <c r="A8928">
        <v>153.15</v>
      </c>
      <c r="B8928">
        <v>200.41</v>
      </c>
      <c r="C8928">
        <v>12618.2</v>
      </c>
      <c r="D8928">
        <v>2.5</v>
      </c>
      <c r="E8928">
        <v>14248.4</v>
      </c>
      <c r="F8928">
        <v>27.2866</v>
      </c>
    </row>
    <row r="8929" spans="1:6" x14ac:dyDescent="0.25">
      <c r="A8929">
        <v>153.15</v>
      </c>
      <c r="B8929">
        <v>200.41</v>
      </c>
      <c r="C8929">
        <v>12618.2</v>
      </c>
      <c r="D8929">
        <v>2.8</v>
      </c>
      <c r="E8929">
        <v>5678.88</v>
      </c>
      <c r="F8929">
        <v>27.008600000000001</v>
      </c>
    </row>
    <row r="8930" spans="1:6" x14ac:dyDescent="0.25">
      <c r="A8930">
        <v>153.15</v>
      </c>
      <c r="B8930">
        <v>200.41</v>
      </c>
      <c r="C8930">
        <v>12618.2</v>
      </c>
      <c r="D8930">
        <v>3.1</v>
      </c>
      <c r="E8930">
        <v>5662.21</v>
      </c>
      <c r="F8930">
        <v>26.9758</v>
      </c>
    </row>
    <row r="8931" spans="1:6" x14ac:dyDescent="0.25">
      <c r="A8931">
        <v>153.15</v>
      </c>
      <c r="B8931">
        <v>200.41</v>
      </c>
      <c r="C8931">
        <v>12618.2</v>
      </c>
      <c r="D8931">
        <v>3.4</v>
      </c>
      <c r="E8931">
        <v>5645.99</v>
      </c>
      <c r="F8931">
        <v>26.9514</v>
      </c>
    </row>
    <row r="8932" spans="1:6" x14ac:dyDescent="0.25">
      <c r="A8932">
        <v>153.15</v>
      </c>
      <c r="B8932">
        <v>200.41</v>
      </c>
      <c r="C8932">
        <v>12618.2</v>
      </c>
      <c r="D8932">
        <v>3.7</v>
      </c>
      <c r="E8932">
        <v>13531.4</v>
      </c>
      <c r="F8932">
        <v>26.9221</v>
      </c>
    </row>
    <row r="8933" spans="1:6" x14ac:dyDescent="0.25">
      <c r="A8933">
        <v>153.15</v>
      </c>
      <c r="B8933">
        <v>200.41</v>
      </c>
      <c r="C8933">
        <v>12618.2</v>
      </c>
      <c r="D8933">
        <v>4</v>
      </c>
      <c r="E8933">
        <v>13555</v>
      </c>
      <c r="F8933">
        <v>26.905899999999999</v>
      </c>
    </row>
    <row r="8934" spans="1:6" x14ac:dyDescent="0.25">
      <c r="A8934">
        <v>153.15</v>
      </c>
      <c r="B8934">
        <v>200.41</v>
      </c>
      <c r="C8934">
        <v>14163.6</v>
      </c>
      <c r="D8934">
        <v>1</v>
      </c>
      <c r="E8934">
        <v>17763</v>
      </c>
      <c r="F8934">
        <v>25.0593</v>
      </c>
    </row>
    <row r="8935" spans="1:6" x14ac:dyDescent="0.25">
      <c r="A8935">
        <v>153.15</v>
      </c>
      <c r="B8935">
        <v>200.41</v>
      </c>
      <c r="C8935">
        <v>14163.6</v>
      </c>
      <c r="D8935">
        <v>1.3</v>
      </c>
      <c r="E8935">
        <v>16851.400000000001</v>
      </c>
      <c r="F8935">
        <v>25.409199999999998</v>
      </c>
    </row>
    <row r="8936" spans="1:6" x14ac:dyDescent="0.25">
      <c r="A8936">
        <v>153.15</v>
      </c>
      <c r="B8936">
        <v>200.41</v>
      </c>
      <c r="C8936">
        <v>14163.6</v>
      </c>
      <c r="D8936">
        <v>1.6</v>
      </c>
      <c r="E8936">
        <v>16594.3</v>
      </c>
      <c r="F8936">
        <v>25.502800000000001</v>
      </c>
    </row>
    <row r="8937" spans="1:6" x14ac:dyDescent="0.25">
      <c r="A8937">
        <v>153.15</v>
      </c>
      <c r="B8937">
        <v>200.41</v>
      </c>
      <c r="C8937">
        <v>14163.6</v>
      </c>
      <c r="D8937">
        <v>1.9</v>
      </c>
      <c r="E8937">
        <v>16201.5</v>
      </c>
      <c r="F8937">
        <v>26.246500000000001</v>
      </c>
    </row>
    <row r="8938" spans="1:6" x14ac:dyDescent="0.25">
      <c r="A8938">
        <v>153.15</v>
      </c>
      <c r="B8938">
        <v>200.41</v>
      </c>
      <c r="C8938">
        <v>14163.6</v>
      </c>
      <c r="D8938">
        <v>2.2000000000000002</v>
      </c>
      <c r="E8938">
        <v>16048.4</v>
      </c>
      <c r="F8938">
        <v>26.796500000000002</v>
      </c>
    </row>
    <row r="8939" spans="1:6" x14ac:dyDescent="0.25">
      <c r="A8939">
        <v>153.15</v>
      </c>
      <c r="B8939">
        <v>200.41</v>
      </c>
      <c r="C8939">
        <v>14163.6</v>
      </c>
      <c r="D8939">
        <v>2.5</v>
      </c>
      <c r="E8939">
        <v>15752.1</v>
      </c>
      <c r="F8939">
        <v>27.2866</v>
      </c>
    </row>
    <row r="8940" spans="1:6" x14ac:dyDescent="0.25">
      <c r="A8940">
        <v>153.15</v>
      </c>
      <c r="B8940">
        <v>200.41</v>
      </c>
      <c r="C8940">
        <v>14163.6</v>
      </c>
      <c r="D8940">
        <v>2.8</v>
      </c>
      <c r="E8940">
        <v>5678.88</v>
      </c>
      <c r="F8940">
        <v>27.008600000000001</v>
      </c>
    </row>
    <row r="8941" spans="1:6" x14ac:dyDescent="0.25">
      <c r="A8941">
        <v>153.15</v>
      </c>
      <c r="B8941">
        <v>200.41</v>
      </c>
      <c r="C8941">
        <v>14163.6</v>
      </c>
      <c r="D8941">
        <v>3.1</v>
      </c>
      <c r="E8941">
        <v>5662.21</v>
      </c>
      <c r="F8941">
        <v>26.9758</v>
      </c>
    </row>
    <row r="8942" spans="1:6" x14ac:dyDescent="0.25">
      <c r="A8942">
        <v>153.15</v>
      </c>
      <c r="B8942">
        <v>200.41</v>
      </c>
      <c r="C8942">
        <v>14163.6</v>
      </c>
      <c r="D8942">
        <v>3.4</v>
      </c>
      <c r="E8942">
        <v>5645.99</v>
      </c>
      <c r="F8942">
        <v>26.9514</v>
      </c>
    </row>
    <row r="8943" spans="1:6" x14ac:dyDescent="0.25">
      <c r="A8943">
        <v>153.15</v>
      </c>
      <c r="B8943">
        <v>200.41</v>
      </c>
      <c r="C8943">
        <v>14163.6</v>
      </c>
      <c r="D8943">
        <v>3.7</v>
      </c>
      <c r="E8943">
        <v>15169.8</v>
      </c>
      <c r="F8943">
        <v>26.9221</v>
      </c>
    </row>
    <row r="8944" spans="1:6" x14ac:dyDescent="0.25">
      <c r="A8944">
        <v>153.15</v>
      </c>
      <c r="B8944">
        <v>200.41</v>
      </c>
      <c r="C8944">
        <v>14163.6</v>
      </c>
      <c r="D8944">
        <v>4</v>
      </c>
      <c r="E8944">
        <v>15084.1</v>
      </c>
      <c r="F8944">
        <v>26.905899999999999</v>
      </c>
    </row>
    <row r="8945" spans="1:6" x14ac:dyDescent="0.25">
      <c r="A8945">
        <v>153.15</v>
      </c>
      <c r="B8945">
        <v>200.41</v>
      </c>
      <c r="C8945">
        <v>15709.1</v>
      </c>
      <c r="D8945">
        <v>1</v>
      </c>
      <c r="E8945">
        <v>19478.2</v>
      </c>
      <c r="F8945">
        <v>25.0593</v>
      </c>
    </row>
    <row r="8946" spans="1:6" x14ac:dyDescent="0.25">
      <c r="A8946">
        <v>153.15</v>
      </c>
      <c r="B8946">
        <v>200.41</v>
      </c>
      <c r="C8946">
        <v>15709.1</v>
      </c>
      <c r="D8946">
        <v>1.3</v>
      </c>
      <c r="E8946">
        <v>18393.8</v>
      </c>
      <c r="F8946">
        <v>25.409199999999998</v>
      </c>
    </row>
    <row r="8947" spans="1:6" x14ac:dyDescent="0.25">
      <c r="A8947">
        <v>153.15</v>
      </c>
      <c r="B8947">
        <v>200.41</v>
      </c>
      <c r="C8947">
        <v>15709.1</v>
      </c>
      <c r="D8947">
        <v>1.6</v>
      </c>
      <c r="E8947">
        <v>18111.400000000001</v>
      </c>
      <c r="F8947">
        <v>25.502800000000001</v>
      </c>
    </row>
    <row r="8948" spans="1:6" x14ac:dyDescent="0.25">
      <c r="A8948">
        <v>153.15</v>
      </c>
      <c r="B8948">
        <v>200.41</v>
      </c>
      <c r="C8948">
        <v>15709.1</v>
      </c>
      <c r="D8948">
        <v>1.9</v>
      </c>
      <c r="E8948">
        <v>17796.099999999999</v>
      </c>
      <c r="F8948">
        <v>26.246500000000001</v>
      </c>
    </row>
    <row r="8949" spans="1:6" x14ac:dyDescent="0.25">
      <c r="A8949">
        <v>153.15</v>
      </c>
      <c r="B8949">
        <v>200.41</v>
      </c>
      <c r="C8949">
        <v>15709.1</v>
      </c>
      <c r="D8949">
        <v>2.2000000000000002</v>
      </c>
      <c r="E8949">
        <v>17589.400000000001</v>
      </c>
      <c r="F8949">
        <v>26.796500000000002</v>
      </c>
    </row>
    <row r="8950" spans="1:6" x14ac:dyDescent="0.25">
      <c r="A8950">
        <v>153.15</v>
      </c>
      <c r="B8950">
        <v>200.41</v>
      </c>
      <c r="C8950">
        <v>15709.1</v>
      </c>
      <c r="D8950">
        <v>2.5</v>
      </c>
      <c r="E8950">
        <v>17375.400000000001</v>
      </c>
      <c r="F8950">
        <v>27.2866</v>
      </c>
    </row>
    <row r="8951" spans="1:6" x14ac:dyDescent="0.25">
      <c r="A8951">
        <v>153.15</v>
      </c>
      <c r="B8951">
        <v>200.41</v>
      </c>
      <c r="C8951">
        <v>15709.1</v>
      </c>
      <c r="D8951">
        <v>2.8</v>
      </c>
      <c r="E8951">
        <v>5678.88</v>
      </c>
      <c r="F8951">
        <v>27.008600000000001</v>
      </c>
    </row>
    <row r="8952" spans="1:6" x14ac:dyDescent="0.25">
      <c r="A8952">
        <v>153.15</v>
      </c>
      <c r="B8952">
        <v>200.41</v>
      </c>
      <c r="C8952">
        <v>15709.1</v>
      </c>
      <c r="D8952">
        <v>3.1</v>
      </c>
      <c r="E8952">
        <v>5662.21</v>
      </c>
      <c r="F8952">
        <v>26.9758</v>
      </c>
    </row>
    <row r="8953" spans="1:6" x14ac:dyDescent="0.25">
      <c r="A8953">
        <v>153.15</v>
      </c>
      <c r="B8953">
        <v>200.41</v>
      </c>
      <c r="C8953">
        <v>15709.1</v>
      </c>
      <c r="D8953">
        <v>3.4</v>
      </c>
      <c r="E8953">
        <v>5645.99</v>
      </c>
      <c r="F8953">
        <v>26.9514</v>
      </c>
    </row>
    <row r="8954" spans="1:6" x14ac:dyDescent="0.25">
      <c r="A8954">
        <v>153.15</v>
      </c>
      <c r="B8954">
        <v>200.41</v>
      </c>
      <c r="C8954">
        <v>15709.1</v>
      </c>
      <c r="D8954">
        <v>3.7</v>
      </c>
      <c r="E8954">
        <v>16593.900000000001</v>
      </c>
      <c r="F8954">
        <v>26.9221</v>
      </c>
    </row>
    <row r="8955" spans="1:6" x14ac:dyDescent="0.25">
      <c r="A8955">
        <v>153.15</v>
      </c>
      <c r="B8955">
        <v>200.41</v>
      </c>
      <c r="C8955">
        <v>15709.1</v>
      </c>
      <c r="D8955">
        <v>4</v>
      </c>
      <c r="E8955">
        <v>16632.400000000001</v>
      </c>
      <c r="F8955">
        <v>26.905899999999999</v>
      </c>
    </row>
    <row r="8956" spans="1:6" x14ac:dyDescent="0.25">
      <c r="A8956">
        <v>153.15</v>
      </c>
      <c r="B8956">
        <v>200.41</v>
      </c>
      <c r="C8956">
        <v>17254.5</v>
      </c>
      <c r="D8956">
        <v>1</v>
      </c>
      <c r="E8956">
        <v>20822</v>
      </c>
      <c r="F8956">
        <v>25.0593</v>
      </c>
    </row>
    <row r="8957" spans="1:6" x14ac:dyDescent="0.25">
      <c r="A8957">
        <v>153.15</v>
      </c>
      <c r="B8957">
        <v>200.41</v>
      </c>
      <c r="C8957">
        <v>17254.5</v>
      </c>
      <c r="D8957">
        <v>1.3</v>
      </c>
      <c r="E8957">
        <v>20171.8</v>
      </c>
      <c r="F8957">
        <v>25.409199999999998</v>
      </c>
    </row>
    <row r="8958" spans="1:6" x14ac:dyDescent="0.25">
      <c r="A8958">
        <v>153.15</v>
      </c>
      <c r="B8958">
        <v>200.41</v>
      </c>
      <c r="C8958">
        <v>17254.5</v>
      </c>
      <c r="D8958">
        <v>1.6</v>
      </c>
      <c r="E8958">
        <v>19573.400000000001</v>
      </c>
      <c r="F8958">
        <v>25.502800000000001</v>
      </c>
    </row>
    <row r="8959" spans="1:6" x14ac:dyDescent="0.25">
      <c r="A8959">
        <v>153.15</v>
      </c>
      <c r="B8959">
        <v>200.41</v>
      </c>
      <c r="C8959">
        <v>17254.5</v>
      </c>
      <c r="D8959">
        <v>1.9</v>
      </c>
      <c r="E8959">
        <v>19285.8</v>
      </c>
      <c r="F8959">
        <v>26.246500000000001</v>
      </c>
    </row>
    <row r="8960" spans="1:6" x14ac:dyDescent="0.25">
      <c r="A8960">
        <v>153.15</v>
      </c>
      <c r="B8960">
        <v>200.41</v>
      </c>
      <c r="C8960">
        <v>17254.5</v>
      </c>
      <c r="D8960">
        <v>2.2000000000000002</v>
      </c>
      <c r="E8960">
        <v>19145.8</v>
      </c>
      <c r="F8960">
        <v>26.796500000000002</v>
      </c>
    </row>
    <row r="8961" spans="1:6" x14ac:dyDescent="0.25">
      <c r="A8961">
        <v>153.15</v>
      </c>
      <c r="B8961">
        <v>200.41</v>
      </c>
      <c r="C8961">
        <v>17254.5</v>
      </c>
      <c r="D8961">
        <v>2.5</v>
      </c>
      <c r="E8961">
        <v>18923.900000000001</v>
      </c>
      <c r="F8961">
        <v>27.2866</v>
      </c>
    </row>
    <row r="8962" spans="1:6" x14ac:dyDescent="0.25">
      <c r="A8962">
        <v>153.15</v>
      </c>
      <c r="B8962">
        <v>200.41</v>
      </c>
      <c r="C8962">
        <v>17254.5</v>
      </c>
      <c r="D8962">
        <v>2.8</v>
      </c>
      <c r="E8962">
        <v>5678.88</v>
      </c>
      <c r="F8962">
        <v>27.008600000000001</v>
      </c>
    </row>
    <row r="8963" spans="1:6" x14ac:dyDescent="0.25">
      <c r="A8963">
        <v>153.15</v>
      </c>
      <c r="B8963">
        <v>200.41</v>
      </c>
      <c r="C8963">
        <v>17254.5</v>
      </c>
      <c r="D8963">
        <v>3.1</v>
      </c>
      <c r="E8963">
        <v>5662.21</v>
      </c>
      <c r="F8963">
        <v>26.9758</v>
      </c>
    </row>
    <row r="8964" spans="1:6" x14ac:dyDescent="0.25">
      <c r="A8964">
        <v>153.15</v>
      </c>
      <c r="B8964">
        <v>200.41</v>
      </c>
      <c r="C8964">
        <v>17254.5</v>
      </c>
      <c r="D8964">
        <v>3.4</v>
      </c>
      <c r="E8964">
        <v>5645.99</v>
      </c>
      <c r="F8964">
        <v>26.9514</v>
      </c>
    </row>
    <row r="8965" spans="1:6" x14ac:dyDescent="0.25">
      <c r="A8965">
        <v>153.15</v>
      </c>
      <c r="B8965">
        <v>200.41</v>
      </c>
      <c r="C8965">
        <v>17254.5</v>
      </c>
      <c r="D8965">
        <v>3.7</v>
      </c>
      <c r="E8965">
        <v>18124.099999999999</v>
      </c>
      <c r="F8965">
        <v>26.9221</v>
      </c>
    </row>
    <row r="8966" spans="1:6" x14ac:dyDescent="0.25">
      <c r="A8966">
        <v>153.15</v>
      </c>
      <c r="B8966">
        <v>200.41</v>
      </c>
      <c r="C8966">
        <v>17254.5</v>
      </c>
      <c r="D8966">
        <v>4</v>
      </c>
      <c r="E8966">
        <v>18188.900000000001</v>
      </c>
      <c r="F8966">
        <v>26.905899999999999</v>
      </c>
    </row>
    <row r="8967" spans="1:6" x14ac:dyDescent="0.25">
      <c r="A8967">
        <v>153.15</v>
      </c>
      <c r="B8967">
        <v>200.41</v>
      </c>
      <c r="C8967">
        <v>18800</v>
      </c>
      <c r="D8967">
        <v>1</v>
      </c>
      <c r="E8967">
        <v>22410.1</v>
      </c>
      <c r="F8967">
        <v>25.0593</v>
      </c>
    </row>
    <row r="8968" spans="1:6" x14ac:dyDescent="0.25">
      <c r="A8968">
        <v>153.15</v>
      </c>
      <c r="B8968">
        <v>200.41</v>
      </c>
      <c r="C8968">
        <v>18800</v>
      </c>
      <c r="D8968">
        <v>1.3</v>
      </c>
      <c r="E8968">
        <v>21626.5</v>
      </c>
      <c r="F8968">
        <v>25.409199999999998</v>
      </c>
    </row>
    <row r="8969" spans="1:6" x14ac:dyDescent="0.25">
      <c r="A8969">
        <v>153.15</v>
      </c>
      <c r="B8969">
        <v>200.41</v>
      </c>
      <c r="C8969">
        <v>18800</v>
      </c>
      <c r="D8969">
        <v>1.6</v>
      </c>
      <c r="E8969">
        <v>21307.9</v>
      </c>
      <c r="F8969">
        <v>25.502800000000001</v>
      </c>
    </row>
    <row r="8970" spans="1:6" x14ac:dyDescent="0.25">
      <c r="A8970">
        <v>153.15</v>
      </c>
      <c r="B8970">
        <v>200.41</v>
      </c>
      <c r="C8970">
        <v>18800</v>
      </c>
      <c r="D8970">
        <v>1.9</v>
      </c>
      <c r="E8970">
        <v>20787.900000000001</v>
      </c>
      <c r="F8970">
        <v>26.246500000000001</v>
      </c>
    </row>
    <row r="8971" spans="1:6" x14ac:dyDescent="0.25">
      <c r="A8971">
        <v>153.15</v>
      </c>
      <c r="B8971">
        <v>200.41</v>
      </c>
      <c r="C8971">
        <v>18800</v>
      </c>
      <c r="D8971">
        <v>2.2000000000000002</v>
      </c>
      <c r="E8971">
        <v>20675</v>
      </c>
      <c r="F8971">
        <v>26.796500000000002</v>
      </c>
    </row>
    <row r="8972" spans="1:6" x14ac:dyDescent="0.25">
      <c r="A8972">
        <v>153.15</v>
      </c>
      <c r="B8972">
        <v>200.41</v>
      </c>
      <c r="C8972">
        <v>18800</v>
      </c>
      <c r="D8972">
        <v>2.5</v>
      </c>
      <c r="E8972">
        <v>20469.400000000001</v>
      </c>
      <c r="F8972">
        <v>27.2866</v>
      </c>
    </row>
    <row r="8973" spans="1:6" x14ac:dyDescent="0.25">
      <c r="A8973">
        <v>153.15</v>
      </c>
      <c r="B8973">
        <v>200.41</v>
      </c>
      <c r="C8973">
        <v>18800</v>
      </c>
      <c r="D8973">
        <v>2.8</v>
      </c>
      <c r="E8973">
        <v>5678.88</v>
      </c>
      <c r="F8973">
        <v>27.008600000000001</v>
      </c>
    </row>
    <row r="8974" spans="1:6" x14ac:dyDescent="0.25">
      <c r="A8974">
        <v>153.15</v>
      </c>
      <c r="B8974">
        <v>200.41</v>
      </c>
      <c r="C8974">
        <v>18800</v>
      </c>
      <c r="D8974">
        <v>3.1</v>
      </c>
      <c r="E8974">
        <v>5662.21</v>
      </c>
      <c r="F8974">
        <v>26.9758</v>
      </c>
    </row>
    <row r="8975" spans="1:6" x14ac:dyDescent="0.25">
      <c r="A8975">
        <v>153.15</v>
      </c>
      <c r="B8975">
        <v>200.41</v>
      </c>
      <c r="C8975">
        <v>18800</v>
      </c>
      <c r="D8975">
        <v>3.4</v>
      </c>
      <c r="E8975">
        <v>5645.99</v>
      </c>
      <c r="F8975">
        <v>26.9514</v>
      </c>
    </row>
    <row r="8976" spans="1:6" x14ac:dyDescent="0.25">
      <c r="A8976">
        <v>153.15</v>
      </c>
      <c r="B8976">
        <v>200.41</v>
      </c>
      <c r="C8976">
        <v>18800</v>
      </c>
      <c r="D8976">
        <v>3.7</v>
      </c>
      <c r="E8976">
        <v>19740.2</v>
      </c>
      <c r="F8976">
        <v>26.9221</v>
      </c>
    </row>
    <row r="8977" spans="1:6" x14ac:dyDescent="0.25">
      <c r="A8977">
        <v>153.15</v>
      </c>
      <c r="B8977">
        <v>200.41</v>
      </c>
      <c r="C8977">
        <v>18800</v>
      </c>
      <c r="D8977">
        <v>4</v>
      </c>
      <c r="E8977">
        <v>19667.599999999999</v>
      </c>
      <c r="F8977">
        <v>26.905899999999999</v>
      </c>
    </row>
    <row r="8978" spans="1:6" x14ac:dyDescent="0.25">
      <c r="A8978">
        <v>153.15</v>
      </c>
      <c r="B8978">
        <v>204.04</v>
      </c>
      <c r="C8978">
        <v>1800</v>
      </c>
      <c r="D8978">
        <v>1</v>
      </c>
      <c r="E8978">
        <v>5393.52</v>
      </c>
      <c r="F8978">
        <v>41.432000000000002</v>
      </c>
    </row>
    <row r="8979" spans="1:6" x14ac:dyDescent="0.25">
      <c r="A8979">
        <v>153.15</v>
      </c>
      <c r="B8979">
        <v>204.04</v>
      </c>
      <c r="C8979">
        <v>1800</v>
      </c>
      <c r="D8979">
        <v>1.3</v>
      </c>
      <c r="E8979">
        <v>4947.87</v>
      </c>
      <c r="F8979">
        <v>48.907899999999998</v>
      </c>
    </row>
    <row r="8980" spans="1:6" x14ac:dyDescent="0.25">
      <c r="A8980">
        <v>153.15</v>
      </c>
      <c r="B8980">
        <v>204.04</v>
      </c>
      <c r="C8980">
        <v>1800</v>
      </c>
      <c r="D8980">
        <v>1.6</v>
      </c>
      <c r="E8980">
        <v>4455.84</v>
      </c>
      <c r="F8980">
        <v>56.723300000000002</v>
      </c>
    </row>
    <row r="8981" spans="1:6" x14ac:dyDescent="0.25">
      <c r="A8981">
        <v>153.15</v>
      </c>
      <c r="B8981">
        <v>204.04</v>
      </c>
      <c r="C8981">
        <v>1800</v>
      </c>
      <c r="D8981">
        <v>1.9</v>
      </c>
      <c r="E8981">
        <v>4182.72</v>
      </c>
      <c r="F8981">
        <v>66.216999999999999</v>
      </c>
    </row>
    <row r="8982" spans="1:6" x14ac:dyDescent="0.25">
      <c r="A8982">
        <v>153.15</v>
      </c>
      <c r="B8982">
        <v>204.04</v>
      </c>
      <c r="C8982">
        <v>1800</v>
      </c>
      <c r="D8982">
        <v>2.2000000000000002</v>
      </c>
      <c r="E8982">
        <v>3944.01</v>
      </c>
      <c r="F8982">
        <v>69.029799999999994</v>
      </c>
    </row>
    <row r="8983" spans="1:6" x14ac:dyDescent="0.25">
      <c r="A8983">
        <v>153.15</v>
      </c>
      <c r="B8983">
        <v>204.04</v>
      </c>
      <c r="C8983">
        <v>1800</v>
      </c>
      <c r="D8983">
        <v>2.5</v>
      </c>
      <c r="E8983">
        <v>3794.41</v>
      </c>
      <c r="F8983">
        <v>72.378100000000003</v>
      </c>
    </row>
    <row r="8984" spans="1:6" x14ac:dyDescent="0.25">
      <c r="A8984">
        <v>153.15</v>
      </c>
      <c r="B8984">
        <v>204.04</v>
      </c>
      <c r="C8984">
        <v>1800</v>
      </c>
      <c r="D8984">
        <v>2.8</v>
      </c>
      <c r="E8984">
        <v>3607.96</v>
      </c>
      <c r="F8984">
        <v>75.505099999999999</v>
      </c>
    </row>
    <row r="8985" spans="1:6" x14ac:dyDescent="0.25">
      <c r="A8985">
        <v>153.15</v>
      </c>
      <c r="B8985">
        <v>204.04</v>
      </c>
      <c r="C8985">
        <v>1800</v>
      </c>
      <c r="D8985">
        <v>3.1</v>
      </c>
      <c r="E8985">
        <v>3506.75</v>
      </c>
      <c r="F8985">
        <v>76.247</v>
      </c>
    </row>
    <row r="8986" spans="1:6" x14ac:dyDescent="0.25">
      <c r="A8986">
        <v>153.15</v>
      </c>
      <c r="B8986">
        <v>204.04</v>
      </c>
      <c r="C8986">
        <v>1800</v>
      </c>
      <c r="D8986">
        <v>3.4</v>
      </c>
      <c r="E8986">
        <v>3386.95</v>
      </c>
      <c r="F8986">
        <v>77.636600000000001</v>
      </c>
    </row>
    <row r="8987" spans="1:6" x14ac:dyDescent="0.25">
      <c r="A8987">
        <v>153.15</v>
      </c>
      <c r="B8987">
        <v>204.04</v>
      </c>
      <c r="C8987">
        <v>1800</v>
      </c>
      <c r="D8987">
        <v>3.7</v>
      </c>
      <c r="E8987">
        <v>3298.42</v>
      </c>
      <c r="F8987">
        <v>82.630600000000001</v>
      </c>
    </row>
    <row r="8988" spans="1:6" x14ac:dyDescent="0.25">
      <c r="A8988">
        <v>153.15</v>
      </c>
      <c r="B8988">
        <v>204.04</v>
      </c>
      <c r="C8988">
        <v>1800</v>
      </c>
      <c r="D8988">
        <v>4</v>
      </c>
      <c r="E8988">
        <v>3270.71</v>
      </c>
      <c r="F8988">
        <v>87.260900000000007</v>
      </c>
    </row>
    <row r="8989" spans="1:6" x14ac:dyDescent="0.25">
      <c r="A8989">
        <v>153.15</v>
      </c>
      <c r="B8989">
        <v>204.04</v>
      </c>
      <c r="C8989">
        <v>3345.45</v>
      </c>
      <c r="D8989">
        <v>1</v>
      </c>
      <c r="E8989">
        <v>6987.75</v>
      </c>
      <c r="F8989">
        <v>17.952100000000002</v>
      </c>
    </row>
    <row r="8990" spans="1:6" x14ac:dyDescent="0.25">
      <c r="A8990">
        <v>153.15</v>
      </c>
      <c r="B8990">
        <v>204.04</v>
      </c>
      <c r="C8990">
        <v>3345.45</v>
      </c>
      <c r="D8990">
        <v>1.3</v>
      </c>
      <c r="E8990">
        <v>6285.84</v>
      </c>
      <c r="F8990">
        <v>21.626799999999999</v>
      </c>
    </row>
    <row r="8991" spans="1:6" x14ac:dyDescent="0.25">
      <c r="A8991">
        <v>153.15</v>
      </c>
      <c r="B8991">
        <v>204.04</v>
      </c>
      <c r="C8991">
        <v>3345.45</v>
      </c>
      <c r="D8991">
        <v>1.6</v>
      </c>
      <c r="E8991">
        <v>5824.92</v>
      </c>
      <c r="F8991">
        <v>18.8735</v>
      </c>
    </row>
    <row r="8992" spans="1:6" x14ac:dyDescent="0.25">
      <c r="A8992">
        <v>153.15</v>
      </c>
      <c r="B8992">
        <v>204.04</v>
      </c>
      <c r="C8992">
        <v>3345.45</v>
      </c>
      <c r="D8992">
        <v>1.9</v>
      </c>
      <c r="E8992">
        <v>5466.1</v>
      </c>
      <c r="F8992">
        <v>19.203600000000002</v>
      </c>
    </row>
    <row r="8993" spans="1:6" x14ac:dyDescent="0.25">
      <c r="A8993">
        <v>153.15</v>
      </c>
      <c r="B8993">
        <v>204.04</v>
      </c>
      <c r="C8993">
        <v>3345.45</v>
      </c>
      <c r="D8993">
        <v>2.2000000000000002</v>
      </c>
      <c r="E8993">
        <v>5381.75</v>
      </c>
      <c r="F8993">
        <v>25.968900000000001</v>
      </c>
    </row>
    <row r="8994" spans="1:6" x14ac:dyDescent="0.25">
      <c r="A8994">
        <v>153.15</v>
      </c>
      <c r="B8994">
        <v>204.04</v>
      </c>
      <c r="C8994">
        <v>3345.45</v>
      </c>
      <c r="D8994">
        <v>2.5</v>
      </c>
      <c r="E8994">
        <v>5227.08</v>
      </c>
      <c r="F8994">
        <v>24.919499999999999</v>
      </c>
    </row>
    <row r="8995" spans="1:6" x14ac:dyDescent="0.25">
      <c r="A8995">
        <v>153.15</v>
      </c>
      <c r="B8995">
        <v>204.04</v>
      </c>
      <c r="C8995">
        <v>3345.45</v>
      </c>
      <c r="D8995">
        <v>2.8</v>
      </c>
      <c r="E8995">
        <v>5006.59</v>
      </c>
      <c r="F8995">
        <v>19.380099999999999</v>
      </c>
    </row>
    <row r="8996" spans="1:6" x14ac:dyDescent="0.25">
      <c r="A8996">
        <v>153.15</v>
      </c>
      <c r="B8996">
        <v>204.04</v>
      </c>
      <c r="C8996">
        <v>3345.45</v>
      </c>
      <c r="D8996">
        <v>3.1</v>
      </c>
      <c r="E8996">
        <v>4899.29</v>
      </c>
      <c r="F8996">
        <v>18.166899999999998</v>
      </c>
    </row>
    <row r="8997" spans="1:6" x14ac:dyDescent="0.25">
      <c r="A8997">
        <v>153.15</v>
      </c>
      <c r="B8997">
        <v>204.04</v>
      </c>
      <c r="C8997">
        <v>3345.45</v>
      </c>
      <c r="D8997">
        <v>3.4</v>
      </c>
      <c r="E8997">
        <v>4775.78</v>
      </c>
      <c r="F8997">
        <v>18.443200000000001</v>
      </c>
    </row>
    <row r="8998" spans="1:6" x14ac:dyDescent="0.25">
      <c r="A8998">
        <v>153.15</v>
      </c>
      <c r="B8998">
        <v>204.04</v>
      </c>
      <c r="C8998">
        <v>3345.45</v>
      </c>
      <c r="D8998">
        <v>3.7</v>
      </c>
      <c r="E8998">
        <v>4729.1099999999997</v>
      </c>
      <c r="F8998">
        <v>18.107399999999998</v>
      </c>
    </row>
    <row r="8999" spans="1:6" x14ac:dyDescent="0.25">
      <c r="A8999">
        <v>153.15</v>
      </c>
      <c r="B8999">
        <v>204.04</v>
      </c>
      <c r="C8999">
        <v>3345.45</v>
      </c>
      <c r="D8999">
        <v>4</v>
      </c>
      <c r="E8999">
        <v>4615.6499999999996</v>
      </c>
      <c r="F8999">
        <v>17.493200000000002</v>
      </c>
    </row>
    <row r="9000" spans="1:6" x14ac:dyDescent="0.25">
      <c r="A9000">
        <v>153.15</v>
      </c>
      <c r="B9000">
        <v>204.04</v>
      </c>
      <c r="C9000">
        <v>4890.8999999999996</v>
      </c>
      <c r="D9000">
        <v>1</v>
      </c>
      <c r="E9000">
        <v>8516.74</v>
      </c>
      <c r="F9000">
        <v>25.0593</v>
      </c>
    </row>
    <row r="9001" spans="1:6" x14ac:dyDescent="0.25">
      <c r="A9001">
        <v>153.15</v>
      </c>
      <c r="B9001">
        <v>204.04</v>
      </c>
      <c r="C9001">
        <v>4890.8999999999996</v>
      </c>
      <c r="D9001">
        <v>1.3</v>
      </c>
      <c r="E9001">
        <v>7594.89</v>
      </c>
      <c r="F9001">
        <v>24.986499999999999</v>
      </c>
    </row>
    <row r="9002" spans="1:6" x14ac:dyDescent="0.25">
      <c r="A9002">
        <v>153.15</v>
      </c>
      <c r="B9002">
        <v>204.04</v>
      </c>
      <c r="C9002">
        <v>4890.8999999999996</v>
      </c>
      <c r="D9002">
        <v>1.6</v>
      </c>
      <c r="E9002">
        <v>7287.12</v>
      </c>
      <c r="F9002">
        <v>25.502800000000001</v>
      </c>
    </row>
    <row r="9003" spans="1:6" x14ac:dyDescent="0.25">
      <c r="A9003">
        <v>153.15</v>
      </c>
      <c r="B9003">
        <v>204.04</v>
      </c>
      <c r="C9003">
        <v>4890.8999999999996</v>
      </c>
      <c r="D9003">
        <v>1.9</v>
      </c>
      <c r="E9003">
        <v>7102.63</v>
      </c>
      <c r="F9003">
        <v>26.246500000000001</v>
      </c>
    </row>
    <row r="9004" spans="1:6" x14ac:dyDescent="0.25">
      <c r="A9004">
        <v>153.15</v>
      </c>
      <c r="B9004">
        <v>204.04</v>
      </c>
      <c r="C9004">
        <v>4890.8999999999996</v>
      </c>
      <c r="D9004">
        <v>2.2000000000000002</v>
      </c>
      <c r="E9004">
        <v>6791.48</v>
      </c>
      <c r="F9004">
        <v>26.796500000000002</v>
      </c>
    </row>
    <row r="9005" spans="1:6" x14ac:dyDescent="0.25">
      <c r="A9005">
        <v>153.15</v>
      </c>
      <c r="B9005">
        <v>204.04</v>
      </c>
      <c r="C9005">
        <v>4890.8999999999996</v>
      </c>
      <c r="D9005">
        <v>2.5</v>
      </c>
      <c r="E9005">
        <v>6461.36</v>
      </c>
      <c r="F9005">
        <v>27.2866</v>
      </c>
    </row>
    <row r="9006" spans="1:6" x14ac:dyDescent="0.25">
      <c r="A9006">
        <v>153.15</v>
      </c>
      <c r="B9006">
        <v>204.04</v>
      </c>
      <c r="C9006">
        <v>4890.8999999999996</v>
      </c>
      <c r="D9006">
        <v>2.8</v>
      </c>
      <c r="E9006">
        <v>5678.88</v>
      </c>
      <c r="F9006">
        <v>25.9405</v>
      </c>
    </row>
    <row r="9007" spans="1:6" x14ac:dyDescent="0.25">
      <c r="A9007">
        <v>153.15</v>
      </c>
      <c r="B9007">
        <v>204.04</v>
      </c>
      <c r="C9007">
        <v>4890.8999999999996</v>
      </c>
      <c r="D9007">
        <v>3.1</v>
      </c>
      <c r="E9007">
        <v>5662.21</v>
      </c>
      <c r="F9007">
        <v>25.389199999999999</v>
      </c>
    </row>
    <row r="9008" spans="1:6" x14ac:dyDescent="0.25">
      <c r="A9008">
        <v>153.15</v>
      </c>
      <c r="B9008">
        <v>204.04</v>
      </c>
      <c r="C9008">
        <v>4890.8999999999996</v>
      </c>
      <c r="D9008">
        <v>3.4</v>
      </c>
      <c r="E9008">
        <v>6241.02</v>
      </c>
      <c r="F9008">
        <v>25.649100000000001</v>
      </c>
    </row>
    <row r="9009" spans="1:6" x14ac:dyDescent="0.25">
      <c r="A9009">
        <v>153.15</v>
      </c>
      <c r="B9009">
        <v>204.04</v>
      </c>
      <c r="C9009">
        <v>4890.8999999999996</v>
      </c>
      <c r="D9009">
        <v>3.7</v>
      </c>
      <c r="E9009">
        <v>6151.04</v>
      </c>
      <c r="F9009">
        <v>25.881499999999999</v>
      </c>
    </row>
    <row r="9010" spans="1:6" x14ac:dyDescent="0.25">
      <c r="A9010">
        <v>153.15</v>
      </c>
      <c r="B9010">
        <v>204.04</v>
      </c>
      <c r="C9010">
        <v>4890.8999999999996</v>
      </c>
      <c r="D9010">
        <v>4</v>
      </c>
      <c r="E9010">
        <v>6051.21</v>
      </c>
      <c r="F9010">
        <v>26.045999999999999</v>
      </c>
    </row>
    <row r="9011" spans="1:6" x14ac:dyDescent="0.25">
      <c r="A9011">
        <v>153.15</v>
      </c>
      <c r="B9011">
        <v>204.04</v>
      </c>
      <c r="C9011">
        <v>6436.35</v>
      </c>
      <c r="D9011">
        <v>1</v>
      </c>
      <c r="E9011">
        <v>10160.5</v>
      </c>
      <c r="F9011">
        <v>25.0593</v>
      </c>
    </row>
    <row r="9012" spans="1:6" x14ac:dyDescent="0.25">
      <c r="A9012">
        <v>153.15</v>
      </c>
      <c r="B9012">
        <v>204.04</v>
      </c>
      <c r="C9012">
        <v>6436.35</v>
      </c>
      <c r="D9012">
        <v>1.3</v>
      </c>
      <c r="E9012">
        <v>9277.4</v>
      </c>
      <c r="F9012">
        <v>25.409199999999998</v>
      </c>
    </row>
    <row r="9013" spans="1:6" x14ac:dyDescent="0.25">
      <c r="A9013">
        <v>153.15</v>
      </c>
      <c r="B9013">
        <v>204.04</v>
      </c>
      <c r="C9013">
        <v>6436.35</v>
      </c>
      <c r="D9013">
        <v>1.6</v>
      </c>
      <c r="E9013">
        <v>8947.84</v>
      </c>
      <c r="F9013">
        <v>25.502800000000001</v>
      </c>
    </row>
    <row r="9014" spans="1:6" x14ac:dyDescent="0.25">
      <c r="A9014">
        <v>153.15</v>
      </c>
      <c r="B9014">
        <v>204.04</v>
      </c>
      <c r="C9014">
        <v>6436.35</v>
      </c>
      <c r="D9014">
        <v>1.9</v>
      </c>
      <c r="E9014">
        <v>8597.35</v>
      </c>
      <c r="F9014">
        <v>26.246500000000001</v>
      </c>
    </row>
    <row r="9015" spans="1:6" x14ac:dyDescent="0.25">
      <c r="A9015">
        <v>153.15</v>
      </c>
      <c r="B9015">
        <v>204.04</v>
      </c>
      <c r="C9015">
        <v>6436.35</v>
      </c>
      <c r="D9015">
        <v>2.2000000000000002</v>
      </c>
      <c r="E9015">
        <v>8222.41</v>
      </c>
      <c r="F9015">
        <v>26.796500000000002</v>
      </c>
    </row>
    <row r="9016" spans="1:6" x14ac:dyDescent="0.25">
      <c r="A9016">
        <v>153.15</v>
      </c>
      <c r="B9016">
        <v>204.04</v>
      </c>
      <c r="C9016">
        <v>6436.35</v>
      </c>
      <c r="D9016">
        <v>2.5</v>
      </c>
      <c r="E9016">
        <v>8149.46</v>
      </c>
      <c r="F9016">
        <v>27.2866</v>
      </c>
    </row>
    <row r="9017" spans="1:6" x14ac:dyDescent="0.25">
      <c r="A9017">
        <v>153.15</v>
      </c>
      <c r="B9017">
        <v>204.04</v>
      </c>
      <c r="C9017">
        <v>6436.35</v>
      </c>
      <c r="D9017">
        <v>2.8</v>
      </c>
      <c r="E9017">
        <v>5678.88</v>
      </c>
      <c r="F9017">
        <v>27.008600000000001</v>
      </c>
    </row>
    <row r="9018" spans="1:6" x14ac:dyDescent="0.25">
      <c r="A9018">
        <v>153.15</v>
      </c>
      <c r="B9018">
        <v>204.04</v>
      </c>
      <c r="C9018">
        <v>6436.35</v>
      </c>
      <c r="D9018">
        <v>3.1</v>
      </c>
      <c r="E9018">
        <v>5662.21</v>
      </c>
      <c r="F9018">
        <v>26.9758</v>
      </c>
    </row>
    <row r="9019" spans="1:6" x14ac:dyDescent="0.25">
      <c r="A9019">
        <v>153.15</v>
      </c>
      <c r="B9019">
        <v>204.04</v>
      </c>
      <c r="C9019">
        <v>6436.35</v>
      </c>
      <c r="D9019">
        <v>3.4</v>
      </c>
      <c r="E9019">
        <v>5645.99</v>
      </c>
      <c r="F9019">
        <v>26.9514</v>
      </c>
    </row>
    <row r="9020" spans="1:6" x14ac:dyDescent="0.25">
      <c r="A9020">
        <v>153.15</v>
      </c>
      <c r="B9020">
        <v>204.04</v>
      </c>
      <c r="C9020">
        <v>6436.35</v>
      </c>
      <c r="D9020">
        <v>3.7</v>
      </c>
      <c r="E9020">
        <v>7425.64</v>
      </c>
      <c r="F9020">
        <v>26.9221</v>
      </c>
    </row>
    <row r="9021" spans="1:6" x14ac:dyDescent="0.25">
      <c r="A9021">
        <v>153.15</v>
      </c>
      <c r="B9021">
        <v>204.04</v>
      </c>
      <c r="C9021">
        <v>6436.35</v>
      </c>
      <c r="D9021">
        <v>4</v>
      </c>
      <c r="E9021">
        <v>7349.19</v>
      </c>
      <c r="F9021">
        <v>26.905899999999999</v>
      </c>
    </row>
    <row r="9022" spans="1:6" x14ac:dyDescent="0.25">
      <c r="A9022">
        <v>153.15</v>
      </c>
      <c r="B9022">
        <v>204.04</v>
      </c>
      <c r="C9022">
        <v>7981.8</v>
      </c>
      <c r="D9022">
        <v>1</v>
      </c>
      <c r="E9022">
        <v>11596.2</v>
      </c>
      <c r="F9022">
        <v>25.0593</v>
      </c>
    </row>
    <row r="9023" spans="1:6" x14ac:dyDescent="0.25">
      <c r="A9023">
        <v>153.15</v>
      </c>
      <c r="B9023">
        <v>204.04</v>
      </c>
      <c r="C9023">
        <v>7981.8</v>
      </c>
      <c r="D9023">
        <v>1.3</v>
      </c>
      <c r="E9023">
        <v>10777.6</v>
      </c>
      <c r="F9023">
        <v>25.409199999999998</v>
      </c>
    </row>
    <row r="9024" spans="1:6" x14ac:dyDescent="0.25">
      <c r="A9024">
        <v>153.15</v>
      </c>
      <c r="B9024">
        <v>204.04</v>
      </c>
      <c r="C9024">
        <v>7981.8</v>
      </c>
      <c r="D9024">
        <v>1.6</v>
      </c>
      <c r="E9024">
        <v>10414</v>
      </c>
      <c r="F9024">
        <v>25.502800000000001</v>
      </c>
    </row>
    <row r="9025" spans="1:6" x14ac:dyDescent="0.25">
      <c r="A9025">
        <v>153.15</v>
      </c>
      <c r="B9025">
        <v>204.04</v>
      </c>
      <c r="C9025">
        <v>7981.8</v>
      </c>
      <c r="D9025">
        <v>1.9</v>
      </c>
      <c r="E9025">
        <v>10132.799999999999</v>
      </c>
      <c r="F9025">
        <v>26.246500000000001</v>
      </c>
    </row>
    <row r="9026" spans="1:6" x14ac:dyDescent="0.25">
      <c r="A9026">
        <v>153.15</v>
      </c>
      <c r="B9026">
        <v>204.04</v>
      </c>
      <c r="C9026">
        <v>7981.8</v>
      </c>
      <c r="D9026">
        <v>2.2000000000000002</v>
      </c>
      <c r="E9026">
        <v>9896.52</v>
      </c>
      <c r="F9026">
        <v>26.796500000000002</v>
      </c>
    </row>
    <row r="9027" spans="1:6" x14ac:dyDescent="0.25">
      <c r="A9027">
        <v>153.15</v>
      </c>
      <c r="B9027">
        <v>204.04</v>
      </c>
      <c r="C9027">
        <v>7981.8</v>
      </c>
      <c r="D9027">
        <v>2.5</v>
      </c>
      <c r="E9027">
        <v>9656.33</v>
      </c>
      <c r="F9027">
        <v>27.2866</v>
      </c>
    </row>
    <row r="9028" spans="1:6" x14ac:dyDescent="0.25">
      <c r="A9028">
        <v>153.15</v>
      </c>
      <c r="B9028">
        <v>204.04</v>
      </c>
      <c r="C9028">
        <v>7981.8</v>
      </c>
      <c r="D9028">
        <v>2.8</v>
      </c>
      <c r="E9028">
        <v>5678.88</v>
      </c>
      <c r="F9028">
        <v>27.008600000000001</v>
      </c>
    </row>
    <row r="9029" spans="1:6" x14ac:dyDescent="0.25">
      <c r="A9029">
        <v>153.15</v>
      </c>
      <c r="B9029">
        <v>204.04</v>
      </c>
      <c r="C9029">
        <v>7981.8</v>
      </c>
      <c r="D9029">
        <v>3.1</v>
      </c>
      <c r="E9029">
        <v>5662.21</v>
      </c>
      <c r="F9029">
        <v>26.9758</v>
      </c>
    </row>
    <row r="9030" spans="1:6" x14ac:dyDescent="0.25">
      <c r="A9030">
        <v>153.15</v>
      </c>
      <c r="B9030">
        <v>204.04</v>
      </c>
      <c r="C9030">
        <v>7981.8</v>
      </c>
      <c r="D9030">
        <v>3.4</v>
      </c>
      <c r="E9030">
        <v>5645.99</v>
      </c>
      <c r="F9030">
        <v>26.9514</v>
      </c>
    </row>
    <row r="9031" spans="1:6" x14ac:dyDescent="0.25">
      <c r="A9031">
        <v>153.15</v>
      </c>
      <c r="B9031">
        <v>204.04</v>
      </c>
      <c r="C9031">
        <v>7981.8</v>
      </c>
      <c r="D9031">
        <v>3.7</v>
      </c>
      <c r="E9031">
        <v>8991.85</v>
      </c>
      <c r="F9031">
        <v>26.9221</v>
      </c>
    </row>
    <row r="9032" spans="1:6" x14ac:dyDescent="0.25">
      <c r="A9032">
        <v>153.15</v>
      </c>
      <c r="B9032">
        <v>204.04</v>
      </c>
      <c r="C9032">
        <v>7981.8</v>
      </c>
      <c r="D9032">
        <v>4</v>
      </c>
      <c r="E9032">
        <v>8953.64</v>
      </c>
      <c r="F9032">
        <v>26.905899999999999</v>
      </c>
    </row>
    <row r="9033" spans="1:6" x14ac:dyDescent="0.25">
      <c r="A9033">
        <v>153.15</v>
      </c>
      <c r="B9033">
        <v>204.04</v>
      </c>
      <c r="C9033">
        <v>9527.25</v>
      </c>
      <c r="D9033">
        <v>1</v>
      </c>
      <c r="E9033">
        <v>13265.6</v>
      </c>
      <c r="F9033">
        <v>25.0593</v>
      </c>
    </row>
    <row r="9034" spans="1:6" x14ac:dyDescent="0.25">
      <c r="A9034">
        <v>153.15</v>
      </c>
      <c r="B9034">
        <v>204.04</v>
      </c>
      <c r="C9034">
        <v>9527.25</v>
      </c>
      <c r="D9034">
        <v>1.3</v>
      </c>
      <c r="E9034">
        <v>12237.1</v>
      </c>
      <c r="F9034">
        <v>25.409199999999998</v>
      </c>
    </row>
    <row r="9035" spans="1:6" x14ac:dyDescent="0.25">
      <c r="A9035">
        <v>153.15</v>
      </c>
      <c r="B9035">
        <v>204.04</v>
      </c>
      <c r="C9035">
        <v>9527.25</v>
      </c>
      <c r="D9035">
        <v>1.6</v>
      </c>
      <c r="E9035">
        <v>11944.4</v>
      </c>
      <c r="F9035">
        <v>25.502800000000001</v>
      </c>
    </row>
    <row r="9036" spans="1:6" x14ac:dyDescent="0.25">
      <c r="A9036">
        <v>153.15</v>
      </c>
      <c r="B9036">
        <v>204.04</v>
      </c>
      <c r="C9036">
        <v>9527.25</v>
      </c>
      <c r="D9036">
        <v>1.9</v>
      </c>
      <c r="E9036">
        <v>11673.8</v>
      </c>
      <c r="F9036">
        <v>26.246500000000001</v>
      </c>
    </row>
    <row r="9037" spans="1:6" x14ac:dyDescent="0.25">
      <c r="A9037">
        <v>153.15</v>
      </c>
      <c r="B9037">
        <v>204.04</v>
      </c>
      <c r="C9037">
        <v>9527.25</v>
      </c>
      <c r="D9037">
        <v>2.2000000000000002</v>
      </c>
      <c r="E9037">
        <v>11353.9</v>
      </c>
      <c r="F9037">
        <v>26.796500000000002</v>
      </c>
    </row>
    <row r="9038" spans="1:6" x14ac:dyDescent="0.25">
      <c r="A9038">
        <v>153.15</v>
      </c>
      <c r="B9038">
        <v>204.04</v>
      </c>
      <c r="C9038">
        <v>9527.25</v>
      </c>
      <c r="D9038">
        <v>2.5</v>
      </c>
      <c r="E9038">
        <v>11185.8</v>
      </c>
      <c r="F9038">
        <v>27.2866</v>
      </c>
    </row>
    <row r="9039" spans="1:6" x14ac:dyDescent="0.25">
      <c r="A9039">
        <v>153.15</v>
      </c>
      <c r="B9039">
        <v>204.04</v>
      </c>
      <c r="C9039">
        <v>9527.25</v>
      </c>
      <c r="D9039">
        <v>2.8</v>
      </c>
      <c r="E9039">
        <v>5678.88</v>
      </c>
      <c r="F9039">
        <v>27.008600000000001</v>
      </c>
    </row>
    <row r="9040" spans="1:6" x14ac:dyDescent="0.25">
      <c r="A9040">
        <v>153.15</v>
      </c>
      <c r="B9040">
        <v>204.04</v>
      </c>
      <c r="C9040">
        <v>9527.25</v>
      </c>
      <c r="D9040">
        <v>3.1</v>
      </c>
      <c r="E9040">
        <v>5662.21</v>
      </c>
      <c r="F9040">
        <v>26.9758</v>
      </c>
    </row>
    <row r="9041" spans="1:6" x14ac:dyDescent="0.25">
      <c r="A9041">
        <v>153.15</v>
      </c>
      <c r="B9041">
        <v>204.04</v>
      </c>
      <c r="C9041">
        <v>9527.25</v>
      </c>
      <c r="D9041">
        <v>3.4</v>
      </c>
      <c r="E9041">
        <v>5645.99</v>
      </c>
      <c r="F9041">
        <v>26.9514</v>
      </c>
    </row>
    <row r="9042" spans="1:6" x14ac:dyDescent="0.25">
      <c r="A9042">
        <v>153.15</v>
      </c>
      <c r="B9042">
        <v>204.04</v>
      </c>
      <c r="C9042">
        <v>9527.25</v>
      </c>
      <c r="D9042">
        <v>3.7</v>
      </c>
      <c r="E9042">
        <v>10522.9</v>
      </c>
      <c r="F9042">
        <v>26.9221</v>
      </c>
    </row>
    <row r="9043" spans="1:6" x14ac:dyDescent="0.25">
      <c r="A9043">
        <v>153.15</v>
      </c>
      <c r="B9043">
        <v>204.04</v>
      </c>
      <c r="C9043">
        <v>9527.25</v>
      </c>
      <c r="D9043">
        <v>4</v>
      </c>
      <c r="E9043">
        <v>10492.2</v>
      </c>
      <c r="F9043">
        <v>26.905899999999999</v>
      </c>
    </row>
    <row r="9044" spans="1:6" x14ac:dyDescent="0.25">
      <c r="A9044">
        <v>153.15</v>
      </c>
      <c r="B9044">
        <v>204.04</v>
      </c>
      <c r="C9044">
        <v>11072.7</v>
      </c>
      <c r="D9044">
        <v>1</v>
      </c>
      <c r="E9044">
        <v>14560.3</v>
      </c>
      <c r="F9044">
        <v>25.0593</v>
      </c>
    </row>
    <row r="9045" spans="1:6" x14ac:dyDescent="0.25">
      <c r="A9045">
        <v>153.15</v>
      </c>
      <c r="B9045">
        <v>204.04</v>
      </c>
      <c r="C9045">
        <v>11072.7</v>
      </c>
      <c r="D9045">
        <v>1.3</v>
      </c>
      <c r="E9045">
        <v>13833.9</v>
      </c>
      <c r="F9045">
        <v>25.409199999999998</v>
      </c>
    </row>
    <row r="9046" spans="1:6" x14ac:dyDescent="0.25">
      <c r="A9046">
        <v>153.15</v>
      </c>
      <c r="B9046">
        <v>204.04</v>
      </c>
      <c r="C9046">
        <v>11072.7</v>
      </c>
      <c r="D9046">
        <v>1.6</v>
      </c>
      <c r="E9046">
        <v>13468.4</v>
      </c>
      <c r="F9046">
        <v>25.502800000000001</v>
      </c>
    </row>
    <row r="9047" spans="1:6" x14ac:dyDescent="0.25">
      <c r="A9047">
        <v>153.15</v>
      </c>
      <c r="B9047">
        <v>204.04</v>
      </c>
      <c r="C9047">
        <v>11072.7</v>
      </c>
      <c r="D9047">
        <v>1.9</v>
      </c>
      <c r="E9047">
        <v>13069.1</v>
      </c>
      <c r="F9047">
        <v>26.246500000000001</v>
      </c>
    </row>
    <row r="9048" spans="1:6" x14ac:dyDescent="0.25">
      <c r="A9048">
        <v>153.15</v>
      </c>
      <c r="B9048">
        <v>204.04</v>
      </c>
      <c r="C9048">
        <v>11072.7</v>
      </c>
      <c r="D9048">
        <v>2.2000000000000002</v>
      </c>
      <c r="E9048">
        <v>12865</v>
      </c>
      <c r="F9048">
        <v>26.796500000000002</v>
      </c>
    </row>
    <row r="9049" spans="1:6" x14ac:dyDescent="0.25">
      <c r="A9049">
        <v>153.15</v>
      </c>
      <c r="B9049">
        <v>204.04</v>
      </c>
      <c r="C9049">
        <v>11072.7</v>
      </c>
      <c r="D9049">
        <v>2.5</v>
      </c>
      <c r="E9049">
        <v>12741.9</v>
      </c>
      <c r="F9049">
        <v>27.2866</v>
      </c>
    </row>
    <row r="9050" spans="1:6" x14ac:dyDescent="0.25">
      <c r="A9050">
        <v>153.15</v>
      </c>
      <c r="B9050">
        <v>204.04</v>
      </c>
      <c r="C9050">
        <v>11072.7</v>
      </c>
      <c r="D9050">
        <v>2.8</v>
      </c>
      <c r="E9050">
        <v>5678.88</v>
      </c>
      <c r="F9050">
        <v>27.008600000000001</v>
      </c>
    </row>
    <row r="9051" spans="1:6" x14ac:dyDescent="0.25">
      <c r="A9051">
        <v>153.15</v>
      </c>
      <c r="B9051">
        <v>204.04</v>
      </c>
      <c r="C9051">
        <v>11072.7</v>
      </c>
      <c r="D9051">
        <v>3.1</v>
      </c>
      <c r="E9051">
        <v>5662.21</v>
      </c>
      <c r="F9051">
        <v>26.9758</v>
      </c>
    </row>
    <row r="9052" spans="1:6" x14ac:dyDescent="0.25">
      <c r="A9052">
        <v>153.15</v>
      </c>
      <c r="B9052">
        <v>204.04</v>
      </c>
      <c r="C9052">
        <v>11072.7</v>
      </c>
      <c r="D9052">
        <v>3.4</v>
      </c>
      <c r="E9052">
        <v>5645.99</v>
      </c>
      <c r="F9052">
        <v>26.9514</v>
      </c>
    </row>
    <row r="9053" spans="1:6" x14ac:dyDescent="0.25">
      <c r="A9053">
        <v>153.15</v>
      </c>
      <c r="B9053">
        <v>204.04</v>
      </c>
      <c r="C9053">
        <v>11072.7</v>
      </c>
      <c r="D9053">
        <v>3.7</v>
      </c>
      <c r="E9053">
        <v>12089.1</v>
      </c>
      <c r="F9053">
        <v>26.9221</v>
      </c>
    </row>
    <row r="9054" spans="1:6" x14ac:dyDescent="0.25">
      <c r="A9054">
        <v>153.15</v>
      </c>
      <c r="B9054">
        <v>204.04</v>
      </c>
      <c r="C9054">
        <v>11072.7</v>
      </c>
      <c r="D9054">
        <v>4</v>
      </c>
      <c r="E9054">
        <v>12038</v>
      </c>
      <c r="F9054">
        <v>26.905899999999999</v>
      </c>
    </row>
    <row r="9055" spans="1:6" x14ac:dyDescent="0.25">
      <c r="A9055">
        <v>153.15</v>
      </c>
      <c r="B9055">
        <v>204.04</v>
      </c>
      <c r="C9055">
        <v>12618.2</v>
      </c>
      <c r="D9055">
        <v>1</v>
      </c>
      <c r="E9055">
        <v>16042</v>
      </c>
      <c r="F9055">
        <v>25.0593</v>
      </c>
    </row>
    <row r="9056" spans="1:6" x14ac:dyDescent="0.25">
      <c r="A9056">
        <v>153.15</v>
      </c>
      <c r="B9056">
        <v>204.04</v>
      </c>
      <c r="C9056">
        <v>12618.2</v>
      </c>
      <c r="D9056">
        <v>1.3</v>
      </c>
      <c r="E9056">
        <v>15505.7</v>
      </c>
      <c r="F9056">
        <v>25.409199999999998</v>
      </c>
    </row>
    <row r="9057" spans="1:6" x14ac:dyDescent="0.25">
      <c r="A9057">
        <v>153.15</v>
      </c>
      <c r="B9057">
        <v>204.04</v>
      </c>
      <c r="C9057">
        <v>12618.2</v>
      </c>
      <c r="D9057">
        <v>1.6</v>
      </c>
      <c r="E9057">
        <v>14952.4</v>
      </c>
      <c r="F9057">
        <v>25.502800000000001</v>
      </c>
    </row>
    <row r="9058" spans="1:6" x14ac:dyDescent="0.25">
      <c r="A9058">
        <v>153.15</v>
      </c>
      <c r="B9058">
        <v>204.04</v>
      </c>
      <c r="C9058">
        <v>12618.2</v>
      </c>
      <c r="D9058">
        <v>1.9</v>
      </c>
      <c r="E9058">
        <v>14834.6</v>
      </c>
      <c r="F9058">
        <v>26.246500000000001</v>
      </c>
    </row>
    <row r="9059" spans="1:6" x14ac:dyDescent="0.25">
      <c r="A9059">
        <v>153.15</v>
      </c>
      <c r="B9059">
        <v>204.04</v>
      </c>
      <c r="C9059">
        <v>12618.2</v>
      </c>
      <c r="D9059">
        <v>2.2000000000000002</v>
      </c>
      <c r="E9059">
        <v>14511.5</v>
      </c>
      <c r="F9059">
        <v>26.796500000000002</v>
      </c>
    </row>
    <row r="9060" spans="1:6" x14ac:dyDescent="0.25">
      <c r="A9060">
        <v>153.15</v>
      </c>
      <c r="B9060">
        <v>204.04</v>
      </c>
      <c r="C9060">
        <v>12618.2</v>
      </c>
      <c r="D9060">
        <v>2.5</v>
      </c>
      <c r="E9060">
        <v>14248.4</v>
      </c>
      <c r="F9060">
        <v>27.2866</v>
      </c>
    </row>
    <row r="9061" spans="1:6" x14ac:dyDescent="0.25">
      <c r="A9061">
        <v>153.15</v>
      </c>
      <c r="B9061">
        <v>204.04</v>
      </c>
      <c r="C9061">
        <v>12618.2</v>
      </c>
      <c r="D9061">
        <v>2.8</v>
      </c>
      <c r="E9061">
        <v>5678.88</v>
      </c>
      <c r="F9061">
        <v>27.008600000000001</v>
      </c>
    </row>
    <row r="9062" spans="1:6" x14ac:dyDescent="0.25">
      <c r="A9062">
        <v>153.15</v>
      </c>
      <c r="B9062">
        <v>204.04</v>
      </c>
      <c r="C9062">
        <v>12618.2</v>
      </c>
      <c r="D9062">
        <v>3.1</v>
      </c>
      <c r="E9062">
        <v>5662.21</v>
      </c>
      <c r="F9062">
        <v>26.9758</v>
      </c>
    </row>
    <row r="9063" spans="1:6" x14ac:dyDescent="0.25">
      <c r="A9063">
        <v>153.15</v>
      </c>
      <c r="B9063">
        <v>204.04</v>
      </c>
      <c r="C9063">
        <v>12618.2</v>
      </c>
      <c r="D9063">
        <v>3.4</v>
      </c>
      <c r="E9063">
        <v>5645.99</v>
      </c>
      <c r="F9063">
        <v>26.9514</v>
      </c>
    </row>
    <row r="9064" spans="1:6" x14ac:dyDescent="0.25">
      <c r="A9064">
        <v>153.15</v>
      </c>
      <c r="B9064">
        <v>204.04</v>
      </c>
      <c r="C9064">
        <v>12618.2</v>
      </c>
      <c r="D9064">
        <v>3.7</v>
      </c>
      <c r="E9064">
        <v>13626.7</v>
      </c>
      <c r="F9064">
        <v>26.9221</v>
      </c>
    </row>
    <row r="9065" spans="1:6" x14ac:dyDescent="0.25">
      <c r="A9065">
        <v>153.15</v>
      </c>
      <c r="B9065">
        <v>204.04</v>
      </c>
      <c r="C9065">
        <v>12618.2</v>
      </c>
      <c r="D9065">
        <v>4</v>
      </c>
      <c r="E9065">
        <v>13577</v>
      </c>
      <c r="F9065">
        <v>26.905899999999999</v>
      </c>
    </row>
    <row r="9066" spans="1:6" x14ac:dyDescent="0.25">
      <c r="A9066">
        <v>153.15</v>
      </c>
      <c r="B9066">
        <v>204.04</v>
      </c>
      <c r="C9066">
        <v>14163.6</v>
      </c>
      <c r="D9066">
        <v>1</v>
      </c>
      <c r="E9066">
        <v>17763</v>
      </c>
      <c r="F9066">
        <v>25.0593</v>
      </c>
    </row>
    <row r="9067" spans="1:6" x14ac:dyDescent="0.25">
      <c r="A9067">
        <v>153.15</v>
      </c>
      <c r="B9067">
        <v>204.04</v>
      </c>
      <c r="C9067">
        <v>14163.6</v>
      </c>
      <c r="D9067">
        <v>1.3</v>
      </c>
      <c r="E9067">
        <v>16851.400000000001</v>
      </c>
      <c r="F9067">
        <v>25.409199999999998</v>
      </c>
    </row>
    <row r="9068" spans="1:6" x14ac:dyDescent="0.25">
      <c r="A9068">
        <v>153.15</v>
      </c>
      <c r="B9068">
        <v>204.04</v>
      </c>
      <c r="C9068">
        <v>14163.6</v>
      </c>
      <c r="D9068">
        <v>1.6</v>
      </c>
      <c r="E9068">
        <v>16594.3</v>
      </c>
      <c r="F9068">
        <v>25.502800000000001</v>
      </c>
    </row>
    <row r="9069" spans="1:6" x14ac:dyDescent="0.25">
      <c r="A9069">
        <v>153.15</v>
      </c>
      <c r="B9069">
        <v>204.04</v>
      </c>
      <c r="C9069">
        <v>14163.6</v>
      </c>
      <c r="D9069">
        <v>1.9</v>
      </c>
      <c r="E9069">
        <v>16201.5</v>
      </c>
      <c r="F9069">
        <v>26.246500000000001</v>
      </c>
    </row>
    <row r="9070" spans="1:6" x14ac:dyDescent="0.25">
      <c r="A9070">
        <v>153.15</v>
      </c>
      <c r="B9070">
        <v>204.04</v>
      </c>
      <c r="C9070">
        <v>14163.6</v>
      </c>
      <c r="D9070">
        <v>2.2000000000000002</v>
      </c>
      <c r="E9070">
        <v>16071</v>
      </c>
      <c r="F9070">
        <v>26.796500000000002</v>
      </c>
    </row>
    <row r="9071" spans="1:6" x14ac:dyDescent="0.25">
      <c r="A9071">
        <v>153.15</v>
      </c>
      <c r="B9071">
        <v>204.04</v>
      </c>
      <c r="C9071">
        <v>14163.6</v>
      </c>
      <c r="D9071">
        <v>2.5</v>
      </c>
      <c r="E9071">
        <v>15752.1</v>
      </c>
      <c r="F9071">
        <v>27.2866</v>
      </c>
    </row>
    <row r="9072" spans="1:6" x14ac:dyDescent="0.25">
      <c r="A9072">
        <v>153.15</v>
      </c>
      <c r="B9072">
        <v>204.04</v>
      </c>
      <c r="C9072">
        <v>14163.6</v>
      </c>
      <c r="D9072">
        <v>2.8</v>
      </c>
      <c r="E9072">
        <v>5678.88</v>
      </c>
      <c r="F9072">
        <v>27.008600000000001</v>
      </c>
    </row>
    <row r="9073" spans="1:6" x14ac:dyDescent="0.25">
      <c r="A9073">
        <v>153.15</v>
      </c>
      <c r="B9073">
        <v>204.04</v>
      </c>
      <c r="C9073">
        <v>14163.6</v>
      </c>
      <c r="D9073">
        <v>3.1</v>
      </c>
      <c r="E9073">
        <v>5662.21</v>
      </c>
      <c r="F9073">
        <v>26.9758</v>
      </c>
    </row>
    <row r="9074" spans="1:6" x14ac:dyDescent="0.25">
      <c r="A9074">
        <v>153.15</v>
      </c>
      <c r="B9074">
        <v>204.04</v>
      </c>
      <c r="C9074">
        <v>14163.6</v>
      </c>
      <c r="D9074">
        <v>3.4</v>
      </c>
      <c r="E9074">
        <v>5645.99</v>
      </c>
      <c r="F9074">
        <v>26.9514</v>
      </c>
    </row>
    <row r="9075" spans="1:6" x14ac:dyDescent="0.25">
      <c r="A9075">
        <v>153.15</v>
      </c>
      <c r="B9075">
        <v>204.04</v>
      </c>
      <c r="C9075">
        <v>14163.6</v>
      </c>
      <c r="D9075">
        <v>3.7</v>
      </c>
      <c r="E9075">
        <v>15169.8</v>
      </c>
      <c r="F9075">
        <v>26.9221</v>
      </c>
    </row>
    <row r="9076" spans="1:6" x14ac:dyDescent="0.25">
      <c r="A9076">
        <v>153.15</v>
      </c>
      <c r="B9076">
        <v>204.04</v>
      </c>
      <c r="C9076">
        <v>14163.6</v>
      </c>
      <c r="D9076">
        <v>4</v>
      </c>
      <c r="E9076">
        <v>15092.6</v>
      </c>
      <c r="F9076">
        <v>26.905899999999999</v>
      </c>
    </row>
    <row r="9077" spans="1:6" x14ac:dyDescent="0.25">
      <c r="A9077">
        <v>153.15</v>
      </c>
      <c r="B9077">
        <v>204.04</v>
      </c>
      <c r="C9077">
        <v>15709.1</v>
      </c>
      <c r="D9077">
        <v>1</v>
      </c>
      <c r="E9077">
        <v>19402.099999999999</v>
      </c>
      <c r="F9077">
        <v>25.0593</v>
      </c>
    </row>
    <row r="9078" spans="1:6" x14ac:dyDescent="0.25">
      <c r="A9078">
        <v>153.15</v>
      </c>
      <c r="B9078">
        <v>204.04</v>
      </c>
      <c r="C9078">
        <v>15709.1</v>
      </c>
      <c r="D9078">
        <v>1.3</v>
      </c>
      <c r="E9078">
        <v>18393.8</v>
      </c>
      <c r="F9078">
        <v>25.409199999999998</v>
      </c>
    </row>
    <row r="9079" spans="1:6" x14ac:dyDescent="0.25">
      <c r="A9079">
        <v>153.15</v>
      </c>
      <c r="B9079">
        <v>204.04</v>
      </c>
      <c r="C9079">
        <v>15709.1</v>
      </c>
      <c r="D9079">
        <v>1.6</v>
      </c>
      <c r="E9079">
        <v>18111.400000000001</v>
      </c>
      <c r="F9079">
        <v>25.502800000000001</v>
      </c>
    </row>
    <row r="9080" spans="1:6" x14ac:dyDescent="0.25">
      <c r="A9080">
        <v>153.15</v>
      </c>
      <c r="B9080">
        <v>204.04</v>
      </c>
      <c r="C9080">
        <v>15709.1</v>
      </c>
      <c r="D9080">
        <v>1.9</v>
      </c>
      <c r="E9080">
        <v>17796.099999999999</v>
      </c>
      <c r="F9080">
        <v>26.246500000000001</v>
      </c>
    </row>
    <row r="9081" spans="1:6" x14ac:dyDescent="0.25">
      <c r="A9081">
        <v>153.15</v>
      </c>
      <c r="B9081">
        <v>204.04</v>
      </c>
      <c r="C9081">
        <v>15709.1</v>
      </c>
      <c r="D9081">
        <v>2.2000000000000002</v>
      </c>
      <c r="E9081">
        <v>17570.900000000001</v>
      </c>
      <c r="F9081">
        <v>26.796500000000002</v>
      </c>
    </row>
    <row r="9082" spans="1:6" x14ac:dyDescent="0.25">
      <c r="A9082">
        <v>153.15</v>
      </c>
      <c r="B9082">
        <v>204.04</v>
      </c>
      <c r="C9082">
        <v>15709.1</v>
      </c>
      <c r="D9082">
        <v>2.5</v>
      </c>
      <c r="E9082">
        <v>17351</v>
      </c>
      <c r="F9082">
        <v>27.2866</v>
      </c>
    </row>
    <row r="9083" spans="1:6" x14ac:dyDescent="0.25">
      <c r="A9083">
        <v>153.15</v>
      </c>
      <c r="B9083">
        <v>204.04</v>
      </c>
      <c r="C9083">
        <v>15709.1</v>
      </c>
      <c r="D9083">
        <v>2.8</v>
      </c>
      <c r="E9083">
        <v>5678.88</v>
      </c>
      <c r="F9083">
        <v>27.008600000000001</v>
      </c>
    </row>
    <row r="9084" spans="1:6" x14ac:dyDescent="0.25">
      <c r="A9084">
        <v>153.15</v>
      </c>
      <c r="B9084">
        <v>204.04</v>
      </c>
      <c r="C9084">
        <v>15709.1</v>
      </c>
      <c r="D9084">
        <v>3.1</v>
      </c>
      <c r="E9084">
        <v>5662.21</v>
      </c>
      <c r="F9084">
        <v>26.9758</v>
      </c>
    </row>
    <row r="9085" spans="1:6" x14ac:dyDescent="0.25">
      <c r="A9085">
        <v>153.15</v>
      </c>
      <c r="B9085">
        <v>204.04</v>
      </c>
      <c r="C9085">
        <v>15709.1</v>
      </c>
      <c r="D9085">
        <v>3.4</v>
      </c>
      <c r="E9085">
        <v>5645.99</v>
      </c>
      <c r="F9085">
        <v>26.9514</v>
      </c>
    </row>
    <row r="9086" spans="1:6" x14ac:dyDescent="0.25">
      <c r="A9086">
        <v>153.15</v>
      </c>
      <c r="B9086">
        <v>204.04</v>
      </c>
      <c r="C9086">
        <v>15709.1</v>
      </c>
      <c r="D9086">
        <v>3.7</v>
      </c>
      <c r="E9086">
        <v>16602.400000000001</v>
      </c>
      <c r="F9086">
        <v>26.9221</v>
      </c>
    </row>
    <row r="9087" spans="1:6" x14ac:dyDescent="0.25">
      <c r="A9087">
        <v>153.15</v>
      </c>
      <c r="B9087">
        <v>204.04</v>
      </c>
      <c r="C9087">
        <v>15709.1</v>
      </c>
      <c r="D9087">
        <v>4</v>
      </c>
      <c r="E9087">
        <v>16633.7</v>
      </c>
      <c r="F9087">
        <v>26.905899999999999</v>
      </c>
    </row>
    <row r="9088" spans="1:6" x14ac:dyDescent="0.25">
      <c r="A9088">
        <v>153.15</v>
      </c>
      <c r="B9088">
        <v>204.04</v>
      </c>
      <c r="C9088">
        <v>17254.5</v>
      </c>
      <c r="D9088">
        <v>1</v>
      </c>
      <c r="E9088">
        <v>20822</v>
      </c>
      <c r="F9088">
        <v>25.0593</v>
      </c>
    </row>
    <row r="9089" spans="1:6" x14ac:dyDescent="0.25">
      <c r="A9089">
        <v>153.15</v>
      </c>
      <c r="B9089">
        <v>204.04</v>
      </c>
      <c r="C9089">
        <v>17254.5</v>
      </c>
      <c r="D9089">
        <v>1.3</v>
      </c>
      <c r="E9089">
        <v>20171.8</v>
      </c>
      <c r="F9089">
        <v>25.409199999999998</v>
      </c>
    </row>
    <row r="9090" spans="1:6" x14ac:dyDescent="0.25">
      <c r="A9090">
        <v>153.15</v>
      </c>
      <c r="B9090">
        <v>204.04</v>
      </c>
      <c r="C9090">
        <v>17254.5</v>
      </c>
      <c r="D9090">
        <v>1.6</v>
      </c>
      <c r="E9090">
        <v>19544.8</v>
      </c>
      <c r="F9090">
        <v>25.502800000000001</v>
      </c>
    </row>
    <row r="9091" spans="1:6" x14ac:dyDescent="0.25">
      <c r="A9091">
        <v>153.15</v>
      </c>
      <c r="B9091">
        <v>204.04</v>
      </c>
      <c r="C9091">
        <v>17254.5</v>
      </c>
      <c r="D9091">
        <v>1.9</v>
      </c>
      <c r="E9091">
        <v>19246.2</v>
      </c>
      <c r="F9091">
        <v>26.246500000000001</v>
      </c>
    </row>
    <row r="9092" spans="1:6" x14ac:dyDescent="0.25">
      <c r="A9092">
        <v>153.15</v>
      </c>
      <c r="B9092">
        <v>204.04</v>
      </c>
      <c r="C9092">
        <v>17254.5</v>
      </c>
      <c r="D9092">
        <v>2.2000000000000002</v>
      </c>
      <c r="E9092">
        <v>19145.8</v>
      </c>
      <c r="F9092">
        <v>26.796500000000002</v>
      </c>
    </row>
    <row r="9093" spans="1:6" x14ac:dyDescent="0.25">
      <c r="A9093">
        <v>153.15</v>
      </c>
      <c r="B9093">
        <v>204.04</v>
      </c>
      <c r="C9093">
        <v>17254.5</v>
      </c>
      <c r="D9093">
        <v>2.5</v>
      </c>
      <c r="E9093">
        <v>18915.5</v>
      </c>
      <c r="F9093">
        <v>27.2866</v>
      </c>
    </row>
    <row r="9094" spans="1:6" x14ac:dyDescent="0.25">
      <c r="A9094">
        <v>153.15</v>
      </c>
      <c r="B9094">
        <v>204.04</v>
      </c>
      <c r="C9094">
        <v>17254.5</v>
      </c>
      <c r="D9094">
        <v>2.8</v>
      </c>
      <c r="E9094">
        <v>5678.88</v>
      </c>
      <c r="F9094">
        <v>27.008600000000001</v>
      </c>
    </row>
    <row r="9095" spans="1:6" x14ac:dyDescent="0.25">
      <c r="A9095">
        <v>153.15</v>
      </c>
      <c r="B9095">
        <v>204.04</v>
      </c>
      <c r="C9095">
        <v>17254.5</v>
      </c>
      <c r="D9095">
        <v>3.1</v>
      </c>
      <c r="E9095">
        <v>5662.21</v>
      </c>
      <c r="F9095">
        <v>26.9758</v>
      </c>
    </row>
    <row r="9096" spans="1:6" x14ac:dyDescent="0.25">
      <c r="A9096">
        <v>153.15</v>
      </c>
      <c r="B9096">
        <v>204.04</v>
      </c>
      <c r="C9096">
        <v>17254.5</v>
      </c>
      <c r="D9096">
        <v>3.4</v>
      </c>
      <c r="E9096">
        <v>5645.99</v>
      </c>
      <c r="F9096">
        <v>26.9514</v>
      </c>
    </row>
    <row r="9097" spans="1:6" x14ac:dyDescent="0.25">
      <c r="A9097">
        <v>153.15</v>
      </c>
      <c r="B9097">
        <v>204.04</v>
      </c>
      <c r="C9097">
        <v>17254.5</v>
      </c>
      <c r="D9097">
        <v>3.7</v>
      </c>
      <c r="E9097">
        <v>18109.900000000001</v>
      </c>
      <c r="F9097">
        <v>26.9221</v>
      </c>
    </row>
    <row r="9098" spans="1:6" x14ac:dyDescent="0.25">
      <c r="A9098">
        <v>153.15</v>
      </c>
      <c r="B9098">
        <v>204.04</v>
      </c>
      <c r="C9098">
        <v>17254.5</v>
      </c>
      <c r="D9098">
        <v>4</v>
      </c>
      <c r="E9098">
        <v>18188.900000000001</v>
      </c>
      <c r="F9098">
        <v>26.905899999999999</v>
      </c>
    </row>
    <row r="9099" spans="1:6" x14ac:dyDescent="0.25">
      <c r="A9099">
        <v>153.15</v>
      </c>
      <c r="B9099">
        <v>204.04</v>
      </c>
      <c r="C9099">
        <v>18800</v>
      </c>
      <c r="D9099">
        <v>1</v>
      </c>
      <c r="E9099">
        <v>22367.9</v>
      </c>
      <c r="F9099">
        <v>25.0593</v>
      </c>
    </row>
    <row r="9100" spans="1:6" x14ac:dyDescent="0.25">
      <c r="A9100">
        <v>153.15</v>
      </c>
      <c r="B9100">
        <v>204.04</v>
      </c>
      <c r="C9100">
        <v>18800</v>
      </c>
      <c r="D9100">
        <v>1.3</v>
      </c>
      <c r="E9100">
        <v>21571.7</v>
      </c>
      <c r="F9100">
        <v>25.409199999999998</v>
      </c>
    </row>
    <row r="9101" spans="1:6" x14ac:dyDescent="0.25">
      <c r="A9101">
        <v>153.15</v>
      </c>
      <c r="B9101">
        <v>204.04</v>
      </c>
      <c r="C9101">
        <v>18800</v>
      </c>
      <c r="D9101">
        <v>1.6</v>
      </c>
      <c r="E9101">
        <v>21307.9</v>
      </c>
      <c r="F9101">
        <v>25.502800000000001</v>
      </c>
    </row>
    <row r="9102" spans="1:6" x14ac:dyDescent="0.25">
      <c r="A9102">
        <v>153.15</v>
      </c>
      <c r="B9102">
        <v>204.04</v>
      </c>
      <c r="C9102">
        <v>18800</v>
      </c>
      <c r="D9102">
        <v>1.9</v>
      </c>
      <c r="E9102">
        <v>20787.900000000001</v>
      </c>
      <c r="F9102">
        <v>26.246500000000001</v>
      </c>
    </row>
    <row r="9103" spans="1:6" x14ac:dyDescent="0.25">
      <c r="A9103">
        <v>153.15</v>
      </c>
      <c r="B9103">
        <v>204.04</v>
      </c>
      <c r="C9103">
        <v>18800</v>
      </c>
      <c r="D9103">
        <v>2.2000000000000002</v>
      </c>
      <c r="E9103">
        <v>20643.400000000001</v>
      </c>
      <c r="F9103">
        <v>26.796500000000002</v>
      </c>
    </row>
    <row r="9104" spans="1:6" x14ac:dyDescent="0.25">
      <c r="A9104">
        <v>153.15</v>
      </c>
      <c r="B9104">
        <v>204.04</v>
      </c>
      <c r="C9104">
        <v>18800</v>
      </c>
      <c r="D9104">
        <v>2.5</v>
      </c>
      <c r="E9104">
        <v>20469.400000000001</v>
      </c>
      <c r="F9104">
        <v>27.2866</v>
      </c>
    </row>
    <row r="9105" spans="1:6" x14ac:dyDescent="0.25">
      <c r="A9105">
        <v>153.15</v>
      </c>
      <c r="B9105">
        <v>204.04</v>
      </c>
      <c r="C9105">
        <v>18800</v>
      </c>
      <c r="D9105">
        <v>2.8</v>
      </c>
      <c r="E9105">
        <v>5678.88</v>
      </c>
      <c r="F9105">
        <v>27.008600000000001</v>
      </c>
    </row>
    <row r="9106" spans="1:6" x14ac:dyDescent="0.25">
      <c r="A9106">
        <v>153.15</v>
      </c>
      <c r="B9106">
        <v>204.04</v>
      </c>
      <c r="C9106">
        <v>18800</v>
      </c>
      <c r="D9106">
        <v>3.1</v>
      </c>
      <c r="E9106">
        <v>5662.21</v>
      </c>
      <c r="F9106">
        <v>26.9758</v>
      </c>
    </row>
    <row r="9107" spans="1:6" x14ac:dyDescent="0.25">
      <c r="A9107">
        <v>153.15</v>
      </c>
      <c r="B9107">
        <v>204.04</v>
      </c>
      <c r="C9107">
        <v>18800</v>
      </c>
      <c r="D9107">
        <v>3.4</v>
      </c>
      <c r="E9107">
        <v>5645.99</v>
      </c>
      <c r="F9107">
        <v>26.9514</v>
      </c>
    </row>
    <row r="9108" spans="1:6" x14ac:dyDescent="0.25">
      <c r="A9108">
        <v>153.15</v>
      </c>
      <c r="B9108">
        <v>204.04</v>
      </c>
      <c r="C9108">
        <v>18800</v>
      </c>
      <c r="D9108">
        <v>3.7</v>
      </c>
      <c r="E9108">
        <v>19698.599999999999</v>
      </c>
      <c r="F9108">
        <v>26.9221</v>
      </c>
    </row>
    <row r="9109" spans="1:6" x14ac:dyDescent="0.25">
      <c r="A9109">
        <v>153.15</v>
      </c>
      <c r="B9109">
        <v>204.04</v>
      </c>
      <c r="C9109">
        <v>18800</v>
      </c>
      <c r="D9109">
        <v>4</v>
      </c>
      <c r="E9109">
        <v>19743.400000000001</v>
      </c>
      <c r="F9109">
        <v>26.905899999999999</v>
      </c>
    </row>
    <row r="9110" spans="1:6" x14ac:dyDescent="0.25">
      <c r="A9110">
        <v>153.15</v>
      </c>
      <c r="B9110">
        <v>207.67</v>
      </c>
      <c r="C9110">
        <v>1800</v>
      </c>
      <c r="D9110">
        <v>1</v>
      </c>
      <c r="E9110">
        <v>5393.52</v>
      </c>
      <c r="F9110">
        <v>41.432000000000002</v>
      </c>
    </row>
    <row r="9111" spans="1:6" x14ac:dyDescent="0.25">
      <c r="A9111">
        <v>153.15</v>
      </c>
      <c r="B9111">
        <v>207.67</v>
      </c>
      <c r="C9111">
        <v>1800</v>
      </c>
      <c r="D9111">
        <v>1.3</v>
      </c>
      <c r="E9111">
        <v>4947.87</v>
      </c>
      <c r="F9111">
        <v>48.907899999999998</v>
      </c>
    </row>
    <row r="9112" spans="1:6" x14ac:dyDescent="0.25">
      <c r="A9112">
        <v>153.15</v>
      </c>
      <c r="B9112">
        <v>207.67</v>
      </c>
      <c r="C9112">
        <v>1800</v>
      </c>
      <c r="D9112">
        <v>1.6</v>
      </c>
      <c r="E9112">
        <v>4455.84</v>
      </c>
      <c r="F9112">
        <v>56.723300000000002</v>
      </c>
    </row>
    <row r="9113" spans="1:6" x14ac:dyDescent="0.25">
      <c r="A9113">
        <v>153.15</v>
      </c>
      <c r="B9113">
        <v>207.67</v>
      </c>
      <c r="C9113">
        <v>1800</v>
      </c>
      <c r="D9113">
        <v>1.9</v>
      </c>
      <c r="E9113">
        <v>4182.72</v>
      </c>
      <c r="F9113">
        <v>66.216999999999999</v>
      </c>
    </row>
    <row r="9114" spans="1:6" x14ac:dyDescent="0.25">
      <c r="A9114">
        <v>153.15</v>
      </c>
      <c r="B9114">
        <v>207.67</v>
      </c>
      <c r="C9114">
        <v>1800</v>
      </c>
      <c r="D9114">
        <v>2.2000000000000002</v>
      </c>
      <c r="E9114">
        <v>3944.01</v>
      </c>
      <c r="F9114">
        <v>69.029799999999994</v>
      </c>
    </row>
    <row r="9115" spans="1:6" x14ac:dyDescent="0.25">
      <c r="A9115">
        <v>153.15</v>
      </c>
      <c r="B9115">
        <v>207.67</v>
      </c>
      <c r="C9115">
        <v>1800</v>
      </c>
      <c r="D9115">
        <v>2.5</v>
      </c>
      <c r="E9115">
        <v>3794.41</v>
      </c>
      <c r="F9115">
        <v>72.378100000000003</v>
      </c>
    </row>
    <row r="9116" spans="1:6" x14ac:dyDescent="0.25">
      <c r="A9116">
        <v>153.15</v>
      </c>
      <c r="B9116">
        <v>207.67</v>
      </c>
      <c r="C9116">
        <v>1800</v>
      </c>
      <c r="D9116">
        <v>2.8</v>
      </c>
      <c r="E9116">
        <v>3608.68</v>
      </c>
      <c r="F9116">
        <v>75.505099999999999</v>
      </c>
    </row>
    <row r="9117" spans="1:6" x14ac:dyDescent="0.25">
      <c r="A9117">
        <v>153.15</v>
      </c>
      <c r="B9117">
        <v>207.67</v>
      </c>
      <c r="C9117">
        <v>1800</v>
      </c>
      <c r="D9117">
        <v>3.1</v>
      </c>
      <c r="E9117">
        <v>3506.75</v>
      </c>
      <c r="F9117">
        <v>76.247</v>
      </c>
    </row>
    <row r="9118" spans="1:6" x14ac:dyDescent="0.25">
      <c r="A9118">
        <v>153.15</v>
      </c>
      <c r="B9118">
        <v>207.67</v>
      </c>
      <c r="C9118">
        <v>1800</v>
      </c>
      <c r="D9118">
        <v>3.4</v>
      </c>
      <c r="E9118">
        <v>3386.95</v>
      </c>
      <c r="F9118">
        <v>77.636600000000001</v>
      </c>
    </row>
    <row r="9119" spans="1:6" x14ac:dyDescent="0.25">
      <c r="A9119">
        <v>153.15</v>
      </c>
      <c r="B9119">
        <v>207.67</v>
      </c>
      <c r="C9119">
        <v>1800</v>
      </c>
      <c r="D9119">
        <v>3.7</v>
      </c>
      <c r="E9119">
        <v>3298.42</v>
      </c>
      <c r="F9119">
        <v>81.774100000000004</v>
      </c>
    </row>
    <row r="9120" spans="1:6" x14ac:dyDescent="0.25">
      <c r="A9120">
        <v>153.15</v>
      </c>
      <c r="B9120">
        <v>207.67</v>
      </c>
      <c r="C9120">
        <v>1800</v>
      </c>
      <c r="D9120">
        <v>4</v>
      </c>
      <c r="E9120">
        <v>3217.73</v>
      </c>
      <c r="F9120">
        <v>84.033799999999999</v>
      </c>
    </row>
    <row r="9121" spans="1:6" x14ac:dyDescent="0.25">
      <c r="A9121">
        <v>153.15</v>
      </c>
      <c r="B9121">
        <v>207.67</v>
      </c>
      <c r="C9121">
        <v>3345.45</v>
      </c>
      <c r="D9121">
        <v>1</v>
      </c>
      <c r="E9121">
        <v>6987.75</v>
      </c>
      <c r="F9121">
        <v>17.952100000000002</v>
      </c>
    </row>
    <row r="9122" spans="1:6" x14ac:dyDescent="0.25">
      <c r="A9122">
        <v>153.15</v>
      </c>
      <c r="B9122">
        <v>207.67</v>
      </c>
      <c r="C9122">
        <v>3345.45</v>
      </c>
      <c r="D9122">
        <v>1.3</v>
      </c>
      <c r="E9122">
        <v>6285.84</v>
      </c>
      <c r="F9122">
        <v>21.626799999999999</v>
      </c>
    </row>
    <row r="9123" spans="1:6" x14ac:dyDescent="0.25">
      <c r="A9123">
        <v>153.15</v>
      </c>
      <c r="B9123">
        <v>207.67</v>
      </c>
      <c r="C9123">
        <v>3345.45</v>
      </c>
      <c r="D9123">
        <v>1.6</v>
      </c>
      <c r="E9123">
        <v>5824.92</v>
      </c>
      <c r="F9123">
        <v>18.8735</v>
      </c>
    </row>
    <row r="9124" spans="1:6" x14ac:dyDescent="0.25">
      <c r="A9124">
        <v>153.15</v>
      </c>
      <c r="B9124">
        <v>207.67</v>
      </c>
      <c r="C9124">
        <v>3345.45</v>
      </c>
      <c r="D9124">
        <v>1.9</v>
      </c>
      <c r="E9124">
        <v>5466.1</v>
      </c>
      <c r="F9124">
        <v>19.203600000000002</v>
      </c>
    </row>
    <row r="9125" spans="1:6" x14ac:dyDescent="0.25">
      <c r="A9125">
        <v>153.15</v>
      </c>
      <c r="B9125">
        <v>207.67</v>
      </c>
      <c r="C9125">
        <v>3345.45</v>
      </c>
      <c r="D9125">
        <v>2.2000000000000002</v>
      </c>
      <c r="E9125">
        <v>5381.75</v>
      </c>
      <c r="F9125">
        <v>25.968900000000001</v>
      </c>
    </row>
    <row r="9126" spans="1:6" x14ac:dyDescent="0.25">
      <c r="A9126">
        <v>153.15</v>
      </c>
      <c r="B9126">
        <v>207.67</v>
      </c>
      <c r="C9126">
        <v>3345.45</v>
      </c>
      <c r="D9126">
        <v>2.5</v>
      </c>
      <c r="E9126">
        <v>5227.08</v>
      </c>
      <c r="F9126">
        <v>24.919499999999999</v>
      </c>
    </row>
    <row r="9127" spans="1:6" x14ac:dyDescent="0.25">
      <c r="A9127">
        <v>153.15</v>
      </c>
      <c r="B9127">
        <v>207.67</v>
      </c>
      <c r="C9127">
        <v>3345.45</v>
      </c>
      <c r="D9127">
        <v>2.8</v>
      </c>
      <c r="E9127">
        <v>5006.59</v>
      </c>
      <c r="F9127">
        <v>19.380099999999999</v>
      </c>
    </row>
    <row r="9128" spans="1:6" x14ac:dyDescent="0.25">
      <c r="A9128">
        <v>153.15</v>
      </c>
      <c r="B9128">
        <v>207.67</v>
      </c>
      <c r="C9128">
        <v>3345.45</v>
      </c>
      <c r="D9128">
        <v>3.1</v>
      </c>
      <c r="E9128">
        <v>4899.29</v>
      </c>
      <c r="F9128">
        <v>18.166899999999998</v>
      </c>
    </row>
    <row r="9129" spans="1:6" x14ac:dyDescent="0.25">
      <c r="A9129">
        <v>153.15</v>
      </c>
      <c r="B9129">
        <v>207.67</v>
      </c>
      <c r="C9129">
        <v>3345.45</v>
      </c>
      <c r="D9129">
        <v>3.4</v>
      </c>
      <c r="E9129">
        <v>4775.78</v>
      </c>
      <c r="F9129">
        <v>18.443200000000001</v>
      </c>
    </row>
    <row r="9130" spans="1:6" x14ac:dyDescent="0.25">
      <c r="A9130">
        <v>153.15</v>
      </c>
      <c r="B9130">
        <v>207.67</v>
      </c>
      <c r="C9130">
        <v>3345.45</v>
      </c>
      <c r="D9130">
        <v>3.7</v>
      </c>
      <c r="E9130">
        <v>4688.3500000000004</v>
      </c>
      <c r="F9130">
        <v>18.107399999999998</v>
      </c>
    </row>
    <row r="9131" spans="1:6" x14ac:dyDescent="0.25">
      <c r="A9131">
        <v>153.15</v>
      </c>
      <c r="B9131">
        <v>207.67</v>
      </c>
      <c r="C9131">
        <v>3345.45</v>
      </c>
      <c r="D9131">
        <v>4</v>
      </c>
      <c r="E9131">
        <v>4625.3999999999996</v>
      </c>
      <c r="F9131">
        <v>17.493200000000002</v>
      </c>
    </row>
    <row r="9132" spans="1:6" x14ac:dyDescent="0.25">
      <c r="A9132">
        <v>153.15</v>
      </c>
      <c r="B9132">
        <v>207.67</v>
      </c>
      <c r="C9132">
        <v>4890.8999999999996</v>
      </c>
      <c r="D9132">
        <v>1</v>
      </c>
      <c r="E9132">
        <v>8516.74</v>
      </c>
      <c r="F9132">
        <v>25.0593</v>
      </c>
    </row>
    <row r="9133" spans="1:6" x14ac:dyDescent="0.25">
      <c r="A9133">
        <v>153.15</v>
      </c>
      <c r="B9133">
        <v>207.67</v>
      </c>
      <c r="C9133">
        <v>4890.8999999999996</v>
      </c>
      <c r="D9133">
        <v>1.3</v>
      </c>
      <c r="E9133">
        <v>7594.89</v>
      </c>
      <c r="F9133">
        <v>24.986499999999999</v>
      </c>
    </row>
    <row r="9134" spans="1:6" x14ac:dyDescent="0.25">
      <c r="A9134">
        <v>153.15</v>
      </c>
      <c r="B9134">
        <v>207.67</v>
      </c>
      <c r="C9134">
        <v>4890.8999999999996</v>
      </c>
      <c r="D9134">
        <v>1.6</v>
      </c>
      <c r="E9134">
        <v>7287.12</v>
      </c>
      <c r="F9134">
        <v>25.502800000000001</v>
      </c>
    </row>
    <row r="9135" spans="1:6" x14ac:dyDescent="0.25">
      <c r="A9135">
        <v>153.15</v>
      </c>
      <c r="B9135">
        <v>207.67</v>
      </c>
      <c r="C9135">
        <v>4890.8999999999996</v>
      </c>
      <c r="D9135">
        <v>1.9</v>
      </c>
      <c r="E9135">
        <v>7102.63</v>
      </c>
      <c r="F9135">
        <v>26.246500000000001</v>
      </c>
    </row>
    <row r="9136" spans="1:6" x14ac:dyDescent="0.25">
      <c r="A9136">
        <v>153.15</v>
      </c>
      <c r="B9136">
        <v>207.67</v>
      </c>
      <c r="C9136">
        <v>4890.8999999999996</v>
      </c>
      <c r="D9136">
        <v>2.2000000000000002</v>
      </c>
      <c r="E9136">
        <v>6791.48</v>
      </c>
      <c r="F9136">
        <v>26.796500000000002</v>
      </c>
    </row>
    <row r="9137" spans="1:6" x14ac:dyDescent="0.25">
      <c r="A9137">
        <v>153.15</v>
      </c>
      <c r="B9137">
        <v>207.67</v>
      </c>
      <c r="C9137">
        <v>4890.8999999999996</v>
      </c>
      <c r="D9137">
        <v>2.5</v>
      </c>
      <c r="E9137">
        <v>6461.36</v>
      </c>
      <c r="F9137">
        <v>27.2866</v>
      </c>
    </row>
    <row r="9138" spans="1:6" x14ac:dyDescent="0.25">
      <c r="A9138">
        <v>153.15</v>
      </c>
      <c r="B9138">
        <v>207.67</v>
      </c>
      <c r="C9138">
        <v>4890.8999999999996</v>
      </c>
      <c r="D9138">
        <v>2.8</v>
      </c>
      <c r="E9138">
        <v>5678.88</v>
      </c>
      <c r="F9138">
        <v>25.9405</v>
      </c>
    </row>
    <row r="9139" spans="1:6" x14ac:dyDescent="0.25">
      <c r="A9139">
        <v>153.15</v>
      </c>
      <c r="B9139">
        <v>207.67</v>
      </c>
      <c r="C9139">
        <v>4890.8999999999996</v>
      </c>
      <c r="D9139">
        <v>3.1</v>
      </c>
      <c r="E9139">
        <v>5662.21</v>
      </c>
      <c r="F9139">
        <v>25.389199999999999</v>
      </c>
    </row>
    <row r="9140" spans="1:6" x14ac:dyDescent="0.25">
      <c r="A9140">
        <v>153.15</v>
      </c>
      <c r="B9140">
        <v>207.67</v>
      </c>
      <c r="C9140">
        <v>4890.8999999999996</v>
      </c>
      <c r="D9140">
        <v>3.4</v>
      </c>
      <c r="E9140">
        <v>6241.02</v>
      </c>
      <c r="F9140">
        <v>25.649100000000001</v>
      </c>
    </row>
    <row r="9141" spans="1:6" x14ac:dyDescent="0.25">
      <c r="A9141">
        <v>153.15</v>
      </c>
      <c r="B9141">
        <v>207.67</v>
      </c>
      <c r="C9141">
        <v>4890.8999999999996</v>
      </c>
      <c r="D9141">
        <v>3.7</v>
      </c>
      <c r="E9141">
        <v>6151.04</v>
      </c>
      <c r="F9141">
        <v>25.881499999999999</v>
      </c>
    </row>
    <row r="9142" spans="1:6" x14ac:dyDescent="0.25">
      <c r="A9142">
        <v>153.15</v>
      </c>
      <c r="B9142">
        <v>207.67</v>
      </c>
      <c r="C9142">
        <v>4890.8999999999996</v>
      </c>
      <c r="D9142">
        <v>4</v>
      </c>
      <c r="E9142">
        <v>6051.21</v>
      </c>
      <c r="F9142">
        <v>26.045999999999999</v>
      </c>
    </row>
    <row r="9143" spans="1:6" x14ac:dyDescent="0.25">
      <c r="A9143">
        <v>153.15</v>
      </c>
      <c r="B9143">
        <v>207.67</v>
      </c>
      <c r="C9143">
        <v>6436.35</v>
      </c>
      <c r="D9143">
        <v>1</v>
      </c>
      <c r="E9143">
        <v>10160.5</v>
      </c>
      <c r="F9143">
        <v>25.0593</v>
      </c>
    </row>
    <row r="9144" spans="1:6" x14ac:dyDescent="0.25">
      <c r="A9144">
        <v>153.15</v>
      </c>
      <c r="B9144">
        <v>207.67</v>
      </c>
      <c r="C9144">
        <v>6436.35</v>
      </c>
      <c r="D9144">
        <v>1.3</v>
      </c>
      <c r="E9144">
        <v>9277.4</v>
      </c>
      <c r="F9144">
        <v>25.409199999999998</v>
      </c>
    </row>
    <row r="9145" spans="1:6" x14ac:dyDescent="0.25">
      <c r="A9145">
        <v>153.15</v>
      </c>
      <c r="B9145">
        <v>207.67</v>
      </c>
      <c r="C9145">
        <v>6436.35</v>
      </c>
      <c r="D9145">
        <v>1.6</v>
      </c>
      <c r="E9145">
        <v>8947.84</v>
      </c>
      <c r="F9145">
        <v>25.502800000000001</v>
      </c>
    </row>
    <row r="9146" spans="1:6" x14ac:dyDescent="0.25">
      <c r="A9146">
        <v>153.15</v>
      </c>
      <c r="B9146">
        <v>207.67</v>
      </c>
      <c r="C9146">
        <v>6436.35</v>
      </c>
      <c r="D9146">
        <v>1.9</v>
      </c>
      <c r="E9146">
        <v>8597.35</v>
      </c>
      <c r="F9146">
        <v>26.246500000000001</v>
      </c>
    </row>
    <row r="9147" spans="1:6" x14ac:dyDescent="0.25">
      <c r="A9147">
        <v>153.15</v>
      </c>
      <c r="B9147">
        <v>207.67</v>
      </c>
      <c r="C9147">
        <v>6436.35</v>
      </c>
      <c r="D9147">
        <v>2.2000000000000002</v>
      </c>
      <c r="E9147">
        <v>8222.41</v>
      </c>
      <c r="F9147">
        <v>26.796500000000002</v>
      </c>
    </row>
    <row r="9148" spans="1:6" x14ac:dyDescent="0.25">
      <c r="A9148">
        <v>153.15</v>
      </c>
      <c r="B9148">
        <v>207.67</v>
      </c>
      <c r="C9148">
        <v>6436.35</v>
      </c>
      <c r="D9148">
        <v>2.5</v>
      </c>
      <c r="E9148">
        <v>8149.46</v>
      </c>
      <c r="F9148">
        <v>27.2866</v>
      </c>
    </row>
    <row r="9149" spans="1:6" x14ac:dyDescent="0.25">
      <c r="A9149">
        <v>153.15</v>
      </c>
      <c r="B9149">
        <v>207.67</v>
      </c>
      <c r="C9149">
        <v>6436.35</v>
      </c>
      <c r="D9149">
        <v>2.8</v>
      </c>
      <c r="E9149">
        <v>5678.88</v>
      </c>
      <c r="F9149">
        <v>27.008600000000001</v>
      </c>
    </row>
    <row r="9150" spans="1:6" x14ac:dyDescent="0.25">
      <c r="A9150">
        <v>153.15</v>
      </c>
      <c r="B9150">
        <v>207.67</v>
      </c>
      <c r="C9150">
        <v>6436.35</v>
      </c>
      <c r="D9150">
        <v>3.1</v>
      </c>
      <c r="E9150">
        <v>5662.21</v>
      </c>
      <c r="F9150">
        <v>26.9758</v>
      </c>
    </row>
    <row r="9151" spans="1:6" x14ac:dyDescent="0.25">
      <c r="A9151">
        <v>153.15</v>
      </c>
      <c r="B9151">
        <v>207.67</v>
      </c>
      <c r="C9151">
        <v>6436.35</v>
      </c>
      <c r="D9151">
        <v>3.4</v>
      </c>
      <c r="E9151">
        <v>5645.99</v>
      </c>
      <c r="F9151">
        <v>26.9514</v>
      </c>
    </row>
    <row r="9152" spans="1:6" x14ac:dyDescent="0.25">
      <c r="A9152">
        <v>153.15</v>
      </c>
      <c r="B9152">
        <v>207.67</v>
      </c>
      <c r="C9152">
        <v>6436.35</v>
      </c>
      <c r="D9152">
        <v>3.7</v>
      </c>
      <c r="E9152">
        <v>7425.64</v>
      </c>
      <c r="F9152">
        <v>26.9221</v>
      </c>
    </row>
    <row r="9153" spans="1:6" x14ac:dyDescent="0.25">
      <c r="A9153">
        <v>153.15</v>
      </c>
      <c r="B9153">
        <v>207.67</v>
      </c>
      <c r="C9153">
        <v>6436.35</v>
      </c>
      <c r="D9153">
        <v>4</v>
      </c>
      <c r="E9153">
        <v>7349.19</v>
      </c>
      <c r="F9153">
        <v>26.905899999999999</v>
      </c>
    </row>
    <row r="9154" spans="1:6" x14ac:dyDescent="0.25">
      <c r="A9154">
        <v>153.15</v>
      </c>
      <c r="B9154">
        <v>207.67</v>
      </c>
      <c r="C9154">
        <v>7981.8</v>
      </c>
      <c r="D9154">
        <v>1</v>
      </c>
      <c r="E9154">
        <v>11596.2</v>
      </c>
      <c r="F9154">
        <v>25.0593</v>
      </c>
    </row>
    <row r="9155" spans="1:6" x14ac:dyDescent="0.25">
      <c r="A9155">
        <v>153.15</v>
      </c>
      <c r="B9155">
        <v>207.67</v>
      </c>
      <c r="C9155">
        <v>7981.8</v>
      </c>
      <c r="D9155">
        <v>1.3</v>
      </c>
      <c r="E9155">
        <v>10777.6</v>
      </c>
      <c r="F9155">
        <v>25.409199999999998</v>
      </c>
    </row>
    <row r="9156" spans="1:6" x14ac:dyDescent="0.25">
      <c r="A9156">
        <v>153.15</v>
      </c>
      <c r="B9156">
        <v>207.67</v>
      </c>
      <c r="C9156">
        <v>7981.8</v>
      </c>
      <c r="D9156">
        <v>1.6</v>
      </c>
      <c r="E9156">
        <v>10414</v>
      </c>
      <c r="F9156">
        <v>25.502800000000001</v>
      </c>
    </row>
    <row r="9157" spans="1:6" x14ac:dyDescent="0.25">
      <c r="A9157">
        <v>153.15</v>
      </c>
      <c r="B9157">
        <v>207.67</v>
      </c>
      <c r="C9157">
        <v>7981.8</v>
      </c>
      <c r="D9157">
        <v>1.9</v>
      </c>
      <c r="E9157">
        <v>10132.799999999999</v>
      </c>
      <c r="F9157">
        <v>26.246500000000001</v>
      </c>
    </row>
    <row r="9158" spans="1:6" x14ac:dyDescent="0.25">
      <c r="A9158">
        <v>153.15</v>
      </c>
      <c r="B9158">
        <v>207.67</v>
      </c>
      <c r="C9158">
        <v>7981.8</v>
      </c>
      <c r="D9158">
        <v>2.2000000000000002</v>
      </c>
      <c r="E9158">
        <v>9896.52</v>
      </c>
      <c r="F9158">
        <v>26.796500000000002</v>
      </c>
    </row>
    <row r="9159" spans="1:6" x14ac:dyDescent="0.25">
      <c r="A9159">
        <v>153.15</v>
      </c>
      <c r="B9159">
        <v>207.67</v>
      </c>
      <c r="C9159">
        <v>7981.8</v>
      </c>
      <c r="D9159">
        <v>2.5</v>
      </c>
      <c r="E9159">
        <v>9656.33</v>
      </c>
      <c r="F9159">
        <v>27.2866</v>
      </c>
    </row>
    <row r="9160" spans="1:6" x14ac:dyDescent="0.25">
      <c r="A9160">
        <v>153.15</v>
      </c>
      <c r="B9160">
        <v>207.67</v>
      </c>
      <c r="C9160">
        <v>7981.8</v>
      </c>
      <c r="D9160">
        <v>2.8</v>
      </c>
      <c r="E9160">
        <v>5678.88</v>
      </c>
      <c r="F9160">
        <v>27.008600000000001</v>
      </c>
    </row>
    <row r="9161" spans="1:6" x14ac:dyDescent="0.25">
      <c r="A9161">
        <v>153.15</v>
      </c>
      <c r="B9161">
        <v>207.67</v>
      </c>
      <c r="C9161">
        <v>7981.8</v>
      </c>
      <c r="D9161">
        <v>3.1</v>
      </c>
      <c r="E9161">
        <v>5662.21</v>
      </c>
      <c r="F9161">
        <v>26.9758</v>
      </c>
    </row>
    <row r="9162" spans="1:6" x14ac:dyDescent="0.25">
      <c r="A9162">
        <v>153.15</v>
      </c>
      <c r="B9162">
        <v>207.67</v>
      </c>
      <c r="C9162">
        <v>7981.8</v>
      </c>
      <c r="D9162">
        <v>3.4</v>
      </c>
      <c r="E9162">
        <v>5645.99</v>
      </c>
      <c r="F9162">
        <v>26.9514</v>
      </c>
    </row>
    <row r="9163" spans="1:6" x14ac:dyDescent="0.25">
      <c r="A9163">
        <v>153.15</v>
      </c>
      <c r="B9163">
        <v>207.67</v>
      </c>
      <c r="C9163">
        <v>7981.8</v>
      </c>
      <c r="D9163">
        <v>3.7</v>
      </c>
      <c r="E9163">
        <v>8991.85</v>
      </c>
      <c r="F9163">
        <v>26.9221</v>
      </c>
    </row>
    <row r="9164" spans="1:6" x14ac:dyDescent="0.25">
      <c r="A9164">
        <v>153.15</v>
      </c>
      <c r="B9164">
        <v>207.67</v>
      </c>
      <c r="C9164">
        <v>7981.8</v>
      </c>
      <c r="D9164">
        <v>4</v>
      </c>
      <c r="E9164">
        <v>8953.64</v>
      </c>
      <c r="F9164">
        <v>26.905899999999999</v>
      </c>
    </row>
    <row r="9165" spans="1:6" x14ac:dyDescent="0.25">
      <c r="A9165">
        <v>153.15</v>
      </c>
      <c r="B9165">
        <v>207.67</v>
      </c>
      <c r="C9165">
        <v>9527.25</v>
      </c>
      <c r="D9165">
        <v>1</v>
      </c>
      <c r="E9165">
        <v>13265.6</v>
      </c>
      <c r="F9165">
        <v>25.0593</v>
      </c>
    </row>
    <row r="9166" spans="1:6" x14ac:dyDescent="0.25">
      <c r="A9166">
        <v>153.15</v>
      </c>
      <c r="B9166">
        <v>207.67</v>
      </c>
      <c r="C9166">
        <v>9527.25</v>
      </c>
      <c r="D9166">
        <v>1.3</v>
      </c>
      <c r="E9166">
        <v>12237.1</v>
      </c>
      <c r="F9166">
        <v>25.409199999999998</v>
      </c>
    </row>
    <row r="9167" spans="1:6" x14ac:dyDescent="0.25">
      <c r="A9167">
        <v>153.15</v>
      </c>
      <c r="B9167">
        <v>207.67</v>
      </c>
      <c r="C9167">
        <v>9527.25</v>
      </c>
      <c r="D9167">
        <v>1.6</v>
      </c>
      <c r="E9167">
        <v>11944.4</v>
      </c>
      <c r="F9167">
        <v>25.502800000000001</v>
      </c>
    </row>
    <row r="9168" spans="1:6" x14ac:dyDescent="0.25">
      <c r="A9168">
        <v>153.15</v>
      </c>
      <c r="B9168">
        <v>207.67</v>
      </c>
      <c r="C9168">
        <v>9527.25</v>
      </c>
      <c r="D9168">
        <v>1.9</v>
      </c>
      <c r="E9168">
        <v>11673.8</v>
      </c>
      <c r="F9168">
        <v>26.246500000000001</v>
      </c>
    </row>
    <row r="9169" spans="1:6" x14ac:dyDescent="0.25">
      <c r="A9169">
        <v>153.15</v>
      </c>
      <c r="B9169">
        <v>207.67</v>
      </c>
      <c r="C9169">
        <v>9527.25</v>
      </c>
      <c r="D9169">
        <v>2.2000000000000002</v>
      </c>
      <c r="E9169">
        <v>11353.9</v>
      </c>
      <c r="F9169">
        <v>26.796500000000002</v>
      </c>
    </row>
    <row r="9170" spans="1:6" x14ac:dyDescent="0.25">
      <c r="A9170">
        <v>153.15</v>
      </c>
      <c r="B9170">
        <v>207.67</v>
      </c>
      <c r="C9170">
        <v>9527.25</v>
      </c>
      <c r="D9170">
        <v>2.5</v>
      </c>
      <c r="E9170">
        <v>11185.8</v>
      </c>
      <c r="F9170">
        <v>27.2866</v>
      </c>
    </row>
    <row r="9171" spans="1:6" x14ac:dyDescent="0.25">
      <c r="A9171">
        <v>153.15</v>
      </c>
      <c r="B9171">
        <v>207.67</v>
      </c>
      <c r="C9171">
        <v>9527.25</v>
      </c>
      <c r="D9171">
        <v>2.8</v>
      </c>
      <c r="E9171">
        <v>5678.88</v>
      </c>
      <c r="F9171">
        <v>27.008600000000001</v>
      </c>
    </row>
    <row r="9172" spans="1:6" x14ac:dyDescent="0.25">
      <c r="A9172">
        <v>153.15</v>
      </c>
      <c r="B9172">
        <v>207.67</v>
      </c>
      <c r="C9172">
        <v>9527.25</v>
      </c>
      <c r="D9172">
        <v>3.1</v>
      </c>
      <c r="E9172">
        <v>5662.21</v>
      </c>
      <c r="F9172">
        <v>26.9758</v>
      </c>
    </row>
    <row r="9173" spans="1:6" x14ac:dyDescent="0.25">
      <c r="A9173">
        <v>153.15</v>
      </c>
      <c r="B9173">
        <v>207.67</v>
      </c>
      <c r="C9173">
        <v>9527.25</v>
      </c>
      <c r="D9173">
        <v>3.4</v>
      </c>
      <c r="E9173">
        <v>5645.99</v>
      </c>
      <c r="F9173">
        <v>26.9514</v>
      </c>
    </row>
    <row r="9174" spans="1:6" x14ac:dyDescent="0.25">
      <c r="A9174">
        <v>153.15</v>
      </c>
      <c r="B9174">
        <v>207.67</v>
      </c>
      <c r="C9174">
        <v>9527.25</v>
      </c>
      <c r="D9174">
        <v>3.7</v>
      </c>
      <c r="E9174">
        <v>10522.9</v>
      </c>
      <c r="F9174">
        <v>26.9221</v>
      </c>
    </row>
    <row r="9175" spans="1:6" x14ac:dyDescent="0.25">
      <c r="A9175">
        <v>153.15</v>
      </c>
      <c r="B9175">
        <v>207.67</v>
      </c>
      <c r="C9175">
        <v>9527.25</v>
      </c>
      <c r="D9175">
        <v>4</v>
      </c>
      <c r="E9175">
        <v>10492.2</v>
      </c>
      <c r="F9175">
        <v>26.905899999999999</v>
      </c>
    </row>
    <row r="9176" spans="1:6" x14ac:dyDescent="0.25">
      <c r="A9176">
        <v>153.15</v>
      </c>
      <c r="B9176">
        <v>207.67</v>
      </c>
      <c r="C9176">
        <v>11072.7</v>
      </c>
      <c r="D9176">
        <v>1</v>
      </c>
      <c r="E9176">
        <v>14560.3</v>
      </c>
      <c r="F9176">
        <v>25.0593</v>
      </c>
    </row>
    <row r="9177" spans="1:6" x14ac:dyDescent="0.25">
      <c r="A9177">
        <v>153.15</v>
      </c>
      <c r="B9177">
        <v>207.67</v>
      </c>
      <c r="C9177">
        <v>11072.7</v>
      </c>
      <c r="D9177">
        <v>1.3</v>
      </c>
      <c r="E9177">
        <v>13833.9</v>
      </c>
      <c r="F9177">
        <v>25.409199999999998</v>
      </c>
    </row>
    <row r="9178" spans="1:6" x14ac:dyDescent="0.25">
      <c r="A9178">
        <v>153.15</v>
      </c>
      <c r="B9178">
        <v>207.67</v>
      </c>
      <c r="C9178">
        <v>11072.7</v>
      </c>
      <c r="D9178">
        <v>1.6</v>
      </c>
      <c r="E9178">
        <v>13468.4</v>
      </c>
      <c r="F9178">
        <v>25.502800000000001</v>
      </c>
    </row>
    <row r="9179" spans="1:6" x14ac:dyDescent="0.25">
      <c r="A9179">
        <v>153.15</v>
      </c>
      <c r="B9179">
        <v>207.67</v>
      </c>
      <c r="C9179">
        <v>11072.7</v>
      </c>
      <c r="D9179">
        <v>1.9</v>
      </c>
      <c r="E9179">
        <v>13069.1</v>
      </c>
      <c r="F9179">
        <v>26.246500000000001</v>
      </c>
    </row>
    <row r="9180" spans="1:6" x14ac:dyDescent="0.25">
      <c r="A9180">
        <v>153.15</v>
      </c>
      <c r="B9180">
        <v>207.67</v>
      </c>
      <c r="C9180">
        <v>11072.7</v>
      </c>
      <c r="D9180">
        <v>2.2000000000000002</v>
      </c>
      <c r="E9180">
        <v>12865</v>
      </c>
      <c r="F9180">
        <v>26.796500000000002</v>
      </c>
    </row>
    <row r="9181" spans="1:6" x14ac:dyDescent="0.25">
      <c r="A9181">
        <v>153.15</v>
      </c>
      <c r="B9181">
        <v>207.67</v>
      </c>
      <c r="C9181">
        <v>11072.7</v>
      </c>
      <c r="D9181">
        <v>2.5</v>
      </c>
      <c r="E9181">
        <v>12741.9</v>
      </c>
      <c r="F9181">
        <v>27.2866</v>
      </c>
    </row>
    <row r="9182" spans="1:6" x14ac:dyDescent="0.25">
      <c r="A9182">
        <v>153.15</v>
      </c>
      <c r="B9182">
        <v>207.67</v>
      </c>
      <c r="C9182">
        <v>11072.7</v>
      </c>
      <c r="D9182">
        <v>2.8</v>
      </c>
      <c r="E9182">
        <v>5678.88</v>
      </c>
      <c r="F9182">
        <v>27.008600000000001</v>
      </c>
    </row>
    <row r="9183" spans="1:6" x14ac:dyDescent="0.25">
      <c r="A9183">
        <v>153.15</v>
      </c>
      <c r="B9183">
        <v>207.67</v>
      </c>
      <c r="C9183">
        <v>11072.7</v>
      </c>
      <c r="D9183">
        <v>3.1</v>
      </c>
      <c r="E9183">
        <v>5662.21</v>
      </c>
      <c r="F9183">
        <v>26.9758</v>
      </c>
    </row>
    <row r="9184" spans="1:6" x14ac:dyDescent="0.25">
      <c r="A9184">
        <v>153.15</v>
      </c>
      <c r="B9184">
        <v>207.67</v>
      </c>
      <c r="C9184">
        <v>11072.7</v>
      </c>
      <c r="D9184">
        <v>3.4</v>
      </c>
      <c r="E9184">
        <v>5645.99</v>
      </c>
      <c r="F9184">
        <v>26.9514</v>
      </c>
    </row>
    <row r="9185" spans="1:6" x14ac:dyDescent="0.25">
      <c r="A9185">
        <v>153.15</v>
      </c>
      <c r="B9185">
        <v>207.67</v>
      </c>
      <c r="C9185">
        <v>11072.7</v>
      </c>
      <c r="D9185">
        <v>3.7</v>
      </c>
      <c r="E9185">
        <v>12073.1</v>
      </c>
      <c r="F9185">
        <v>26.9221</v>
      </c>
    </row>
    <row r="9186" spans="1:6" x14ac:dyDescent="0.25">
      <c r="A9186">
        <v>153.15</v>
      </c>
      <c r="B9186">
        <v>207.67</v>
      </c>
      <c r="C9186">
        <v>11072.7</v>
      </c>
      <c r="D9186">
        <v>4</v>
      </c>
      <c r="E9186">
        <v>12021.1</v>
      </c>
      <c r="F9186">
        <v>26.905899999999999</v>
      </c>
    </row>
    <row r="9187" spans="1:6" x14ac:dyDescent="0.25">
      <c r="A9187">
        <v>153.15</v>
      </c>
      <c r="B9187">
        <v>207.67</v>
      </c>
      <c r="C9187">
        <v>12618.2</v>
      </c>
      <c r="D9187">
        <v>1</v>
      </c>
      <c r="E9187">
        <v>16042</v>
      </c>
      <c r="F9187">
        <v>25.0593</v>
      </c>
    </row>
    <row r="9188" spans="1:6" x14ac:dyDescent="0.25">
      <c r="A9188">
        <v>153.15</v>
      </c>
      <c r="B9188">
        <v>207.67</v>
      </c>
      <c r="C9188">
        <v>12618.2</v>
      </c>
      <c r="D9188">
        <v>1.3</v>
      </c>
      <c r="E9188">
        <v>15505.7</v>
      </c>
      <c r="F9188">
        <v>25.409199999999998</v>
      </c>
    </row>
    <row r="9189" spans="1:6" x14ac:dyDescent="0.25">
      <c r="A9189">
        <v>153.15</v>
      </c>
      <c r="B9189">
        <v>207.67</v>
      </c>
      <c r="C9189">
        <v>12618.2</v>
      </c>
      <c r="D9189">
        <v>1.6</v>
      </c>
      <c r="E9189">
        <v>14952.4</v>
      </c>
      <c r="F9189">
        <v>25.502800000000001</v>
      </c>
    </row>
    <row r="9190" spans="1:6" x14ac:dyDescent="0.25">
      <c r="A9190">
        <v>153.15</v>
      </c>
      <c r="B9190">
        <v>207.67</v>
      </c>
      <c r="C9190">
        <v>12618.2</v>
      </c>
      <c r="D9190">
        <v>1.9</v>
      </c>
      <c r="E9190">
        <v>14606.5</v>
      </c>
      <c r="F9190">
        <v>26.246500000000001</v>
      </c>
    </row>
    <row r="9191" spans="1:6" x14ac:dyDescent="0.25">
      <c r="A9191">
        <v>153.15</v>
      </c>
      <c r="B9191">
        <v>207.67</v>
      </c>
      <c r="C9191">
        <v>12618.2</v>
      </c>
      <c r="D9191">
        <v>2.2000000000000002</v>
      </c>
      <c r="E9191">
        <v>14511.5</v>
      </c>
      <c r="F9191">
        <v>26.796500000000002</v>
      </c>
    </row>
    <row r="9192" spans="1:6" x14ac:dyDescent="0.25">
      <c r="A9192">
        <v>153.15</v>
      </c>
      <c r="B9192">
        <v>207.67</v>
      </c>
      <c r="C9192">
        <v>12618.2</v>
      </c>
      <c r="D9192">
        <v>2.5</v>
      </c>
      <c r="E9192">
        <v>14248.4</v>
      </c>
      <c r="F9192">
        <v>27.2866</v>
      </c>
    </row>
    <row r="9193" spans="1:6" x14ac:dyDescent="0.25">
      <c r="A9193">
        <v>153.15</v>
      </c>
      <c r="B9193">
        <v>207.67</v>
      </c>
      <c r="C9193">
        <v>12618.2</v>
      </c>
      <c r="D9193">
        <v>2.8</v>
      </c>
      <c r="E9193">
        <v>5678.88</v>
      </c>
      <c r="F9193">
        <v>27.008600000000001</v>
      </c>
    </row>
    <row r="9194" spans="1:6" x14ac:dyDescent="0.25">
      <c r="A9194">
        <v>153.15</v>
      </c>
      <c r="B9194">
        <v>207.67</v>
      </c>
      <c r="C9194">
        <v>12618.2</v>
      </c>
      <c r="D9194">
        <v>3.1</v>
      </c>
      <c r="E9194">
        <v>5662.21</v>
      </c>
      <c r="F9194">
        <v>26.9758</v>
      </c>
    </row>
    <row r="9195" spans="1:6" x14ac:dyDescent="0.25">
      <c r="A9195">
        <v>153.15</v>
      </c>
      <c r="B9195">
        <v>207.67</v>
      </c>
      <c r="C9195">
        <v>12618.2</v>
      </c>
      <c r="D9195">
        <v>3.4</v>
      </c>
      <c r="E9195">
        <v>5645.99</v>
      </c>
      <c r="F9195">
        <v>26.9514</v>
      </c>
    </row>
    <row r="9196" spans="1:6" x14ac:dyDescent="0.25">
      <c r="A9196">
        <v>153.15</v>
      </c>
      <c r="B9196">
        <v>207.67</v>
      </c>
      <c r="C9196">
        <v>12618.2</v>
      </c>
      <c r="D9196">
        <v>3.7</v>
      </c>
      <c r="E9196">
        <v>13592.4</v>
      </c>
      <c r="F9196">
        <v>26.9221</v>
      </c>
    </row>
    <row r="9197" spans="1:6" x14ac:dyDescent="0.25">
      <c r="A9197">
        <v>153.15</v>
      </c>
      <c r="B9197">
        <v>207.67</v>
      </c>
      <c r="C9197">
        <v>12618.2</v>
      </c>
      <c r="D9197">
        <v>4</v>
      </c>
      <c r="E9197">
        <v>13541.7</v>
      </c>
      <c r="F9197">
        <v>26.905899999999999</v>
      </c>
    </row>
    <row r="9198" spans="1:6" x14ac:dyDescent="0.25">
      <c r="A9198">
        <v>153.15</v>
      </c>
      <c r="B9198">
        <v>207.67</v>
      </c>
      <c r="C9198">
        <v>14163.6</v>
      </c>
      <c r="D9198">
        <v>1</v>
      </c>
      <c r="E9198">
        <v>17763</v>
      </c>
      <c r="F9198">
        <v>25.0593</v>
      </c>
    </row>
    <row r="9199" spans="1:6" x14ac:dyDescent="0.25">
      <c r="A9199">
        <v>153.15</v>
      </c>
      <c r="B9199">
        <v>207.67</v>
      </c>
      <c r="C9199">
        <v>14163.6</v>
      </c>
      <c r="D9199">
        <v>1.3</v>
      </c>
      <c r="E9199">
        <v>16851.400000000001</v>
      </c>
      <c r="F9199">
        <v>25.409199999999998</v>
      </c>
    </row>
    <row r="9200" spans="1:6" x14ac:dyDescent="0.25">
      <c r="A9200">
        <v>153.15</v>
      </c>
      <c r="B9200">
        <v>207.67</v>
      </c>
      <c r="C9200">
        <v>14163.6</v>
      </c>
      <c r="D9200">
        <v>1.6</v>
      </c>
      <c r="E9200">
        <v>16594.3</v>
      </c>
      <c r="F9200">
        <v>25.502800000000001</v>
      </c>
    </row>
    <row r="9201" spans="1:6" x14ac:dyDescent="0.25">
      <c r="A9201">
        <v>153.15</v>
      </c>
      <c r="B9201">
        <v>207.67</v>
      </c>
      <c r="C9201">
        <v>14163.6</v>
      </c>
      <c r="D9201">
        <v>1.9</v>
      </c>
      <c r="E9201">
        <v>16201.5</v>
      </c>
      <c r="F9201">
        <v>26.246500000000001</v>
      </c>
    </row>
    <row r="9202" spans="1:6" x14ac:dyDescent="0.25">
      <c r="A9202">
        <v>153.15</v>
      </c>
      <c r="B9202">
        <v>207.67</v>
      </c>
      <c r="C9202">
        <v>14163.6</v>
      </c>
      <c r="D9202">
        <v>2.2000000000000002</v>
      </c>
      <c r="E9202">
        <v>15911.5</v>
      </c>
      <c r="F9202">
        <v>26.796500000000002</v>
      </c>
    </row>
    <row r="9203" spans="1:6" x14ac:dyDescent="0.25">
      <c r="A9203">
        <v>153.15</v>
      </c>
      <c r="B9203">
        <v>207.67</v>
      </c>
      <c r="C9203">
        <v>14163.6</v>
      </c>
      <c r="D9203">
        <v>2.5</v>
      </c>
      <c r="E9203">
        <v>15752.1</v>
      </c>
      <c r="F9203">
        <v>27.2866</v>
      </c>
    </row>
    <row r="9204" spans="1:6" x14ac:dyDescent="0.25">
      <c r="A9204">
        <v>153.15</v>
      </c>
      <c r="B9204">
        <v>207.67</v>
      </c>
      <c r="C9204">
        <v>14163.6</v>
      </c>
      <c r="D9204">
        <v>2.8</v>
      </c>
      <c r="E9204">
        <v>5678.88</v>
      </c>
      <c r="F9204">
        <v>27.008600000000001</v>
      </c>
    </row>
    <row r="9205" spans="1:6" x14ac:dyDescent="0.25">
      <c r="A9205">
        <v>153.15</v>
      </c>
      <c r="B9205">
        <v>207.67</v>
      </c>
      <c r="C9205">
        <v>14163.6</v>
      </c>
      <c r="D9205">
        <v>3.1</v>
      </c>
      <c r="E9205">
        <v>5662.21</v>
      </c>
      <c r="F9205">
        <v>26.9758</v>
      </c>
    </row>
    <row r="9206" spans="1:6" x14ac:dyDescent="0.25">
      <c r="A9206">
        <v>153.15</v>
      </c>
      <c r="B9206">
        <v>207.67</v>
      </c>
      <c r="C9206">
        <v>14163.6</v>
      </c>
      <c r="D9206">
        <v>3.4</v>
      </c>
      <c r="E9206">
        <v>5645.99</v>
      </c>
      <c r="F9206">
        <v>26.9514</v>
      </c>
    </row>
    <row r="9207" spans="1:6" x14ac:dyDescent="0.25">
      <c r="A9207">
        <v>153.15</v>
      </c>
      <c r="B9207">
        <v>207.67</v>
      </c>
      <c r="C9207">
        <v>14163.6</v>
      </c>
      <c r="D9207">
        <v>3.7</v>
      </c>
      <c r="E9207">
        <v>15049.2</v>
      </c>
      <c r="F9207">
        <v>26.9221</v>
      </c>
    </row>
    <row r="9208" spans="1:6" x14ac:dyDescent="0.25">
      <c r="A9208">
        <v>153.15</v>
      </c>
      <c r="B9208">
        <v>207.67</v>
      </c>
      <c r="C9208">
        <v>14163.6</v>
      </c>
      <c r="D9208">
        <v>4</v>
      </c>
      <c r="E9208">
        <v>15137</v>
      </c>
      <c r="F9208">
        <v>26.905899999999999</v>
      </c>
    </row>
    <row r="9209" spans="1:6" x14ac:dyDescent="0.25">
      <c r="A9209">
        <v>153.15</v>
      </c>
      <c r="B9209">
        <v>207.67</v>
      </c>
      <c r="C9209">
        <v>15709.1</v>
      </c>
      <c r="D9209">
        <v>1</v>
      </c>
      <c r="E9209">
        <v>19402.099999999999</v>
      </c>
      <c r="F9209">
        <v>25.0593</v>
      </c>
    </row>
    <row r="9210" spans="1:6" x14ac:dyDescent="0.25">
      <c r="A9210">
        <v>153.15</v>
      </c>
      <c r="B9210">
        <v>207.67</v>
      </c>
      <c r="C9210">
        <v>15709.1</v>
      </c>
      <c r="D9210">
        <v>1.3</v>
      </c>
      <c r="E9210">
        <v>18393.8</v>
      </c>
      <c r="F9210">
        <v>25.409199999999998</v>
      </c>
    </row>
    <row r="9211" spans="1:6" x14ac:dyDescent="0.25">
      <c r="A9211">
        <v>153.15</v>
      </c>
      <c r="B9211">
        <v>207.67</v>
      </c>
      <c r="C9211">
        <v>15709.1</v>
      </c>
      <c r="D9211">
        <v>1.6</v>
      </c>
      <c r="E9211">
        <v>18111.400000000001</v>
      </c>
      <c r="F9211">
        <v>25.502800000000001</v>
      </c>
    </row>
    <row r="9212" spans="1:6" x14ac:dyDescent="0.25">
      <c r="A9212">
        <v>153.15</v>
      </c>
      <c r="B9212">
        <v>207.67</v>
      </c>
      <c r="C9212">
        <v>15709.1</v>
      </c>
      <c r="D9212">
        <v>1.9</v>
      </c>
      <c r="E9212">
        <v>17796.099999999999</v>
      </c>
      <c r="F9212">
        <v>26.246500000000001</v>
      </c>
    </row>
    <row r="9213" spans="1:6" x14ac:dyDescent="0.25">
      <c r="A9213">
        <v>153.15</v>
      </c>
      <c r="B9213">
        <v>207.67</v>
      </c>
      <c r="C9213">
        <v>15709.1</v>
      </c>
      <c r="D9213">
        <v>2.2000000000000002</v>
      </c>
      <c r="E9213">
        <v>17555.5</v>
      </c>
      <c r="F9213">
        <v>26.796500000000002</v>
      </c>
    </row>
    <row r="9214" spans="1:6" x14ac:dyDescent="0.25">
      <c r="A9214">
        <v>153.15</v>
      </c>
      <c r="B9214">
        <v>207.67</v>
      </c>
      <c r="C9214">
        <v>15709.1</v>
      </c>
      <c r="D9214">
        <v>2.5</v>
      </c>
      <c r="E9214">
        <v>17367.7</v>
      </c>
      <c r="F9214">
        <v>27.2866</v>
      </c>
    </row>
    <row r="9215" spans="1:6" x14ac:dyDescent="0.25">
      <c r="A9215">
        <v>153.15</v>
      </c>
      <c r="B9215">
        <v>207.67</v>
      </c>
      <c r="C9215">
        <v>15709.1</v>
      </c>
      <c r="D9215">
        <v>2.8</v>
      </c>
      <c r="E9215">
        <v>5678.88</v>
      </c>
      <c r="F9215">
        <v>27.008600000000001</v>
      </c>
    </row>
    <row r="9216" spans="1:6" x14ac:dyDescent="0.25">
      <c r="A9216">
        <v>153.15</v>
      </c>
      <c r="B9216">
        <v>207.67</v>
      </c>
      <c r="C9216">
        <v>15709.1</v>
      </c>
      <c r="D9216">
        <v>3.1</v>
      </c>
      <c r="E9216">
        <v>5662.21</v>
      </c>
      <c r="F9216">
        <v>26.9758</v>
      </c>
    </row>
    <row r="9217" spans="1:6" x14ac:dyDescent="0.25">
      <c r="A9217">
        <v>153.15</v>
      </c>
      <c r="B9217">
        <v>207.67</v>
      </c>
      <c r="C9217">
        <v>15709.1</v>
      </c>
      <c r="D9217">
        <v>3.4</v>
      </c>
      <c r="E9217">
        <v>5645.99</v>
      </c>
      <c r="F9217">
        <v>26.9514</v>
      </c>
    </row>
    <row r="9218" spans="1:6" x14ac:dyDescent="0.25">
      <c r="A9218">
        <v>153.15</v>
      </c>
      <c r="B9218">
        <v>207.67</v>
      </c>
      <c r="C9218">
        <v>15709.1</v>
      </c>
      <c r="D9218">
        <v>3.7</v>
      </c>
      <c r="E9218">
        <v>16580.5</v>
      </c>
      <c r="F9218">
        <v>26.9221</v>
      </c>
    </row>
    <row r="9219" spans="1:6" x14ac:dyDescent="0.25">
      <c r="A9219">
        <v>153.15</v>
      </c>
      <c r="B9219">
        <v>207.67</v>
      </c>
      <c r="C9219">
        <v>15709.1</v>
      </c>
      <c r="D9219">
        <v>4</v>
      </c>
      <c r="E9219">
        <v>16641.8</v>
      </c>
      <c r="F9219">
        <v>26.905899999999999</v>
      </c>
    </row>
    <row r="9220" spans="1:6" x14ac:dyDescent="0.25">
      <c r="A9220">
        <v>153.15</v>
      </c>
      <c r="B9220">
        <v>207.67</v>
      </c>
      <c r="C9220">
        <v>17254.5</v>
      </c>
      <c r="D9220">
        <v>1</v>
      </c>
      <c r="E9220">
        <v>20822</v>
      </c>
      <c r="F9220">
        <v>25.0593</v>
      </c>
    </row>
    <row r="9221" spans="1:6" x14ac:dyDescent="0.25">
      <c r="A9221">
        <v>153.15</v>
      </c>
      <c r="B9221">
        <v>207.67</v>
      </c>
      <c r="C9221">
        <v>17254.5</v>
      </c>
      <c r="D9221">
        <v>1.3</v>
      </c>
      <c r="E9221">
        <v>20171.8</v>
      </c>
      <c r="F9221">
        <v>25.409199999999998</v>
      </c>
    </row>
    <row r="9222" spans="1:6" x14ac:dyDescent="0.25">
      <c r="A9222">
        <v>153.15</v>
      </c>
      <c r="B9222">
        <v>207.67</v>
      </c>
      <c r="C9222">
        <v>17254.5</v>
      </c>
      <c r="D9222">
        <v>1.6</v>
      </c>
      <c r="E9222">
        <v>19800.2</v>
      </c>
      <c r="F9222">
        <v>25.502800000000001</v>
      </c>
    </row>
    <row r="9223" spans="1:6" x14ac:dyDescent="0.25">
      <c r="A9223">
        <v>153.15</v>
      </c>
      <c r="B9223">
        <v>207.67</v>
      </c>
      <c r="C9223">
        <v>17254.5</v>
      </c>
      <c r="D9223">
        <v>1.9</v>
      </c>
      <c r="E9223">
        <v>19435.400000000001</v>
      </c>
      <c r="F9223">
        <v>26.246500000000001</v>
      </c>
    </row>
    <row r="9224" spans="1:6" x14ac:dyDescent="0.25">
      <c r="A9224">
        <v>153.15</v>
      </c>
      <c r="B9224">
        <v>207.67</v>
      </c>
      <c r="C9224">
        <v>17254.5</v>
      </c>
      <c r="D9224">
        <v>2.2000000000000002</v>
      </c>
      <c r="E9224">
        <v>19145.8</v>
      </c>
      <c r="F9224">
        <v>26.796500000000002</v>
      </c>
    </row>
    <row r="9225" spans="1:6" x14ac:dyDescent="0.25">
      <c r="A9225">
        <v>153.15</v>
      </c>
      <c r="B9225">
        <v>207.67</v>
      </c>
      <c r="C9225">
        <v>17254.5</v>
      </c>
      <c r="D9225">
        <v>2.5</v>
      </c>
      <c r="E9225">
        <v>18918</v>
      </c>
      <c r="F9225">
        <v>27.2866</v>
      </c>
    </row>
    <row r="9226" spans="1:6" x14ac:dyDescent="0.25">
      <c r="A9226">
        <v>153.15</v>
      </c>
      <c r="B9226">
        <v>207.67</v>
      </c>
      <c r="C9226">
        <v>17254.5</v>
      </c>
      <c r="D9226">
        <v>2.8</v>
      </c>
      <c r="E9226">
        <v>5678.88</v>
      </c>
      <c r="F9226">
        <v>27.008600000000001</v>
      </c>
    </row>
    <row r="9227" spans="1:6" x14ac:dyDescent="0.25">
      <c r="A9227">
        <v>153.15</v>
      </c>
      <c r="B9227">
        <v>207.67</v>
      </c>
      <c r="C9227">
        <v>17254.5</v>
      </c>
      <c r="D9227">
        <v>3.1</v>
      </c>
      <c r="E9227">
        <v>5662.21</v>
      </c>
      <c r="F9227">
        <v>26.9758</v>
      </c>
    </row>
    <row r="9228" spans="1:6" x14ac:dyDescent="0.25">
      <c r="A9228">
        <v>153.15</v>
      </c>
      <c r="B9228">
        <v>207.67</v>
      </c>
      <c r="C9228">
        <v>17254.5</v>
      </c>
      <c r="D9228">
        <v>3.4</v>
      </c>
      <c r="E9228">
        <v>5645.99</v>
      </c>
      <c r="F9228">
        <v>26.9514</v>
      </c>
    </row>
    <row r="9229" spans="1:6" x14ac:dyDescent="0.25">
      <c r="A9229">
        <v>153.15</v>
      </c>
      <c r="B9229">
        <v>207.67</v>
      </c>
      <c r="C9229">
        <v>17254.5</v>
      </c>
      <c r="D9229">
        <v>3.7</v>
      </c>
      <c r="E9229">
        <v>18109.900000000001</v>
      </c>
      <c r="F9229">
        <v>26.9221</v>
      </c>
    </row>
    <row r="9230" spans="1:6" x14ac:dyDescent="0.25">
      <c r="A9230">
        <v>153.15</v>
      </c>
      <c r="B9230">
        <v>207.67</v>
      </c>
      <c r="C9230">
        <v>17254.5</v>
      </c>
      <c r="D9230">
        <v>4</v>
      </c>
      <c r="E9230">
        <v>18188.900000000001</v>
      </c>
      <c r="F9230">
        <v>26.905899999999999</v>
      </c>
    </row>
    <row r="9231" spans="1:6" x14ac:dyDescent="0.25">
      <c r="A9231">
        <v>153.15</v>
      </c>
      <c r="B9231">
        <v>207.67</v>
      </c>
      <c r="C9231">
        <v>18800</v>
      </c>
      <c r="D9231">
        <v>1</v>
      </c>
      <c r="E9231">
        <v>22367.9</v>
      </c>
      <c r="F9231">
        <v>25.0593</v>
      </c>
    </row>
    <row r="9232" spans="1:6" x14ac:dyDescent="0.25">
      <c r="A9232">
        <v>153.15</v>
      </c>
      <c r="B9232">
        <v>207.67</v>
      </c>
      <c r="C9232">
        <v>18800</v>
      </c>
      <c r="D9232">
        <v>1.3</v>
      </c>
      <c r="E9232">
        <v>21524.5</v>
      </c>
      <c r="F9232">
        <v>25.409199999999998</v>
      </c>
    </row>
    <row r="9233" spans="1:6" x14ac:dyDescent="0.25">
      <c r="A9233">
        <v>153.15</v>
      </c>
      <c r="B9233">
        <v>207.67</v>
      </c>
      <c r="C9233">
        <v>18800</v>
      </c>
      <c r="D9233">
        <v>1.6</v>
      </c>
      <c r="E9233">
        <v>21307.9</v>
      </c>
      <c r="F9233">
        <v>25.502800000000001</v>
      </c>
    </row>
    <row r="9234" spans="1:6" x14ac:dyDescent="0.25">
      <c r="A9234">
        <v>153.15</v>
      </c>
      <c r="B9234">
        <v>207.67</v>
      </c>
      <c r="C9234">
        <v>18800</v>
      </c>
      <c r="D9234">
        <v>1.9</v>
      </c>
      <c r="E9234">
        <v>20787.900000000001</v>
      </c>
      <c r="F9234">
        <v>26.246500000000001</v>
      </c>
    </row>
    <row r="9235" spans="1:6" x14ac:dyDescent="0.25">
      <c r="A9235">
        <v>153.15</v>
      </c>
      <c r="B9235">
        <v>207.67</v>
      </c>
      <c r="C9235">
        <v>18800</v>
      </c>
      <c r="D9235">
        <v>2.2000000000000002</v>
      </c>
      <c r="E9235">
        <v>20692.900000000001</v>
      </c>
      <c r="F9235">
        <v>26.796500000000002</v>
      </c>
    </row>
    <row r="9236" spans="1:6" x14ac:dyDescent="0.25">
      <c r="A9236">
        <v>153.15</v>
      </c>
      <c r="B9236">
        <v>207.67</v>
      </c>
      <c r="C9236">
        <v>18800</v>
      </c>
      <c r="D9236">
        <v>2.5</v>
      </c>
      <c r="E9236">
        <v>20469.400000000001</v>
      </c>
      <c r="F9236">
        <v>27.2866</v>
      </c>
    </row>
    <row r="9237" spans="1:6" x14ac:dyDescent="0.25">
      <c r="A9237">
        <v>153.15</v>
      </c>
      <c r="B9237">
        <v>207.67</v>
      </c>
      <c r="C9237">
        <v>18800</v>
      </c>
      <c r="D9237">
        <v>2.8</v>
      </c>
      <c r="E9237">
        <v>5678.88</v>
      </c>
      <c r="F9237">
        <v>27.008600000000001</v>
      </c>
    </row>
    <row r="9238" spans="1:6" x14ac:dyDescent="0.25">
      <c r="A9238">
        <v>153.15</v>
      </c>
      <c r="B9238">
        <v>207.67</v>
      </c>
      <c r="C9238">
        <v>18800</v>
      </c>
      <c r="D9238">
        <v>3.1</v>
      </c>
      <c r="E9238">
        <v>5662.21</v>
      </c>
      <c r="F9238">
        <v>26.9758</v>
      </c>
    </row>
    <row r="9239" spans="1:6" x14ac:dyDescent="0.25">
      <c r="A9239">
        <v>153.15</v>
      </c>
      <c r="B9239">
        <v>207.67</v>
      </c>
      <c r="C9239">
        <v>18800</v>
      </c>
      <c r="D9239">
        <v>3.4</v>
      </c>
      <c r="E9239">
        <v>5645.99</v>
      </c>
      <c r="F9239">
        <v>26.9514</v>
      </c>
    </row>
    <row r="9240" spans="1:6" x14ac:dyDescent="0.25">
      <c r="A9240">
        <v>153.15</v>
      </c>
      <c r="B9240">
        <v>207.67</v>
      </c>
      <c r="C9240">
        <v>18800</v>
      </c>
      <c r="D9240">
        <v>3.7</v>
      </c>
      <c r="E9240">
        <v>19744.3</v>
      </c>
      <c r="F9240">
        <v>26.9221</v>
      </c>
    </row>
    <row r="9241" spans="1:6" x14ac:dyDescent="0.25">
      <c r="A9241">
        <v>153.15</v>
      </c>
      <c r="B9241">
        <v>207.67</v>
      </c>
      <c r="C9241">
        <v>18800</v>
      </c>
      <c r="D9241">
        <v>4</v>
      </c>
      <c r="E9241">
        <v>19728.599999999999</v>
      </c>
      <c r="F9241">
        <v>26.905899999999999</v>
      </c>
    </row>
    <row r="9242" spans="1:6" x14ac:dyDescent="0.25">
      <c r="A9242">
        <v>153.15</v>
      </c>
      <c r="B9242">
        <v>211.3</v>
      </c>
      <c r="C9242">
        <v>1800</v>
      </c>
      <c r="D9242">
        <v>1</v>
      </c>
      <c r="E9242">
        <v>5393.52</v>
      </c>
      <c r="F9242">
        <v>41.432000000000002</v>
      </c>
    </row>
    <row r="9243" spans="1:6" x14ac:dyDescent="0.25">
      <c r="A9243">
        <v>153.15</v>
      </c>
      <c r="B9243">
        <v>211.3</v>
      </c>
      <c r="C9243">
        <v>1800</v>
      </c>
      <c r="D9243">
        <v>1.3</v>
      </c>
      <c r="E9243">
        <v>4947.87</v>
      </c>
      <c r="F9243">
        <v>48.907899999999998</v>
      </c>
    </row>
    <row r="9244" spans="1:6" x14ac:dyDescent="0.25">
      <c r="A9244">
        <v>153.15</v>
      </c>
      <c r="B9244">
        <v>211.3</v>
      </c>
      <c r="C9244">
        <v>1800</v>
      </c>
      <c r="D9244">
        <v>1.6</v>
      </c>
      <c r="E9244">
        <v>4455.84</v>
      </c>
      <c r="F9244">
        <v>56.723300000000002</v>
      </c>
    </row>
    <row r="9245" spans="1:6" x14ac:dyDescent="0.25">
      <c r="A9245">
        <v>153.15</v>
      </c>
      <c r="B9245">
        <v>211.3</v>
      </c>
      <c r="C9245">
        <v>1800</v>
      </c>
      <c r="D9245">
        <v>1.9</v>
      </c>
      <c r="E9245">
        <v>4182.72</v>
      </c>
      <c r="F9245">
        <v>66.216999999999999</v>
      </c>
    </row>
    <row r="9246" spans="1:6" x14ac:dyDescent="0.25">
      <c r="A9246">
        <v>153.15</v>
      </c>
      <c r="B9246">
        <v>211.3</v>
      </c>
      <c r="C9246">
        <v>1800</v>
      </c>
      <c r="D9246">
        <v>2.2000000000000002</v>
      </c>
      <c r="E9246">
        <v>3944.01</v>
      </c>
      <c r="F9246">
        <v>69.029799999999994</v>
      </c>
    </row>
    <row r="9247" spans="1:6" x14ac:dyDescent="0.25">
      <c r="A9247">
        <v>153.15</v>
      </c>
      <c r="B9247">
        <v>211.3</v>
      </c>
      <c r="C9247">
        <v>1800</v>
      </c>
      <c r="D9247">
        <v>2.5</v>
      </c>
      <c r="E9247">
        <v>3794.41</v>
      </c>
      <c r="F9247">
        <v>72.378100000000003</v>
      </c>
    </row>
    <row r="9248" spans="1:6" x14ac:dyDescent="0.25">
      <c r="A9248">
        <v>153.15</v>
      </c>
      <c r="B9248">
        <v>211.3</v>
      </c>
      <c r="C9248">
        <v>1800</v>
      </c>
      <c r="D9248">
        <v>2.8</v>
      </c>
      <c r="E9248">
        <v>3608.68</v>
      </c>
      <c r="F9248">
        <v>75.505099999999999</v>
      </c>
    </row>
    <row r="9249" spans="1:6" x14ac:dyDescent="0.25">
      <c r="A9249">
        <v>153.15</v>
      </c>
      <c r="B9249">
        <v>211.3</v>
      </c>
      <c r="C9249">
        <v>1800</v>
      </c>
      <c r="D9249">
        <v>3.1</v>
      </c>
      <c r="E9249">
        <v>3506.75</v>
      </c>
      <c r="F9249">
        <v>76.247</v>
      </c>
    </row>
    <row r="9250" spans="1:6" x14ac:dyDescent="0.25">
      <c r="A9250">
        <v>153.15</v>
      </c>
      <c r="B9250">
        <v>211.3</v>
      </c>
      <c r="C9250">
        <v>1800</v>
      </c>
      <c r="D9250">
        <v>3.4</v>
      </c>
      <c r="E9250">
        <v>3386.95</v>
      </c>
      <c r="F9250">
        <v>77.636600000000001</v>
      </c>
    </row>
    <row r="9251" spans="1:6" x14ac:dyDescent="0.25">
      <c r="A9251">
        <v>153.15</v>
      </c>
      <c r="B9251">
        <v>211.3</v>
      </c>
      <c r="C9251">
        <v>1800</v>
      </c>
      <c r="D9251">
        <v>3.7</v>
      </c>
      <c r="E9251">
        <v>3298.42</v>
      </c>
      <c r="F9251">
        <v>81.774100000000004</v>
      </c>
    </row>
    <row r="9252" spans="1:6" x14ac:dyDescent="0.25">
      <c r="A9252">
        <v>153.15</v>
      </c>
      <c r="B9252">
        <v>211.3</v>
      </c>
      <c r="C9252">
        <v>1800</v>
      </c>
      <c r="D9252">
        <v>4</v>
      </c>
      <c r="E9252">
        <v>3217.73</v>
      </c>
      <c r="F9252">
        <v>84.033799999999999</v>
      </c>
    </row>
    <row r="9253" spans="1:6" x14ac:dyDescent="0.25">
      <c r="A9253">
        <v>153.15</v>
      </c>
      <c r="B9253">
        <v>211.3</v>
      </c>
      <c r="C9253">
        <v>3345.45</v>
      </c>
      <c r="D9253">
        <v>1</v>
      </c>
      <c r="E9253">
        <v>6987.75</v>
      </c>
      <c r="F9253">
        <v>17.952100000000002</v>
      </c>
    </row>
    <row r="9254" spans="1:6" x14ac:dyDescent="0.25">
      <c r="A9254">
        <v>153.15</v>
      </c>
      <c r="B9254">
        <v>211.3</v>
      </c>
      <c r="C9254">
        <v>3345.45</v>
      </c>
      <c r="D9254">
        <v>1.3</v>
      </c>
      <c r="E9254">
        <v>6285.84</v>
      </c>
      <c r="F9254">
        <v>21.626799999999999</v>
      </c>
    </row>
    <row r="9255" spans="1:6" x14ac:dyDescent="0.25">
      <c r="A9255">
        <v>153.15</v>
      </c>
      <c r="B9255">
        <v>211.3</v>
      </c>
      <c r="C9255">
        <v>3345.45</v>
      </c>
      <c r="D9255">
        <v>1.6</v>
      </c>
      <c r="E9255">
        <v>5824.92</v>
      </c>
      <c r="F9255">
        <v>18.8735</v>
      </c>
    </row>
    <row r="9256" spans="1:6" x14ac:dyDescent="0.25">
      <c r="A9256">
        <v>153.15</v>
      </c>
      <c r="B9256">
        <v>211.3</v>
      </c>
      <c r="C9256">
        <v>3345.45</v>
      </c>
      <c r="D9256">
        <v>1.9</v>
      </c>
      <c r="E9256">
        <v>5466.1</v>
      </c>
      <c r="F9256">
        <v>19.203600000000002</v>
      </c>
    </row>
    <row r="9257" spans="1:6" x14ac:dyDescent="0.25">
      <c r="A9257">
        <v>153.15</v>
      </c>
      <c r="B9257">
        <v>211.3</v>
      </c>
      <c r="C9257">
        <v>3345.45</v>
      </c>
      <c r="D9257">
        <v>2.2000000000000002</v>
      </c>
      <c r="E9257">
        <v>5381.75</v>
      </c>
      <c r="F9257">
        <v>25.968900000000001</v>
      </c>
    </row>
    <row r="9258" spans="1:6" x14ac:dyDescent="0.25">
      <c r="A9258">
        <v>153.15</v>
      </c>
      <c r="B9258">
        <v>211.3</v>
      </c>
      <c r="C9258">
        <v>3345.45</v>
      </c>
      <c r="D9258">
        <v>2.5</v>
      </c>
      <c r="E9258">
        <v>5227.08</v>
      </c>
      <c r="F9258">
        <v>24.919499999999999</v>
      </c>
    </row>
    <row r="9259" spans="1:6" x14ac:dyDescent="0.25">
      <c r="A9259">
        <v>153.15</v>
      </c>
      <c r="B9259">
        <v>211.3</v>
      </c>
      <c r="C9259">
        <v>3345.45</v>
      </c>
      <c r="D9259">
        <v>2.8</v>
      </c>
      <c r="E9259">
        <v>5006.59</v>
      </c>
      <c r="F9259">
        <v>19.380099999999999</v>
      </c>
    </row>
    <row r="9260" spans="1:6" x14ac:dyDescent="0.25">
      <c r="A9260">
        <v>153.15</v>
      </c>
      <c r="B9260">
        <v>211.3</v>
      </c>
      <c r="C9260">
        <v>3345.45</v>
      </c>
      <c r="D9260">
        <v>3.1</v>
      </c>
      <c r="E9260">
        <v>4899.29</v>
      </c>
      <c r="F9260">
        <v>18.166899999999998</v>
      </c>
    </row>
    <row r="9261" spans="1:6" x14ac:dyDescent="0.25">
      <c r="A9261">
        <v>153.15</v>
      </c>
      <c r="B9261">
        <v>211.3</v>
      </c>
      <c r="C9261">
        <v>3345.45</v>
      </c>
      <c r="D9261">
        <v>3.4</v>
      </c>
      <c r="E9261">
        <v>4775.78</v>
      </c>
      <c r="F9261">
        <v>18.443200000000001</v>
      </c>
    </row>
    <row r="9262" spans="1:6" x14ac:dyDescent="0.25">
      <c r="A9262">
        <v>153.15</v>
      </c>
      <c r="B9262">
        <v>211.3</v>
      </c>
      <c r="C9262">
        <v>3345.45</v>
      </c>
      <c r="D9262">
        <v>3.7</v>
      </c>
      <c r="E9262">
        <v>4688.3500000000004</v>
      </c>
      <c r="F9262">
        <v>18.107399999999998</v>
      </c>
    </row>
    <row r="9263" spans="1:6" x14ac:dyDescent="0.25">
      <c r="A9263">
        <v>153.15</v>
      </c>
      <c r="B9263">
        <v>211.3</v>
      </c>
      <c r="C9263">
        <v>3345.45</v>
      </c>
      <c r="D9263">
        <v>4</v>
      </c>
      <c r="E9263">
        <v>4617.55</v>
      </c>
      <c r="F9263">
        <v>17.493200000000002</v>
      </c>
    </row>
    <row r="9264" spans="1:6" x14ac:dyDescent="0.25">
      <c r="A9264">
        <v>153.15</v>
      </c>
      <c r="B9264">
        <v>211.3</v>
      </c>
      <c r="C9264">
        <v>4890.8999999999996</v>
      </c>
      <c r="D9264">
        <v>1</v>
      </c>
      <c r="E9264">
        <v>8516.74</v>
      </c>
      <c r="F9264">
        <v>25.0593</v>
      </c>
    </row>
    <row r="9265" spans="1:6" x14ac:dyDescent="0.25">
      <c r="A9265">
        <v>153.15</v>
      </c>
      <c r="B9265">
        <v>211.3</v>
      </c>
      <c r="C9265">
        <v>4890.8999999999996</v>
      </c>
      <c r="D9265">
        <v>1.3</v>
      </c>
      <c r="E9265">
        <v>7594.89</v>
      </c>
      <c r="F9265">
        <v>24.986499999999999</v>
      </c>
    </row>
    <row r="9266" spans="1:6" x14ac:dyDescent="0.25">
      <c r="A9266">
        <v>153.15</v>
      </c>
      <c r="B9266">
        <v>211.3</v>
      </c>
      <c r="C9266">
        <v>4890.8999999999996</v>
      </c>
      <c r="D9266">
        <v>1.6</v>
      </c>
      <c r="E9266">
        <v>7287.12</v>
      </c>
      <c r="F9266">
        <v>25.502800000000001</v>
      </c>
    </row>
    <row r="9267" spans="1:6" x14ac:dyDescent="0.25">
      <c r="A9267">
        <v>153.15</v>
      </c>
      <c r="B9267">
        <v>211.3</v>
      </c>
      <c r="C9267">
        <v>4890.8999999999996</v>
      </c>
      <c r="D9267">
        <v>1.9</v>
      </c>
      <c r="E9267">
        <v>7102.63</v>
      </c>
      <c r="F9267">
        <v>26.246500000000001</v>
      </c>
    </row>
    <row r="9268" spans="1:6" x14ac:dyDescent="0.25">
      <c r="A9268">
        <v>153.15</v>
      </c>
      <c r="B9268">
        <v>211.3</v>
      </c>
      <c r="C9268">
        <v>4890.8999999999996</v>
      </c>
      <c r="D9268">
        <v>2.2000000000000002</v>
      </c>
      <c r="E9268">
        <v>6791.48</v>
      </c>
      <c r="F9268">
        <v>26.796500000000002</v>
      </c>
    </row>
    <row r="9269" spans="1:6" x14ac:dyDescent="0.25">
      <c r="A9269">
        <v>153.15</v>
      </c>
      <c r="B9269">
        <v>211.3</v>
      </c>
      <c r="C9269">
        <v>4890.8999999999996</v>
      </c>
      <c r="D9269">
        <v>2.5</v>
      </c>
      <c r="E9269">
        <v>6461.36</v>
      </c>
      <c r="F9269">
        <v>27.2866</v>
      </c>
    </row>
    <row r="9270" spans="1:6" x14ac:dyDescent="0.25">
      <c r="A9270">
        <v>153.15</v>
      </c>
      <c r="B9270">
        <v>211.3</v>
      </c>
      <c r="C9270">
        <v>4890.8999999999996</v>
      </c>
      <c r="D9270">
        <v>2.8</v>
      </c>
      <c r="E9270">
        <v>5678.88</v>
      </c>
      <c r="F9270">
        <v>25.9405</v>
      </c>
    </row>
    <row r="9271" spans="1:6" x14ac:dyDescent="0.25">
      <c r="A9271">
        <v>153.15</v>
      </c>
      <c r="B9271">
        <v>211.3</v>
      </c>
      <c r="C9271">
        <v>4890.8999999999996</v>
      </c>
      <c r="D9271">
        <v>3.1</v>
      </c>
      <c r="E9271">
        <v>5662.21</v>
      </c>
      <c r="F9271">
        <v>25.389199999999999</v>
      </c>
    </row>
    <row r="9272" spans="1:6" x14ac:dyDescent="0.25">
      <c r="A9272">
        <v>153.15</v>
      </c>
      <c r="B9272">
        <v>211.3</v>
      </c>
      <c r="C9272">
        <v>4890.8999999999996</v>
      </c>
      <c r="D9272">
        <v>3.4</v>
      </c>
      <c r="E9272">
        <v>6241.02</v>
      </c>
      <c r="F9272">
        <v>25.649100000000001</v>
      </c>
    </row>
    <row r="9273" spans="1:6" x14ac:dyDescent="0.25">
      <c r="A9273">
        <v>153.15</v>
      </c>
      <c r="B9273">
        <v>211.3</v>
      </c>
      <c r="C9273">
        <v>4890.8999999999996</v>
      </c>
      <c r="D9273">
        <v>3.7</v>
      </c>
      <c r="E9273">
        <v>6151.04</v>
      </c>
      <c r="F9273">
        <v>25.881499999999999</v>
      </c>
    </row>
    <row r="9274" spans="1:6" x14ac:dyDescent="0.25">
      <c r="A9274">
        <v>153.15</v>
      </c>
      <c r="B9274">
        <v>211.3</v>
      </c>
      <c r="C9274">
        <v>4890.8999999999996</v>
      </c>
      <c r="D9274">
        <v>4</v>
      </c>
      <c r="E9274">
        <v>6051.21</v>
      </c>
      <c r="F9274">
        <v>26.045999999999999</v>
      </c>
    </row>
    <row r="9275" spans="1:6" x14ac:dyDescent="0.25">
      <c r="A9275">
        <v>153.15</v>
      </c>
      <c r="B9275">
        <v>211.3</v>
      </c>
      <c r="C9275">
        <v>6436.35</v>
      </c>
      <c r="D9275">
        <v>1</v>
      </c>
      <c r="E9275">
        <v>10160.5</v>
      </c>
      <c r="F9275">
        <v>25.0593</v>
      </c>
    </row>
    <row r="9276" spans="1:6" x14ac:dyDescent="0.25">
      <c r="A9276">
        <v>153.15</v>
      </c>
      <c r="B9276">
        <v>211.3</v>
      </c>
      <c r="C9276">
        <v>6436.35</v>
      </c>
      <c r="D9276">
        <v>1.3</v>
      </c>
      <c r="E9276">
        <v>9277.4</v>
      </c>
      <c r="F9276">
        <v>25.409199999999998</v>
      </c>
    </row>
    <row r="9277" spans="1:6" x14ac:dyDescent="0.25">
      <c r="A9277">
        <v>153.15</v>
      </c>
      <c r="B9277">
        <v>211.3</v>
      </c>
      <c r="C9277">
        <v>6436.35</v>
      </c>
      <c r="D9277">
        <v>1.6</v>
      </c>
      <c r="E9277">
        <v>8947.84</v>
      </c>
      <c r="F9277">
        <v>25.502800000000001</v>
      </c>
    </row>
    <row r="9278" spans="1:6" x14ac:dyDescent="0.25">
      <c r="A9278">
        <v>153.15</v>
      </c>
      <c r="B9278">
        <v>211.3</v>
      </c>
      <c r="C9278">
        <v>6436.35</v>
      </c>
      <c r="D9278">
        <v>1.9</v>
      </c>
      <c r="E9278">
        <v>8597.35</v>
      </c>
      <c r="F9278">
        <v>26.246500000000001</v>
      </c>
    </row>
    <row r="9279" spans="1:6" x14ac:dyDescent="0.25">
      <c r="A9279">
        <v>153.15</v>
      </c>
      <c r="B9279">
        <v>211.3</v>
      </c>
      <c r="C9279">
        <v>6436.35</v>
      </c>
      <c r="D9279">
        <v>2.2000000000000002</v>
      </c>
      <c r="E9279">
        <v>8222.41</v>
      </c>
      <c r="F9279">
        <v>26.796500000000002</v>
      </c>
    </row>
    <row r="9280" spans="1:6" x14ac:dyDescent="0.25">
      <c r="A9280">
        <v>153.15</v>
      </c>
      <c r="B9280">
        <v>211.3</v>
      </c>
      <c r="C9280">
        <v>6436.35</v>
      </c>
      <c r="D9280">
        <v>2.5</v>
      </c>
      <c r="E9280">
        <v>8149.46</v>
      </c>
      <c r="F9280">
        <v>27.2866</v>
      </c>
    </row>
    <row r="9281" spans="1:6" x14ac:dyDescent="0.25">
      <c r="A9281">
        <v>153.15</v>
      </c>
      <c r="B9281">
        <v>211.3</v>
      </c>
      <c r="C9281">
        <v>6436.35</v>
      </c>
      <c r="D9281">
        <v>2.8</v>
      </c>
      <c r="E9281">
        <v>5678.88</v>
      </c>
      <c r="F9281">
        <v>27.008600000000001</v>
      </c>
    </row>
    <row r="9282" spans="1:6" x14ac:dyDescent="0.25">
      <c r="A9282">
        <v>153.15</v>
      </c>
      <c r="B9282">
        <v>211.3</v>
      </c>
      <c r="C9282">
        <v>6436.35</v>
      </c>
      <c r="D9282">
        <v>3.1</v>
      </c>
      <c r="E9282">
        <v>5662.21</v>
      </c>
      <c r="F9282">
        <v>26.9758</v>
      </c>
    </row>
    <row r="9283" spans="1:6" x14ac:dyDescent="0.25">
      <c r="A9283">
        <v>153.15</v>
      </c>
      <c r="B9283">
        <v>211.3</v>
      </c>
      <c r="C9283">
        <v>6436.35</v>
      </c>
      <c r="D9283">
        <v>3.4</v>
      </c>
      <c r="E9283">
        <v>5645.99</v>
      </c>
      <c r="F9283">
        <v>26.9514</v>
      </c>
    </row>
    <row r="9284" spans="1:6" x14ac:dyDescent="0.25">
      <c r="A9284">
        <v>153.15</v>
      </c>
      <c r="B9284">
        <v>211.3</v>
      </c>
      <c r="C9284">
        <v>6436.35</v>
      </c>
      <c r="D9284">
        <v>3.7</v>
      </c>
      <c r="E9284">
        <v>7425.64</v>
      </c>
      <c r="F9284">
        <v>26.9221</v>
      </c>
    </row>
    <row r="9285" spans="1:6" x14ac:dyDescent="0.25">
      <c r="A9285">
        <v>153.15</v>
      </c>
      <c r="B9285">
        <v>211.3</v>
      </c>
      <c r="C9285">
        <v>6436.35</v>
      </c>
      <c r="D9285">
        <v>4</v>
      </c>
      <c r="E9285">
        <v>7349.19</v>
      </c>
      <c r="F9285">
        <v>26.905899999999999</v>
      </c>
    </row>
    <row r="9286" spans="1:6" x14ac:dyDescent="0.25">
      <c r="A9286">
        <v>153.15</v>
      </c>
      <c r="B9286">
        <v>211.3</v>
      </c>
      <c r="C9286">
        <v>7981.8</v>
      </c>
      <c r="D9286">
        <v>1</v>
      </c>
      <c r="E9286">
        <v>11596.2</v>
      </c>
      <c r="F9286">
        <v>25.0593</v>
      </c>
    </row>
    <row r="9287" spans="1:6" x14ac:dyDescent="0.25">
      <c r="A9287">
        <v>153.15</v>
      </c>
      <c r="B9287">
        <v>211.3</v>
      </c>
      <c r="C9287">
        <v>7981.8</v>
      </c>
      <c r="D9287">
        <v>1.3</v>
      </c>
      <c r="E9287">
        <v>10777.6</v>
      </c>
      <c r="F9287">
        <v>25.409199999999998</v>
      </c>
    </row>
    <row r="9288" spans="1:6" x14ac:dyDescent="0.25">
      <c r="A9288">
        <v>153.15</v>
      </c>
      <c r="B9288">
        <v>211.3</v>
      </c>
      <c r="C9288">
        <v>7981.8</v>
      </c>
      <c r="D9288">
        <v>1.6</v>
      </c>
      <c r="E9288">
        <v>10414</v>
      </c>
      <c r="F9288">
        <v>25.502800000000001</v>
      </c>
    </row>
    <row r="9289" spans="1:6" x14ac:dyDescent="0.25">
      <c r="A9289">
        <v>153.15</v>
      </c>
      <c r="B9289">
        <v>211.3</v>
      </c>
      <c r="C9289">
        <v>7981.8</v>
      </c>
      <c r="D9289">
        <v>1.9</v>
      </c>
      <c r="E9289">
        <v>10132.799999999999</v>
      </c>
      <c r="F9289">
        <v>26.246500000000001</v>
      </c>
    </row>
    <row r="9290" spans="1:6" x14ac:dyDescent="0.25">
      <c r="A9290">
        <v>153.15</v>
      </c>
      <c r="B9290">
        <v>211.3</v>
      </c>
      <c r="C9290">
        <v>7981.8</v>
      </c>
      <c r="D9290">
        <v>2.2000000000000002</v>
      </c>
      <c r="E9290">
        <v>9896.52</v>
      </c>
      <c r="F9290">
        <v>26.796500000000002</v>
      </c>
    </row>
    <row r="9291" spans="1:6" x14ac:dyDescent="0.25">
      <c r="A9291">
        <v>153.15</v>
      </c>
      <c r="B9291">
        <v>211.3</v>
      </c>
      <c r="C9291">
        <v>7981.8</v>
      </c>
      <c r="D9291">
        <v>2.5</v>
      </c>
      <c r="E9291">
        <v>9656.33</v>
      </c>
      <c r="F9291">
        <v>27.2866</v>
      </c>
    </row>
    <row r="9292" spans="1:6" x14ac:dyDescent="0.25">
      <c r="A9292">
        <v>153.15</v>
      </c>
      <c r="B9292">
        <v>211.3</v>
      </c>
      <c r="C9292">
        <v>7981.8</v>
      </c>
      <c r="D9292">
        <v>2.8</v>
      </c>
      <c r="E9292">
        <v>5678.88</v>
      </c>
      <c r="F9292">
        <v>27.008600000000001</v>
      </c>
    </row>
    <row r="9293" spans="1:6" x14ac:dyDescent="0.25">
      <c r="A9293">
        <v>153.15</v>
      </c>
      <c r="B9293">
        <v>211.3</v>
      </c>
      <c r="C9293">
        <v>7981.8</v>
      </c>
      <c r="D9293">
        <v>3.1</v>
      </c>
      <c r="E9293">
        <v>5662.21</v>
      </c>
      <c r="F9293">
        <v>26.9758</v>
      </c>
    </row>
    <row r="9294" spans="1:6" x14ac:dyDescent="0.25">
      <c r="A9294">
        <v>153.15</v>
      </c>
      <c r="B9294">
        <v>211.3</v>
      </c>
      <c r="C9294">
        <v>7981.8</v>
      </c>
      <c r="D9294">
        <v>3.4</v>
      </c>
      <c r="E9294">
        <v>5645.99</v>
      </c>
      <c r="F9294">
        <v>26.9514</v>
      </c>
    </row>
    <row r="9295" spans="1:6" x14ac:dyDescent="0.25">
      <c r="A9295">
        <v>153.15</v>
      </c>
      <c r="B9295">
        <v>211.3</v>
      </c>
      <c r="C9295">
        <v>7981.8</v>
      </c>
      <c r="D9295">
        <v>3.7</v>
      </c>
      <c r="E9295">
        <v>8991.85</v>
      </c>
      <c r="F9295">
        <v>26.9221</v>
      </c>
    </row>
    <row r="9296" spans="1:6" x14ac:dyDescent="0.25">
      <c r="A9296">
        <v>153.15</v>
      </c>
      <c r="B9296">
        <v>211.3</v>
      </c>
      <c r="C9296">
        <v>7981.8</v>
      </c>
      <c r="D9296">
        <v>4</v>
      </c>
      <c r="E9296">
        <v>8953.64</v>
      </c>
      <c r="F9296">
        <v>26.905899999999999</v>
      </c>
    </row>
    <row r="9297" spans="1:6" x14ac:dyDescent="0.25">
      <c r="A9297">
        <v>153.15</v>
      </c>
      <c r="B9297">
        <v>211.3</v>
      </c>
      <c r="C9297">
        <v>9527.25</v>
      </c>
      <c r="D9297">
        <v>1</v>
      </c>
      <c r="E9297">
        <v>13265.6</v>
      </c>
      <c r="F9297">
        <v>25.0593</v>
      </c>
    </row>
    <row r="9298" spans="1:6" x14ac:dyDescent="0.25">
      <c r="A9298">
        <v>153.15</v>
      </c>
      <c r="B9298">
        <v>211.3</v>
      </c>
      <c r="C9298">
        <v>9527.25</v>
      </c>
      <c r="D9298">
        <v>1.3</v>
      </c>
      <c r="E9298">
        <v>12237.1</v>
      </c>
      <c r="F9298">
        <v>25.409199999999998</v>
      </c>
    </row>
    <row r="9299" spans="1:6" x14ac:dyDescent="0.25">
      <c r="A9299">
        <v>153.15</v>
      </c>
      <c r="B9299">
        <v>211.3</v>
      </c>
      <c r="C9299">
        <v>9527.25</v>
      </c>
      <c r="D9299">
        <v>1.6</v>
      </c>
      <c r="E9299">
        <v>11944.4</v>
      </c>
      <c r="F9299">
        <v>25.502800000000001</v>
      </c>
    </row>
    <row r="9300" spans="1:6" x14ac:dyDescent="0.25">
      <c r="A9300">
        <v>153.15</v>
      </c>
      <c r="B9300">
        <v>211.3</v>
      </c>
      <c r="C9300">
        <v>9527.25</v>
      </c>
      <c r="D9300">
        <v>1.9</v>
      </c>
      <c r="E9300">
        <v>11673.8</v>
      </c>
      <c r="F9300">
        <v>26.246500000000001</v>
      </c>
    </row>
    <row r="9301" spans="1:6" x14ac:dyDescent="0.25">
      <c r="A9301">
        <v>153.15</v>
      </c>
      <c r="B9301">
        <v>211.3</v>
      </c>
      <c r="C9301">
        <v>9527.25</v>
      </c>
      <c r="D9301">
        <v>2.2000000000000002</v>
      </c>
      <c r="E9301">
        <v>11353.9</v>
      </c>
      <c r="F9301">
        <v>26.796500000000002</v>
      </c>
    </row>
    <row r="9302" spans="1:6" x14ac:dyDescent="0.25">
      <c r="A9302">
        <v>153.15</v>
      </c>
      <c r="B9302">
        <v>211.3</v>
      </c>
      <c r="C9302">
        <v>9527.25</v>
      </c>
      <c r="D9302">
        <v>2.5</v>
      </c>
      <c r="E9302">
        <v>11185.8</v>
      </c>
      <c r="F9302">
        <v>27.2866</v>
      </c>
    </row>
    <row r="9303" spans="1:6" x14ac:dyDescent="0.25">
      <c r="A9303">
        <v>153.15</v>
      </c>
      <c r="B9303">
        <v>211.3</v>
      </c>
      <c r="C9303">
        <v>9527.25</v>
      </c>
      <c r="D9303">
        <v>2.8</v>
      </c>
      <c r="E9303">
        <v>5678.88</v>
      </c>
      <c r="F9303">
        <v>27.008600000000001</v>
      </c>
    </row>
    <row r="9304" spans="1:6" x14ac:dyDescent="0.25">
      <c r="A9304">
        <v>153.15</v>
      </c>
      <c r="B9304">
        <v>211.3</v>
      </c>
      <c r="C9304">
        <v>9527.25</v>
      </c>
      <c r="D9304">
        <v>3.1</v>
      </c>
      <c r="E9304">
        <v>5662.21</v>
      </c>
      <c r="F9304">
        <v>26.9758</v>
      </c>
    </row>
    <row r="9305" spans="1:6" x14ac:dyDescent="0.25">
      <c r="A9305">
        <v>153.15</v>
      </c>
      <c r="B9305">
        <v>211.3</v>
      </c>
      <c r="C9305">
        <v>9527.25</v>
      </c>
      <c r="D9305">
        <v>3.4</v>
      </c>
      <c r="E9305">
        <v>5645.99</v>
      </c>
      <c r="F9305">
        <v>26.9514</v>
      </c>
    </row>
    <row r="9306" spans="1:6" x14ac:dyDescent="0.25">
      <c r="A9306">
        <v>153.15</v>
      </c>
      <c r="B9306">
        <v>211.3</v>
      </c>
      <c r="C9306">
        <v>9527.25</v>
      </c>
      <c r="D9306">
        <v>3.7</v>
      </c>
      <c r="E9306">
        <v>10522.9</v>
      </c>
      <c r="F9306">
        <v>26.9221</v>
      </c>
    </row>
    <row r="9307" spans="1:6" x14ac:dyDescent="0.25">
      <c r="A9307">
        <v>153.15</v>
      </c>
      <c r="B9307">
        <v>211.3</v>
      </c>
      <c r="C9307">
        <v>9527.25</v>
      </c>
      <c r="D9307">
        <v>4</v>
      </c>
      <c r="E9307">
        <v>10492.2</v>
      </c>
      <c r="F9307">
        <v>26.905899999999999</v>
      </c>
    </row>
    <row r="9308" spans="1:6" x14ac:dyDescent="0.25">
      <c r="A9308">
        <v>153.15</v>
      </c>
      <c r="B9308">
        <v>211.3</v>
      </c>
      <c r="C9308">
        <v>11072.7</v>
      </c>
      <c r="D9308">
        <v>1</v>
      </c>
      <c r="E9308">
        <v>14560.3</v>
      </c>
      <c r="F9308">
        <v>25.0593</v>
      </c>
    </row>
    <row r="9309" spans="1:6" x14ac:dyDescent="0.25">
      <c r="A9309">
        <v>153.15</v>
      </c>
      <c r="B9309">
        <v>211.3</v>
      </c>
      <c r="C9309">
        <v>11072.7</v>
      </c>
      <c r="D9309">
        <v>1.3</v>
      </c>
      <c r="E9309">
        <v>13833.9</v>
      </c>
      <c r="F9309">
        <v>25.409199999999998</v>
      </c>
    </row>
    <row r="9310" spans="1:6" x14ac:dyDescent="0.25">
      <c r="A9310">
        <v>153.15</v>
      </c>
      <c r="B9310">
        <v>211.3</v>
      </c>
      <c r="C9310">
        <v>11072.7</v>
      </c>
      <c r="D9310">
        <v>1.6</v>
      </c>
      <c r="E9310">
        <v>13468.4</v>
      </c>
      <c r="F9310">
        <v>25.502800000000001</v>
      </c>
    </row>
    <row r="9311" spans="1:6" x14ac:dyDescent="0.25">
      <c r="A9311">
        <v>153.15</v>
      </c>
      <c r="B9311">
        <v>211.3</v>
      </c>
      <c r="C9311">
        <v>11072.7</v>
      </c>
      <c r="D9311">
        <v>1.9</v>
      </c>
      <c r="E9311">
        <v>13069.1</v>
      </c>
      <c r="F9311">
        <v>26.246500000000001</v>
      </c>
    </row>
    <row r="9312" spans="1:6" x14ac:dyDescent="0.25">
      <c r="A9312">
        <v>153.15</v>
      </c>
      <c r="B9312">
        <v>211.3</v>
      </c>
      <c r="C9312">
        <v>11072.7</v>
      </c>
      <c r="D9312">
        <v>2.2000000000000002</v>
      </c>
      <c r="E9312">
        <v>12865</v>
      </c>
      <c r="F9312">
        <v>26.796500000000002</v>
      </c>
    </row>
    <row r="9313" spans="1:6" x14ac:dyDescent="0.25">
      <c r="A9313">
        <v>153.15</v>
      </c>
      <c r="B9313">
        <v>211.3</v>
      </c>
      <c r="C9313">
        <v>11072.7</v>
      </c>
      <c r="D9313">
        <v>2.5</v>
      </c>
      <c r="E9313">
        <v>12741.9</v>
      </c>
      <c r="F9313">
        <v>27.2866</v>
      </c>
    </row>
    <row r="9314" spans="1:6" x14ac:dyDescent="0.25">
      <c r="A9314">
        <v>153.15</v>
      </c>
      <c r="B9314">
        <v>211.3</v>
      </c>
      <c r="C9314">
        <v>11072.7</v>
      </c>
      <c r="D9314">
        <v>2.8</v>
      </c>
      <c r="E9314">
        <v>5678.88</v>
      </c>
      <c r="F9314">
        <v>27.008600000000001</v>
      </c>
    </row>
    <row r="9315" spans="1:6" x14ac:dyDescent="0.25">
      <c r="A9315">
        <v>153.15</v>
      </c>
      <c r="B9315">
        <v>211.3</v>
      </c>
      <c r="C9315">
        <v>11072.7</v>
      </c>
      <c r="D9315">
        <v>3.1</v>
      </c>
      <c r="E9315">
        <v>5662.21</v>
      </c>
      <c r="F9315">
        <v>26.9758</v>
      </c>
    </row>
    <row r="9316" spans="1:6" x14ac:dyDescent="0.25">
      <c r="A9316">
        <v>153.15</v>
      </c>
      <c r="B9316">
        <v>211.3</v>
      </c>
      <c r="C9316">
        <v>11072.7</v>
      </c>
      <c r="D9316">
        <v>3.4</v>
      </c>
      <c r="E9316">
        <v>5645.99</v>
      </c>
      <c r="F9316">
        <v>26.9514</v>
      </c>
    </row>
    <row r="9317" spans="1:6" x14ac:dyDescent="0.25">
      <c r="A9317">
        <v>153.15</v>
      </c>
      <c r="B9317">
        <v>211.3</v>
      </c>
      <c r="C9317">
        <v>11072.7</v>
      </c>
      <c r="D9317">
        <v>3.7</v>
      </c>
      <c r="E9317">
        <v>12060.1</v>
      </c>
      <c r="F9317">
        <v>26.9221</v>
      </c>
    </row>
    <row r="9318" spans="1:6" x14ac:dyDescent="0.25">
      <c r="A9318">
        <v>153.15</v>
      </c>
      <c r="B9318">
        <v>211.3</v>
      </c>
      <c r="C9318">
        <v>11072.7</v>
      </c>
      <c r="D9318">
        <v>4</v>
      </c>
      <c r="E9318">
        <v>12007.1</v>
      </c>
      <c r="F9318">
        <v>26.905899999999999</v>
      </c>
    </row>
    <row r="9319" spans="1:6" x14ac:dyDescent="0.25">
      <c r="A9319">
        <v>153.15</v>
      </c>
      <c r="B9319">
        <v>211.3</v>
      </c>
      <c r="C9319">
        <v>12618.2</v>
      </c>
      <c r="D9319">
        <v>1</v>
      </c>
      <c r="E9319">
        <v>16042</v>
      </c>
      <c r="F9319">
        <v>25.0593</v>
      </c>
    </row>
    <row r="9320" spans="1:6" x14ac:dyDescent="0.25">
      <c r="A9320">
        <v>153.15</v>
      </c>
      <c r="B9320">
        <v>211.3</v>
      </c>
      <c r="C9320">
        <v>12618.2</v>
      </c>
      <c r="D9320">
        <v>1.3</v>
      </c>
      <c r="E9320">
        <v>15505.7</v>
      </c>
      <c r="F9320">
        <v>25.409199999999998</v>
      </c>
    </row>
    <row r="9321" spans="1:6" x14ac:dyDescent="0.25">
      <c r="A9321">
        <v>153.15</v>
      </c>
      <c r="B9321">
        <v>211.3</v>
      </c>
      <c r="C9321">
        <v>12618.2</v>
      </c>
      <c r="D9321">
        <v>1.6</v>
      </c>
      <c r="E9321">
        <v>14952.4</v>
      </c>
      <c r="F9321">
        <v>25.502800000000001</v>
      </c>
    </row>
    <row r="9322" spans="1:6" x14ac:dyDescent="0.25">
      <c r="A9322">
        <v>153.15</v>
      </c>
      <c r="B9322">
        <v>211.3</v>
      </c>
      <c r="C9322">
        <v>12618.2</v>
      </c>
      <c r="D9322">
        <v>1.9</v>
      </c>
      <c r="E9322">
        <v>14771.1</v>
      </c>
      <c r="F9322">
        <v>26.246500000000001</v>
      </c>
    </row>
    <row r="9323" spans="1:6" x14ac:dyDescent="0.25">
      <c r="A9323">
        <v>153.15</v>
      </c>
      <c r="B9323">
        <v>211.3</v>
      </c>
      <c r="C9323">
        <v>12618.2</v>
      </c>
      <c r="D9323">
        <v>2.2000000000000002</v>
      </c>
      <c r="E9323">
        <v>14511.5</v>
      </c>
      <c r="F9323">
        <v>26.796500000000002</v>
      </c>
    </row>
    <row r="9324" spans="1:6" x14ac:dyDescent="0.25">
      <c r="A9324">
        <v>153.15</v>
      </c>
      <c r="B9324">
        <v>211.3</v>
      </c>
      <c r="C9324">
        <v>12618.2</v>
      </c>
      <c r="D9324">
        <v>2.5</v>
      </c>
      <c r="E9324">
        <v>14248.4</v>
      </c>
      <c r="F9324">
        <v>27.2866</v>
      </c>
    </row>
    <row r="9325" spans="1:6" x14ac:dyDescent="0.25">
      <c r="A9325">
        <v>153.15</v>
      </c>
      <c r="B9325">
        <v>211.3</v>
      </c>
      <c r="C9325">
        <v>12618.2</v>
      </c>
      <c r="D9325">
        <v>2.8</v>
      </c>
      <c r="E9325">
        <v>5678.88</v>
      </c>
      <c r="F9325">
        <v>27.008600000000001</v>
      </c>
    </row>
    <row r="9326" spans="1:6" x14ac:dyDescent="0.25">
      <c r="A9326">
        <v>153.15</v>
      </c>
      <c r="B9326">
        <v>211.3</v>
      </c>
      <c r="C9326">
        <v>12618.2</v>
      </c>
      <c r="D9326">
        <v>3.1</v>
      </c>
      <c r="E9326">
        <v>5662.21</v>
      </c>
      <c r="F9326">
        <v>26.9758</v>
      </c>
    </row>
    <row r="9327" spans="1:6" x14ac:dyDescent="0.25">
      <c r="A9327">
        <v>153.15</v>
      </c>
      <c r="B9327">
        <v>211.3</v>
      </c>
      <c r="C9327">
        <v>12618.2</v>
      </c>
      <c r="D9327">
        <v>3.4</v>
      </c>
      <c r="E9327">
        <v>5645.99</v>
      </c>
      <c r="F9327">
        <v>26.9514</v>
      </c>
    </row>
    <row r="9328" spans="1:6" x14ac:dyDescent="0.25">
      <c r="A9328">
        <v>153.15</v>
      </c>
      <c r="B9328">
        <v>211.3</v>
      </c>
      <c r="C9328">
        <v>12618.2</v>
      </c>
      <c r="D9328">
        <v>3.7</v>
      </c>
      <c r="E9328">
        <v>13563.7</v>
      </c>
      <c r="F9328">
        <v>26.9221</v>
      </c>
    </row>
    <row r="9329" spans="1:6" x14ac:dyDescent="0.25">
      <c r="A9329">
        <v>153.15</v>
      </c>
      <c r="B9329">
        <v>211.3</v>
      </c>
      <c r="C9329">
        <v>12618.2</v>
      </c>
      <c r="D9329">
        <v>4</v>
      </c>
      <c r="E9329">
        <v>13512.1</v>
      </c>
      <c r="F9329">
        <v>26.905899999999999</v>
      </c>
    </row>
    <row r="9330" spans="1:6" x14ac:dyDescent="0.25">
      <c r="A9330">
        <v>153.15</v>
      </c>
      <c r="B9330">
        <v>211.3</v>
      </c>
      <c r="C9330">
        <v>14163.6</v>
      </c>
      <c r="D9330">
        <v>1</v>
      </c>
      <c r="E9330">
        <v>17763</v>
      </c>
      <c r="F9330">
        <v>25.0593</v>
      </c>
    </row>
    <row r="9331" spans="1:6" x14ac:dyDescent="0.25">
      <c r="A9331">
        <v>153.15</v>
      </c>
      <c r="B9331">
        <v>211.3</v>
      </c>
      <c r="C9331">
        <v>14163.6</v>
      </c>
      <c r="D9331">
        <v>1.3</v>
      </c>
      <c r="E9331">
        <v>16851.400000000001</v>
      </c>
      <c r="F9331">
        <v>25.409199999999998</v>
      </c>
    </row>
    <row r="9332" spans="1:6" x14ac:dyDescent="0.25">
      <c r="A9332">
        <v>153.15</v>
      </c>
      <c r="B9332">
        <v>211.3</v>
      </c>
      <c r="C9332">
        <v>14163.6</v>
      </c>
      <c r="D9332">
        <v>1.6</v>
      </c>
      <c r="E9332">
        <v>16594.3</v>
      </c>
      <c r="F9332">
        <v>25.502800000000001</v>
      </c>
    </row>
    <row r="9333" spans="1:6" x14ac:dyDescent="0.25">
      <c r="A9333">
        <v>153.15</v>
      </c>
      <c r="B9333">
        <v>211.3</v>
      </c>
      <c r="C9333">
        <v>14163.6</v>
      </c>
      <c r="D9333">
        <v>1.9</v>
      </c>
      <c r="E9333">
        <v>16201.5</v>
      </c>
      <c r="F9333">
        <v>26.246500000000001</v>
      </c>
    </row>
    <row r="9334" spans="1:6" x14ac:dyDescent="0.25">
      <c r="A9334">
        <v>153.15</v>
      </c>
      <c r="B9334">
        <v>211.3</v>
      </c>
      <c r="C9334">
        <v>14163.6</v>
      </c>
      <c r="D9334">
        <v>2.2000000000000002</v>
      </c>
      <c r="E9334">
        <v>15911.5</v>
      </c>
      <c r="F9334">
        <v>26.796500000000002</v>
      </c>
    </row>
    <row r="9335" spans="1:6" x14ac:dyDescent="0.25">
      <c r="A9335">
        <v>153.15</v>
      </c>
      <c r="B9335">
        <v>211.3</v>
      </c>
      <c r="C9335">
        <v>14163.6</v>
      </c>
      <c r="D9335">
        <v>2.5</v>
      </c>
      <c r="E9335">
        <v>15752.1</v>
      </c>
      <c r="F9335">
        <v>27.2866</v>
      </c>
    </row>
    <row r="9336" spans="1:6" x14ac:dyDescent="0.25">
      <c r="A9336">
        <v>153.15</v>
      </c>
      <c r="B9336">
        <v>211.3</v>
      </c>
      <c r="C9336">
        <v>14163.6</v>
      </c>
      <c r="D9336">
        <v>2.8</v>
      </c>
      <c r="E9336">
        <v>5678.88</v>
      </c>
      <c r="F9336">
        <v>27.008600000000001</v>
      </c>
    </row>
    <row r="9337" spans="1:6" x14ac:dyDescent="0.25">
      <c r="A9337">
        <v>153.15</v>
      </c>
      <c r="B9337">
        <v>211.3</v>
      </c>
      <c r="C9337">
        <v>14163.6</v>
      </c>
      <c r="D9337">
        <v>3.1</v>
      </c>
      <c r="E9337">
        <v>5662.21</v>
      </c>
      <c r="F9337">
        <v>26.9758</v>
      </c>
    </row>
    <row r="9338" spans="1:6" x14ac:dyDescent="0.25">
      <c r="A9338">
        <v>153.15</v>
      </c>
      <c r="B9338">
        <v>211.3</v>
      </c>
      <c r="C9338">
        <v>14163.6</v>
      </c>
      <c r="D9338">
        <v>3.4</v>
      </c>
      <c r="E9338">
        <v>5645.99</v>
      </c>
      <c r="F9338">
        <v>26.9514</v>
      </c>
    </row>
    <row r="9339" spans="1:6" x14ac:dyDescent="0.25">
      <c r="A9339">
        <v>153.15</v>
      </c>
      <c r="B9339">
        <v>211.3</v>
      </c>
      <c r="C9339">
        <v>14163.6</v>
      </c>
      <c r="D9339">
        <v>3.7</v>
      </c>
      <c r="E9339">
        <v>15149.7</v>
      </c>
      <c r="F9339">
        <v>26.9221</v>
      </c>
    </row>
    <row r="9340" spans="1:6" x14ac:dyDescent="0.25">
      <c r="A9340">
        <v>153.15</v>
      </c>
      <c r="B9340">
        <v>211.3</v>
      </c>
      <c r="C9340">
        <v>14163.6</v>
      </c>
      <c r="D9340">
        <v>4</v>
      </c>
      <c r="E9340">
        <v>15099.1</v>
      </c>
      <c r="F9340">
        <v>26.905899999999999</v>
      </c>
    </row>
    <row r="9341" spans="1:6" x14ac:dyDescent="0.25">
      <c r="A9341">
        <v>153.15</v>
      </c>
      <c r="B9341">
        <v>211.3</v>
      </c>
      <c r="C9341">
        <v>15709.1</v>
      </c>
      <c r="D9341">
        <v>1</v>
      </c>
      <c r="E9341">
        <v>19402.099999999999</v>
      </c>
      <c r="F9341">
        <v>25.0593</v>
      </c>
    </row>
    <row r="9342" spans="1:6" x14ac:dyDescent="0.25">
      <c r="A9342">
        <v>153.15</v>
      </c>
      <c r="B9342">
        <v>211.3</v>
      </c>
      <c r="C9342">
        <v>15709.1</v>
      </c>
      <c r="D9342">
        <v>1.3</v>
      </c>
      <c r="E9342">
        <v>18393.8</v>
      </c>
      <c r="F9342">
        <v>25.409199999999998</v>
      </c>
    </row>
    <row r="9343" spans="1:6" x14ac:dyDescent="0.25">
      <c r="A9343">
        <v>153.15</v>
      </c>
      <c r="B9343">
        <v>211.3</v>
      </c>
      <c r="C9343">
        <v>15709.1</v>
      </c>
      <c r="D9343">
        <v>1.6</v>
      </c>
      <c r="E9343">
        <v>18111.400000000001</v>
      </c>
      <c r="F9343">
        <v>25.502800000000001</v>
      </c>
    </row>
    <row r="9344" spans="1:6" x14ac:dyDescent="0.25">
      <c r="A9344">
        <v>153.15</v>
      </c>
      <c r="B9344">
        <v>211.3</v>
      </c>
      <c r="C9344">
        <v>15709.1</v>
      </c>
      <c r="D9344">
        <v>1.9</v>
      </c>
      <c r="E9344">
        <v>17796.099999999999</v>
      </c>
      <c r="F9344">
        <v>26.246500000000001</v>
      </c>
    </row>
    <row r="9345" spans="1:6" x14ac:dyDescent="0.25">
      <c r="A9345">
        <v>153.15</v>
      </c>
      <c r="B9345">
        <v>211.3</v>
      </c>
      <c r="C9345">
        <v>15709.1</v>
      </c>
      <c r="D9345">
        <v>2.2000000000000002</v>
      </c>
      <c r="E9345">
        <v>17542.7</v>
      </c>
      <c r="F9345">
        <v>26.796500000000002</v>
      </c>
    </row>
    <row r="9346" spans="1:6" x14ac:dyDescent="0.25">
      <c r="A9346">
        <v>153.15</v>
      </c>
      <c r="B9346">
        <v>211.3</v>
      </c>
      <c r="C9346">
        <v>15709.1</v>
      </c>
      <c r="D9346">
        <v>2.5</v>
      </c>
      <c r="E9346">
        <v>17322.5</v>
      </c>
      <c r="F9346">
        <v>27.2866</v>
      </c>
    </row>
    <row r="9347" spans="1:6" x14ac:dyDescent="0.25">
      <c r="A9347">
        <v>153.15</v>
      </c>
      <c r="B9347">
        <v>211.3</v>
      </c>
      <c r="C9347">
        <v>15709.1</v>
      </c>
      <c r="D9347">
        <v>2.8</v>
      </c>
      <c r="E9347">
        <v>5678.88</v>
      </c>
      <c r="F9347">
        <v>27.008600000000001</v>
      </c>
    </row>
    <row r="9348" spans="1:6" x14ac:dyDescent="0.25">
      <c r="A9348">
        <v>153.15</v>
      </c>
      <c r="B9348">
        <v>211.3</v>
      </c>
      <c r="C9348">
        <v>15709.1</v>
      </c>
      <c r="D9348">
        <v>3.1</v>
      </c>
      <c r="E9348">
        <v>5662.21</v>
      </c>
      <c r="F9348">
        <v>26.9758</v>
      </c>
    </row>
    <row r="9349" spans="1:6" x14ac:dyDescent="0.25">
      <c r="A9349">
        <v>153.15</v>
      </c>
      <c r="B9349">
        <v>211.3</v>
      </c>
      <c r="C9349">
        <v>15709.1</v>
      </c>
      <c r="D9349">
        <v>3.4</v>
      </c>
      <c r="E9349">
        <v>5645.99</v>
      </c>
      <c r="F9349">
        <v>26.9514</v>
      </c>
    </row>
    <row r="9350" spans="1:6" x14ac:dyDescent="0.25">
      <c r="A9350">
        <v>153.15</v>
      </c>
      <c r="B9350">
        <v>211.3</v>
      </c>
      <c r="C9350">
        <v>15709.1</v>
      </c>
      <c r="D9350">
        <v>3.7</v>
      </c>
      <c r="E9350">
        <v>16629.3</v>
      </c>
      <c r="F9350">
        <v>26.9221</v>
      </c>
    </row>
    <row r="9351" spans="1:6" x14ac:dyDescent="0.25">
      <c r="A9351">
        <v>153.15</v>
      </c>
      <c r="B9351">
        <v>211.3</v>
      </c>
      <c r="C9351">
        <v>15709.1</v>
      </c>
      <c r="D9351">
        <v>4</v>
      </c>
      <c r="E9351">
        <v>16649.8</v>
      </c>
      <c r="F9351">
        <v>26.905899999999999</v>
      </c>
    </row>
    <row r="9352" spans="1:6" x14ac:dyDescent="0.25">
      <c r="A9352">
        <v>153.15</v>
      </c>
      <c r="B9352">
        <v>211.3</v>
      </c>
      <c r="C9352">
        <v>17254.5</v>
      </c>
      <c r="D9352">
        <v>1</v>
      </c>
      <c r="E9352">
        <v>20822</v>
      </c>
      <c r="F9352">
        <v>25.0593</v>
      </c>
    </row>
    <row r="9353" spans="1:6" x14ac:dyDescent="0.25">
      <c r="A9353">
        <v>153.15</v>
      </c>
      <c r="B9353">
        <v>211.3</v>
      </c>
      <c r="C9353">
        <v>17254.5</v>
      </c>
      <c r="D9353">
        <v>1.3</v>
      </c>
      <c r="E9353">
        <v>20171.8</v>
      </c>
      <c r="F9353">
        <v>25.409199999999998</v>
      </c>
    </row>
    <row r="9354" spans="1:6" x14ac:dyDescent="0.25">
      <c r="A9354">
        <v>153.15</v>
      </c>
      <c r="B9354">
        <v>211.3</v>
      </c>
      <c r="C9354">
        <v>17254.5</v>
      </c>
      <c r="D9354">
        <v>1.6</v>
      </c>
      <c r="E9354">
        <v>19764.900000000001</v>
      </c>
      <c r="F9354">
        <v>25.502800000000001</v>
      </c>
    </row>
    <row r="9355" spans="1:6" x14ac:dyDescent="0.25">
      <c r="A9355">
        <v>153.15</v>
      </c>
      <c r="B9355">
        <v>211.3</v>
      </c>
      <c r="C9355">
        <v>17254.5</v>
      </c>
      <c r="D9355">
        <v>1.9</v>
      </c>
      <c r="E9355">
        <v>19267.900000000001</v>
      </c>
      <c r="F9355">
        <v>26.246500000000001</v>
      </c>
    </row>
    <row r="9356" spans="1:6" x14ac:dyDescent="0.25">
      <c r="A9356">
        <v>153.15</v>
      </c>
      <c r="B9356">
        <v>211.3</v>
      </c>
      <c r="C9356">
        <v>17254.5</v>
      </c>
      <c r="D9356">
        <v>2.2000000000000002</v>
      </c>
      <c r="E9356">
        <v>19145.8</v>
      </c>
      <c r="F9356">
        <v>26.796500000000002</v>
      </c>
    </row>
    <row r="9357" spans="1:6" x14ac:dyDescent="0.25">
      <c r="A9357">
        <v>153.15</v>
      </c>
      <c r="B9357">
        <v>211.3</v>
      </c>
      <c r="C9357">
        <v>17254.5</v>
      </c>
      <c r="D9357">
        <v>2.5</v>
      </c>
      <c r="E9357">
        <v>18920.400000000001</v>
      </c>
      <c r="F9357">
        <v>27.2866</v>
      </c>
    </row>
    <row r="9358" spans="1:6" x14ac:dyDescent="0.25">
      <c r="A9358">
        <v>153.15</v>
      </c>
      <c r="B9358">
        <v>211.3</v>
      </c>
      <c r="C9358">
        <v>17254.5</v>
      </c>
      <c r="D9358">
        <v>2.8</v>
      </c>
      <c r="E9358">
        <v>5678.88</v>
      </c>
      <c r="F9358">
        <v>27.008600000000001</v>
      </c>
    </row>
    <row r="9359" spans="1:6" x14ac:dyDescent="0.25">
      <c r="A9359">
        <v>153.15</v>
      </c>
      <c r="B9359">
        <v>211.3</v>
      </c>
      <c r="C9359">
        <v>17254.5</v>
      </c>
      <c r="D9359">
        <v>3.1</v>
      </c>
      <c r="E9359">
        <v>5662.21</v>
      </c>
      <c r="F9359">
        <v>26.9758</v>
      </c>
    </row>
    <row r="9360" spans="1:6" x14ac:dyDescent="0.25">
      <c r="A9360">
        <v>153.15</v>
      </c>
      <c r="B9360">
        <v>211.3</v>
      </c>
      <c r="C9360">
        <v>17254.5</v>
      </c>
      <c r="D9360">
        <v>3.4</v>
      </c>
      <c r="E9360">
        <v>5645.99</v>
      </c>
      <c r="F9360">
        <v>26.9514</v>
      </c>
    </row>
    <row r="9361" spans="1:6" x14ac:dyDescent="0.25">
      <c r="A9361">
        <v>153.15</v>
      </c>
      <c r="B9361">
        <v>211.3</v>
      </c>
      <c r="C9361">
        <v>17254.5</v>
      </c>
      <c r="D9361">
        <v>3.7</v>
      </c>
      <c r="E9361">
        <v>18109.900000000001</v>
      </c>
      <c r="F9361">
        <v>26.9221</v>
      </c>
    </row>
    <row r="9362" spans="1:6" x14ac:dyDescent="0.25">
      <c r="A9362">
        <v>153.15</v>
      </c>
      <c r="B9362">
        <v>211.3</v>
      </c>
      <c r="C9362">
        <v>17254.5</v>
      </c>
      <c r="D9362">
        <v>4</v>
      </c>
      <c r="E9362">
        <v>18188.900000000001</v>
      </c>
      <c r="F9362">
        <v>26.905899999999999</v>
      </c>
    </row>
    <row r="9363" spans="1:6" x14ac:dyDescent="0.25">
      <c r="A9363">
        <v>153.15</v>
      </c>
      <c r="B9363">
        <v>211.3</v>
      </c>
      <c r="C9363">
        <v>18800</v>
      </c>
      <c r="D9363">
        <v>1</v>
      </c>
      <c r="E9363">
        <v>22367.9</v>
      </c>
      <c r="F9363">
        <v>25.0593</v>
      </c>
    </row>
    <row r="9364" spans="1:6" x14ac:dyDescent="0.25">
      <c r="A9364">
        <v>153.15</v>
      </c>
      <c r="B9364">
        <v>211.3</v>
      </c>
      <c r="C9364">
        <v>18800</v>
      </c>
      <c r="D9364">
        <v>1.3</v>
      </c>
      <c r="E9364">
        <v>21559.5</v>
      </c>
      <c r="F9364">
        <v>25.409199999999998</v>
      </c>
    </row>
    <row r="9365" spans="1:6" x14ac:dyDescent="0.25">
      <c r="A9365">
        <v>153.15</v>
      </c>
      <c r="B9365">
        <v>211.3</v>
      </c>
      <c r="C9365">
        <v>18800</v>
      </c>
      <c r="D9365">
        <v>1.6</v>
      </c>
      <c r="E9365">
        <v>21307.9</v>
      </c>
      <c r="F9365">
        <v>25.502800000000001</v>
      </c>
    </row>
    <row r="9366" spans="1:6" x14ac:dyDescent="0.25">
      <c r="A9366">
        <v>153.15</v>
      </c>
      <c r="B9366">
        <v>211.3</v>
      </c>
      <c r="C9366">
        <v>18800</v>
      </c>
      <c r="D9366">
        <v>1.9</v>
      </c>
      <c r="E9366">
        <v>20787.900000000001</v>
      </c>
      <c r="F9366">
        <v>26.246500000000001</v>
      </c>
    </row>
    <row r="9367" spans="1:6" x14ac:dyDescent="0.25">
      <c r="A9367">
        <v>153.15</v>
      </c>
      <c r="B9367">
        <v>211.3</v>
      </c>
      <c r="C9367">
        <v>18800</v>
      </c>
      <c r="D9367">
        <v>2.2000000000000002</v>
      </c>
      <c r="E9367">
        <v>20633.599999999999</v>
      </c>
      <c r="F9367">
        <v>26.796500000000002</v>
      </c>
    </row>
    <row r="9368" spans="1:6" x14ac:dyDescent="0.25">
      <c r="A9368">
        <v>153.15</v>
      </c>
      <c r="B9368">
        <v>211.3</v>
      </c>
      <c r="C9368">
        <v>18800</v>
      </c>
      <c r="D9368">
        <v>2.5</v>
      </c>
      <c r="E9368">
        <v>20469.400000000001</v>
      </c>
      <c r="F9368">
        <v>27.2866</v>
      </c>
    </row>
    <row r="9369" spans="1:6" x14ac:dyDescent="0.25">
      <c r="A9369">
        <v>153.15</v>
      </c>
      <c r="B9369">
        <v>211.3</v>
      </c>
      <c r="C9369">
        <v>18800</v>
      </c>
      <c r="D9369">
        <v>2.8</v>
      </c>
      <c r="E9369">
        <v>5678.88</v>
      </c>
      <c r="F9369">
        <v>27.008600000000001</v>
      </c>
    </row>
    <row r="9370" spans="1:6" x14ac:dyDescent="0.25">
      <c r="A9370">
        <v>153.15</v>
      </c>
      <c r="B9370">
        <v>211.3</v>
      </c>
      <c r="C9370">
        <v>18800</v>
      </c>
      <c r="D9370">
        <v>3.1</v>
      </c>
      <c r="E9370">
        <v>5662.21</v>
      </c>
      <c r="F9370">
        <v>26.9758</v>
      </c>
    </row>
    <row r="9371" spans="1:6" x14ac:dyDescent="0.25">
      <c r="A9371">
        <v>153.15</v>
      </c>
      <c r="B9371">
        <v>211.3</v>
      </c>
      <c r="C9371">
        <v>18800</v>
      </c>
      <c r="D9371">
        <v>3.4</v>
      </c>
      <c r="E9371">
        <v>5645.99</v>
      </c>
      <c r="F9371">
        <v>26.9514</v>
      </c>
    </row>
    <row r="9372" spans="1:6" x14ac:dyDescent="0.25">
      <c r="A9372">
        <v>153.15</v>
      </c>
      <c r="B9372">
        <v>211.3</v>
      </c>
      <c r="C9372">
        <v>18800</v>
      </c>
      <c r="D9372">
        <v>3.7</v>
      </c>
      <c r="E9372">
        <v>19641.7</v>
      </c>
      <c r="F9372">
        <v>26.9221</v>
      </c>
    </row>
    <row r="9373" spans="1:6" x14ac:dyDescent="0.25">
      <c r="A9373">
        <v>153.15</v>
      </c>
      <c r="B9373">
        <v>211.3</v>
      </c>
      <c r="C9373">
        <v>18800</v>
      </c>
      <c r="D9373">
        <v>4</v>
      </c>
      <c r="E9373">
        <v>19726.7</v>
      </c>
      <c r="F9373">
        <v>26.905899999999999</v>
      </c>
    </row>
    <row r="9374" spans="1:6" x14ac:dyDescent="0.25">
      <c r="A9374">
        <v>153.15</v>
      </c>
      <c r="B9374">
        <v>214.93</v>
      </c>
      <c r="C9374">
        <v>1800</v>
      </c>
      <c r="D9374">
        <v>1</v>
      </c>
      <c r="E9374">
        <v>5393.52</v>
      </c>
      <c r="F9374">
        <v>41.432000000000002</v>
      </c>
    </row>
    <row r="9375" spans="1:6" x14ac:dyDescent="0.25">
      <c r="A9375">
        <v>153.15</v>
      </c>
      <c r="B9375">
        <v>214.93</v>
      </c>
      <c r="C9375">
        <v>1800</v>
      </c>
      <c r="D9375">
        <v>1.3</v>
      </c>
      <c r="E9375">
        <v>4947.87</v>
      </c>
      <c r="F9375">
        <v>48.907899999999998</v>
      </c>
    </row>
    <row r="9376" spans="1:6" x14ac:dyDescent="0.25">
      <c r="A9376">
        <v>153.15</v>
      </c>
      <c r="B9376">
        <v>214.93</v>
      </c>
      <c r="C9376">
        <v>1800</v>
      </c>
      <c r="D9376">
        <v>1.6</v>
      </c>
      <c r="E9376">
        <v>4455.84</v>
      </c>
      <c r="F9376">
        <v>56.723300000000002</v>
      </c>
    </row>
    <row r="9377" spans="1:6" x14ac:dyDescent="0.25">
      <c r="A9377">
        <v>153.15</v>
      </c>
      <c r="B9377">
        <v>214.93</v>
      </c>
      <c r="C9377">
        <v>1800</v>
      </c>
      <c r="D9377">
        <v>1.9</v>
      </c>
      <c r="E9377">
        <v>4182.72</v>
      </c>
      <c r="F9377">
        <v>66.216999999999999</v>
      </c>
    </row>
    <row r="9378" spans="1:6" x14ac:dyDescent="0.25">
      <c r="A9378">
        <v>153.15</v>
      </c>
      <c r="B9378">
        <v>214.93</v>
      </c>
      <c r="C9378">
        <v>1800</v>
      </c>
      <c r="D9378">
        <v>2.2000000000000002</v>
      </c>
      <c r="E9378">
        <v>3944.01</v>
      </c>
      <c r="F9378">
        <v>69.029799999999994</v>
      </c>
    </row>
    <row r="9379" spans="1:6" x14ac:dyDescent="0.25">
      <c r="A9379">
        <v>153.15</v>
      </c>
      <c r="B9379">
        <v>214.93</v>
      </c>
      <c r="C9379">
        <v>1800</v>
      </c>
      <c r="D9379">
        <v>2.5</v>
      </c>
      <c r="E9379">
        <v>3794.41</v>
      </c>
      <c r="F9379">
        <v>72.378100000000003</v>
      </c>
    </row>
    <row r="9380" spans="1:6" x14ac:dyDescent="0.25">
      <c r="A9380">
        <v>153.15</v>
      </c>
      <c r="B9380">
        <v>214.93</v>
      </c>
      <c r="C9380">
        <v>1800</v>
      </c>
      <c r="D9380">
        <v>2.8</v>
      </c>
      <c r="E9380">
        <v>3608.68</v>
      </c>
      <c r="F9380">
        <v>75.505099999999999</v>
      </c>
    </row>
    <row r="9381" spans="1:6" x14ac:dyDescent="0.25">
      <c r="A9381">
        <v>153.15</v>
      </c>
      <c r="B9381">
        <v>214.93</v>
      </c>
      <c r="C9381">
        <v>1800</v>
      </c>
      <c r="D9381">
        <v>3.1</v>
      </c>
      <c r="E9381">
        <v>3506.75</v>
      </c>
      <c r="F9381">
        <v>76.247</v>
      </c>
    </row>
    <row r="9382" spans="1:6" x14ac:dyDescent="0.25">
      <c r="A9382">
        <v>153.15</v>
      </c>
      <c r="B9382">
        <v>214.93</v>
      </c>
      <c r="C9382">
        <v>1800</v>
      </c>
      <c r="D9382">
        <v>3.4</v>
      </c>
      <c r="E9382">
        <v>3386.95</v>
      </c>
      <c r="F9382">
        <v>77.636600000000001</v>
      </c>
    </row>
    <row r="9383" spans="1:6" x14ac:dyDescent="0.25">
      <c r="A9383">
        <v>153.15</v>
      </c>
      <c r="B9383">
        <v>214.93</v>
      </c>
      <c r="C9383">
        <v>1800</v>
      </c>
      <c r="D9383">
        <v>3.7</v>
      </c>
      <c r="E9383">
        <v>3298.42</v>
      </c>
      <c r="F9383">
        <v>81.774100000000004</v>
      </c>
    </row>
    <row r="9384" spans="1:6" x14ac:dyDescent="0.25">
      <c r="A9384">
        <v>153.15</v>
      </c>
      <c r="B9384">
        <v>214.93</v>
      </c>
      <c r="C9384">
        <v>1800</v>
      </c>
      <c r="D9384">
        <v>4</v>
      </c>
      <c r="E9384">
        <v>3217.73</v>
      </c>
      <c r="F9384">
        <v>84.033799999999999</v>
      </c>
    </row>
    <row r="9385" spans="1:6" x14ac:dyDescent="0.25">
      <c r="A9385">
        <v>153.15</v>
      </c>
      <c r="B9385">
        <v>214.93</v>
      </c>
      <c r="C9385">
        <v>3345.45</v>
      </c>
      <c r="D9385">
        <v>1</v>
      </c>
      <c r="E9385">
        <v>6987.75</v>
      </c>
      <c r="F9385">
        <v>17.952100000000002</v>
      </c>
    </row>
    <row r="9386" spans="1:6" x14ac:dyDescent="0.25">
      <c r="A9386">
        <v>153.15</v>
      </c>
      <c r="B9386">
        <v>214.93</v>
      </c>
      <c r="C9386">
        <v>3345.45</v>
      </c>
      <c r="D9386">
        <v>1.3</v>
      </c>
      <c r="E9386">
        <v>6285.84</v>
      </c>
      <c r="F9386">
        <v>21.626799999999999</v>
      </c>
    </row>
    <row r="9387" spans="1:6" x14ac:dyDescent="0.25">
      <c r="A9387">
        <v>153.15</v>
      </c>
      <c r="B9387">
        <v>214.93</v>
      </c>
      <c r="C9387">
        <v>3345.45</v>
      </c>
      <c r="D9387">
        <v>1.6</v>
      </c>
      <c r="E9387">
        <v>5824.92</v>
      </c>
      <c r="F9387">
        <v>18.8735</v>
      </c>
    </row>
    <row r="9388" spans="1:6" x14ac:dyDescent="0.25">
      <c r="A9388">
        <v>153.15</v>
      </c>
      <c r="B9388">
        <v>214.93</v>
      </c>
      <c r="C9388">
        <v>3345.45</v>
      </c>
      <c r="D9388">
        <v>1.9</v>
      </c>
      <c r="E9388">
        <v>5466.1</v>
      </c>
      <c r="F9388">
        <v>19.203600000000002</v>
      </c>
    </row>
    <row r="9389" spans="1:6" x14ac:dyDescent="0.25">
      <c r="A9389">
        <v>153.15</v>
      </c>
      <c r="B9389">
        <v>214.93</v>
      </c>
      <c r="C9389">
        <v>3345.45</v>
      </c>
      <c r="D9389">
        <v>2.2000000000000002</v>
      </c>
      <c r="E9389">
        <v>5381.75</v>
      </c>
      <c r="F9389">
        <v>25.968900000000001</v>
      </c>
    </row>
    <row r="9390" spans="1:6" x14ac:dyDescent="0.25">
      <c r="A9390">
        <v>153.15</v>
      </c>
      <c r="B9390">
        <v>214.93</v>
      </c>
      <c r="C9390">
        <v>3345.45</v>
      </c>
      <c r="D9390">
        <v>2.5</v>
      </c>
      <c r="E9390">
        <v>5227.08</v>
      </c>
      <c r="F9390">
        <v>24.919499999999999</v>
      </c>
    </row>
    <row r="9391" spans="1:6" x14ac:dyDescent="0.25">
      <c r="A9391">
        <v>153.15</v>
      </c>
      <c r="B9391">
        <v>214.93</v>
      </c>
      <c r="C9391">
        <v>3345.45</v>
      </c>
      <c r="D9391">
        <v>2.8</v>
      </c>
      <c r="E9391">
        <v>5006.59</v>
      </c>
      <c r="F9391">
        <v>19.380099999999999</v>
      </c>
    </row>
    <row r="9392" spans="1:6" x14ac:dyDescent="0.25">
      <c r="A9392">
        <v>153.15</v>
      </c>
      <c r="B9392">
        <v>214.93</v>
      </c>
      <c r="C9392">
        <v>3345.45</v>
      </c>
      <c r="D9392">
        <v>3.1</v>
      </c>
      <c r="E9392">
        <v>4899.29</v>
      </c>
      <c r="F9392">
        <v>18.166899999999998</v>
      </c>
    </row>
    <row r="9393" spans="1:6" x14ac:dyDescent="0.25">
      <c r="A9393">
        <v>153.15</v>
      </c>
      <c r="B9393">
        <v>214.93</v>
      </c>
      <c r="C9393">
        <v>3345.45</v>
      </c>
      <c r="D9393">
        <v>3.4</v>
      </c>
      <c r="E9393">
        <v>4775.78</v>
      </c>
      <c r="F9393">
        <v>18.443200000000001</v>
      </c>
    </row>
    <row r="9394" spans="1:6" x14ac:dyDescent="0.25">
      <c r="A9394">
        <v>153.15</v>
      </c>
      <c r="B9394">
        <v>214.93</v>
      </c>
      <c r="C9394">
        <v>3345.45</v>
      </c>
      <c r="D9394">
        <v>3.7</v>
      </c>
      <c r="E9394">
        <v>4688.3500000000004</v>
      </c>
      <c r="F9394">
        <v>18.107399999999998</v>
      </c>
    </row>
    <row r="9395" spans="1:6" x14ac:dyDescent="0.25">
      <c r="A9395">
        <v>153.15</v>
      </c>
      <c r="B9395">
        <v>214.93</v>
      </c>
      <c r="C9395">
        <v>3345.45</v>
      </c>
      <c r="D9395">
        <v>4</v>
      </c>
      <c r="E9395">
        <v>4617.55</v>
      </c>
      <c r="F9395">
        <v>17.493200000000002</v>
      </c>
    </row>
    <row r="9396" spans="1:6" x14ac:dyDescent="0.25">
      <c r="A9396">
        <v>153.15</v>
      </c>
      <c r="B9396">
        <v>214.93</v>
      </c>
      <c r="C9396">
        <v>4890.8999999999996</v>
      </c>
      <c r="D9396">
        <v>1</v>
      </c>
      <c r="E9396">
        <v>8516.74</v>
      </c>
      <c r="F9396">
        <v>25.0593</v>
      </c>
    </row>
    <row r="9397" spans="1:6" x14ac:dyDescent="0.25">
      <c r="A9397">
        <v>153.15</v>
      </c>
      <c r="B9397">
        <v>214.93</v>
      </c>
      <c r="C9397">
        <v>4890.8999999999996</v>
      </c>
      <c r="D9397">
        <v>1.3</v>
      </c>
      <c r="E9397">
        <v>7594.89</v>
      </c>
      <c r="F9397">
        <v>24.986499999999999</v>
      </c>
    </row>
    <row r="9398" spans="1:6" x14ac:dyDescent="0.25">
      <c r="A9398">
        <v>153.15</v>
      </c>
      <c r="B9398">
        <v>214.93</v>
      </c>
      <c r="C9398">
        <v>4890.8999999999996</v>
      </c>
      <c r="D9398">
        <v>1.6</v>
      </c>
      <c r="E9398">
        <v>7287.12</v>
      </c>
      <c r="F9398">
        <v>25.502800000000001</v>
      </c>
    </row>
    <row r="9399" spans="1:6" x14ac:dyDescent="0.25">
      <c r="A9399">
        <v>153.15</v>
      </c>
      <c r="B9399">
        <v>214.93</v>
      </c>
      <c r="C9399">
        <v>4890.8999999999996</v>
      </c>
      <c r="D9399">
        <v>1.9</v>
      </c>
      <c r="E9399">
        <v>7102.63</v>
      </c>
      <c r="F9399">
        <v>26.246500000000001</v>
      </c>
    </row>
    <row r="9400" spans="1:6" x14ac:dyDescent="0.25">
      <c r="A9400">
        <v>153.15</v>
      </c>
      <c r="B9400">
        <v>214.93</v>
      </c>
      <c r="C9400">
        <v>4890.8999999999996</v>
      </c>
      <c r="D9400">
        <v>2.2000000000000002</v>
      </c>
      <c r="E9400">
        <v>6791.48</v>
      </c>
      <c r="F9400">
        <v>26.796500000000002</v>
      </c>
    </row>
    <row r="9401" spans="1:6" x14ac:dyDescent="0.25">
      <c r="A9401">
        <v>153.15</v>
      </c>
      <c r="B9401">
        <v>214.93</v>
      </c>
      <c r="C9401">
        <v>4890.8999999999996</v>
      </c>
      <c r="D9401">
        <v>2.5</v>
      </c>
      <c r="E9401">
        <v>6461.36</v>
      </c>
      <c r="F9401">
        <v>27.2866</v>
      </c>
    </row>
    <row r="9402" spans="1:6" x14ac:dyDescent="0.25">
      <c r="A9402">
        <v>153.15</v>
      </c>
      <c r="B9402">
        <v>214.93</v>
      </c>
      <c r="C9402">
        <v>4890.8999999999996</v>
      </c>
      <c r="D9402">
        <v>2.8</v>
      </c>
      <c r="E9402">
        <v>5678.88</v>
      </c>
      <c r="F9402">
        <v>25.9405</v>
      </c>
    </row>
    <row r="9403" spans="1:6" x14ac:dyDescent="0.25">
      <c r="A9403">
        <v>153.15</v>
      </c>
      <c r="B9403">
        <v>214.93</v>
      </c>
      <c r="C9403">
        <v>4890.8999999999996</v>
      </c>
      <c r="D9403">
        <v>3.1</v>
      </c>
      <c r="E9403">
        <v>5662.21</v>
      </c>
      <c r="F9403">
        <v>25.389199999999999</v>
      </c>
    </row>
    <row r="9404" spans="1:6" x14ac:dyDescent="0.25">
      <c r="A9404">
        <v>153.15</v>
      </c>
      <c r="B9404">
        <v>214.93</v>
      </c>
      <c r="C9404">
        <v>4890.8999999999996</v>
      </c>
      <c r="D9404">
        <v>3.4</v>
      </c>
      <c r="E9404">
        <v>6241.02</v>
      </c>
      <c r="F9404">
        <v>25.649100000000001</v>
      </c>
    </row>
    <row r="9405" spans="1:6" x14ac:dyDescent="0.25">
      <c r="A9405">
        <v>153.15</v>
      </c>
      <c r="B9405">
        <v>214.93</v>
      </c>
      <c r="C9405">
        <v>4890.8999999999996</v>
      </c>
      <c r="D9405">
        <v>3.7</v>
      </c>
      <c r="E9405">
        <v>6151.04</v>
      </c>
      <c r="F9405">
        <v>25.881499999999999</v>
      </c>
    </row>
    <row r="9406" spans="1:6" x14ac:dyDescent="0.25">
      <c r="A9406">
        <v>153.15</v>
      </c>
      <c r="B9406">
        <v>214.93</v>
      </c>
      <c r="C9406">
        <v>4890.8999999999996</v>
      </c>
      <c r="D9406">
        <v>4</v>
      </c>
      <c r="E9406">
        <v>6051.21</v>
      </c>
      <c r="F9406">
        <v>26.045999999999999</v>
      </c>
    </row>
    <row r="9407" spans="1:6" x14ac:dyDescent="0.25">
      <c r="A9407">
        <v>153.15</v>
      </c>
      <c r="B9407">
        <v>214.93</v>
      </c>
      <c r="C9407">
        <v>6436.35</v>
      </c>
      <c r="D9407">
        <v>1</v>
      </c>
      <c r="E9407">
        <v>10160.5</v>
      </c>
      <c r="F9407">
        <v>25.0593</v>
      </c>
    </row>
    <row r="9408" spans="1:6" x14ac:dyDescent="0.25">
      <c r="A9408">
        <v>153.15</v>
      </c>
      <c r="B9408">
        <v>214.93</v>
      </c>
      <c r="C9408">
        <v>6436.35</v>
      </c>
      <c r="D9408">
        <v>1.3</v>
      </c>
      <c r="E9408">
        <v>9277.4</v>
      </c>
      <c r="F9408">
        <v>25.409199999999998</v>
      </c>
    </row>
    <row r="9409" spans="1:6" x14ac:dyDescent="0.25">
      <c r="A9409">
        <v>153.15</v>
      </c>
      <c r="B9409">
        <v>214.93</v>
      </c>
      <c r="C9409">
        <v>6436.35</v>
      </c>
      <c r="D9409">
        <v>1.6</v>
      </c>
      <c r="E9409">
        <v>8947.84</v>
      </c>
      <c r="F9409">
        <v>25.502800000000001</v>
      </c>
    </row>
    <row r="9410" spans="1:6" x14ac:dyDescent="0.25">
      <c r="A9410">
        <v>153.15</v>
      </c>
      <c r="B9410">
        <v>214.93</v>
      </c>
      <c r="C9410">
        <v>6436.35</v>
      </c>
      <c r="D9410">
        <v>1.9</v>
      </c>
      <c r="E9410">
        <v>8597.35</v>
      </c>
      <c r="F9410">
        <v>26.246500000000001</v>
      </c>
    </row>
    <row r="9411" spans="1:6" x14ac:dyDescent="0.25">
      <c r="A9411">
        <v>153.15</v>
      </c>
      <c r="B9411">
        <v>214.93</v>
      </c>
      <c r="C9411">
        <v>6436.35</v>
      </c>
      <c r="D9411">
        <v>2.2000000000000002</v>
      </c>
      <c r="E9411">
        <v>8222.41</v>
      </c>
      <c r="F9411">
        <v>26.796500000000002</v>
      </c>
    </row>
    <row r="9412" spans="1:6" x14ac:dyDescent="0.25">
      <c r="A9412">
        <v>153.15</v>
      </c>
      <c r="B9412">
        <v>214.93</v>
      </c>
      <c r="C9412">
        <v>6436.35</v>
      </c>
      <c r="D9412">
        <v>2.5</v>
      </c>
      <c r="E9412">
        <v>8149.46</v>
      </c>
      <c r="F9412">
        <v>27.2866</v>
      </c>
    </row>
    <row r="9413" spans="1:6" x14ac:dyDescent="0.25">
      <c r="A9413">
        <v>153.15</v>
      </c>
      <c r="B9413">
        <v>214.93</v>
      </c>
      <c r="C9413">
        <v>6436.35</v>
      </c>
      <c r="D9413">
        <v>2.8</v>
      </c>
      <c r="E9413">
        <v>5678.88</v>
      </c>
      <c r="F9413">
        <v>27.008600000000001</v>
      </c>
    </row>
    <row r="9414" spans="1:6" x14ac:dyDescent="0.25">
      <c r="A9414">
        <v>153.15</v>
      </c>
      <c r="B9414">
        <v>214.93</v>
      </c>
      <c r="C9414">
        <v>6436.35</v>
      </c>
      <c r="D9414">
        <v>3.1</v>
      </c>
      <c r="E9414">
        <v>5662.21</v>
      </c>
      <c r="F9414">
        <v>26.9758</v>
      </c>
    </row>
    <row r="9415" spans="1:6" x14ac:dyDescent="0.25">
      <c r="A9415">
        <v>153.15</v>
      </c>
      <c r="B9415">
        <v>214.93</v>
      </c>
      <c r="C9415">
        <v>6436.35</v>
      </c>
      <c r="D9415">
        <v>3.4</v>
      </c>
      <c r="E9415">
        <v>5645.99</v>
      </c>
      <c r="F9415">
        <v>26.9514</v>
      </c>
    </row>
    <row r="9416" spans="1:6" x14ac:dyDescent="0.25">
      <c r="A9416">
        <v>153.15</v>
      </c>
      <c r="B9416">
        <v>214.93</v>
      </c>
      <c r="C9416">
        <v>6436.35</v>
      </c>
      <c r="D9416">
        <v>3.7</v>
      </c>
      <c r="E9416">
        <v>7425.64</v>
      </c>
      <c r="F9416">
        <v>26.9221</v>
      </c>
    </row>
    <row r="9417" spans="1:6" x14ac:dyDescent="0.25">
      <c r="A9417">
        <v>153.15</v>
      </c>
      <c r="B9417">
        <v>214.93</v>
      </c>
      <c r="C9417">
        <v>6436.35</v>
      </c>
      <c r="D9417">
        <v>4</v>
      </c>
      <c r="E9417">
        <v>7349.19</v>
      </c>
      <c r="F9417">
        <v>26.905899999999999</v>
      </c>
    </row>
    <row r="9418" spans="1:6" x14ac:dyDescent="0.25">
      <c r="A9418">
        <v>153.15</v>
      </c>
      <c r="B9418">
        <v>214.93</v>
      </c>
      <c r="C9418">
        <v>7981.8</v>
      </c>
      <c r="D9418">
        <v>1</v>
      </c>
      <c r="E9418">
        <v>11596.2</v>
      </c>
      <c r="F9418">
        <v>25.0593</v>
      </c>
    </row>
    <row r="9419" spans="1:6" x14ac:dyDescent="0.25">
      <c r="A9419">
        <v>153.15</v>
      </c>
      <c r="B9419">
        <v>214.93</v>
      </c>
      <c r="C9419">
        <v>7981.8</v>
      </c>
      <c r="D9419">
        <v>1.3</v>
      </c>
      <c r="E9419">
        <v>10777.6</v>
      </c>
      <c r="F9419">
        <v>25.409199999999998</v>
      </c>
    </row>
    <row r="9420" spans="1:6" x14ac:dyDescent="0.25">
      <c r="A9420">
        <v>153.15</v>
      </c>
      <c r="B9420">
        <v>214.93</v>
      </c>
      <c r="C9420">
        <v>7981.8</v>
      </c>
      <c r="D9420">
        <v>1.6</v>
      </c>
      <c r="E9420">
        <v>10414</v>
      </c>
      <c r="F9420">
        <v>25.502800000000001</v>
      </c>
    </row>
    <row r="9421" spans="1:6" x14ac:dyDescent="0.25">
      <c r="A9421">
        <v>153.15</v>
      </c>
      <c r="B9421">
        <v>214.93</v>
      </c>
      <c r="C9421">
        <v>7981.8</v>
      </c>
      <c r="D9421">
        <v>1.9</v>
      </c>
      <c r="E9421">
        <v>10132.799999999999</v>
      </c>
      <c r="F9421">
        <v>26.246500000000001</v>
      </c>
    </row>
    <row r="9422" spans="1:6" x14ac:dyDescent="0.25">
      <c r="A9422">
        <v>153.15</v>
      </c>
      <c r="B9422">
        <v>214.93</v>
      </c>
      <c r="C9422">
        <v>7981.8</v>
      </c>
      <c r="D9422">
        <v>2.2000000000000002</v>
      </c>
      <c r="E9422">
        <v>9896.52</v>
      </c>
      <c r="F9422">
        <v>26.796500000000002</v>
      </c>
    </row>
    <row r="9423" spans="1:6" x14ac:dyDescent="0.25">
      <c r="A9423">
        <v>153.15</v>
      </c>
      <c r="B9423">
        <v>214.93</v>
      </c>
      <c r="C9423">
        <v>7981.8</v>
      </c>
      <c r="D9423">
        <v>2.5</v>
      </c>
      <c r="E9423">
        <v>9656.33</v>
      </c>
      <c r="F9423">
        <v>27.2866</v>
      </c>
    </row>
    <row r="9424" spans="1:6" x14ac:dyDescent="0.25">
      <c r="A9424">
        <v>153.15</v>
      </c>
      <c r="B9424">
        <v>214.93</v>
      </c>
      <c r="C9424">
        <v>7981.8</v>
      </c>
      <c r="D9424">
        <v>2.8</v>
      </c>
      <c r="E9424">
        <v>5678.88</v>
      </c>
      <c r="F9424">
        <v>27.008600000000001</v>
      </c>
    </row>
    <row r="9425" spans="1:6" x14ac:dyDescent="0.25">
      <c r="A9425">
        <v>153.15</v>
      </c>
      <c r="B9425">
        <v>214.93</v>
      </c>
      <c r="C9425">
        <v>7981.8</v>
      </c>
      <c r="D9425">
        <v>3.1</v>
      </c>
      <c r="E9425">
        <v>5662.21</v>
      </c>
      <c r="F9425">
        <v>26.9758</v>
      </c>
    </row>
    <row r="9426" spans="1:6" x14ac:dyDescent="0.25">
      <c r="A9426">
        <v>153.15</v>
      </c>
      <c r="B9426">
        <v>214.93</v>
      </c>
      <c r="C9426">
        <v>7981.8</v>
      </c>
      <c r="D9426">
        <v>3.4</v>
      </c>
      <c r="E9426">
        <v>5645.99</v>
      </c>
      <c r="F9426">
        <v>26.9514</v>
      </c>
    </row>
    <row r="9427" spans="1:6" x14ac:dyDescent="0.25">
      <c r="A9427">
        <v>153.15</v>
      </c>
      <c r="B9427">
        <v>214.93</v>
      </c>
      <c r="C9427">
        <v>7981.8</v>
      </c>
      <c r="D9427">
        <v>3.7</v>
      </c>
      <c r="E9427">
        <v>8991.85</v>
      </c>
      <c r="F9427">
        <v>26.9221</v>
      </c>
    </row>
    <row r="9428" spans="1:6" x14ac:dyDescent="0.25">
      <c r="A9428">
        <v>153.15</v>
      </c>
      <c r="B9428">
        <v>214.93</v>
      </c>
      <c r="C9428">
        <v>7981.8</v>
      </c>
      <c r="D9428">
        <v>4</v>
      </c>
      <c r="E9428">
        <v>8953.64</v>
      </c>
      <c r="F9428">
        <v>26.905899999999999</v>
      </c>
    </row>
    <row r="9429" spans="1:6" x14ac:dyDescent="0.25">
      <c r="A9429">
        <v>153.15</v>
      </c>
      <c r="B9429">
        <v>214.93</v>
      </c>
      <c r="C9429">
        <v>9527.25</v>
      </c>
      <c r="D9429">
        <v>1</v>
      </c>
      <c r="E9429">
        <v>13265.6</v>
      </c>
      <c r="F9429">
        <v>25.0593</v>
      </c>
    </row>
    <row r="9430" spans="1:6" x14ac:dyDescent="0.25">
      <c r="A9430">
        <v>153.15</v>
      </c>
      <c r="B9430">
        <v>214.93</v>
      </c>
      <c r="C9430">
        <v>9527.25</v>
      </c>
      <c r="D9430">
        <v>1.3</v>
      </c>
      <c r="E9430">
        <v>12237.1</v>
      </c>
      <c r="F9430">
        <v>25.409199999999998</v>
      </c>
    </row>
    <row r="9431" spans="1:6" x14ac:dyDescent="0.25">
      <c r="A9431">
        <v>153.15</v>
      </c>
      <c r="B9431">
        <v>214.93</v>
      </c>
      <c r="C9431">
        <v>9527.25</v>
      </c>
      <c r="D9431">
        <v>1.6</v>
      </c>
      <c r="E9431">
        <v>11944.4</v>
      </c>
      <c r="F9431">
        <v>25.502800000000001</v>
      </c>
    </row>
    <row r="9432" spans="1:6" x14ac:dyDescent="0.25">
      <c r="A9432">
        <v>153.15</v>
      </c>
      <c r="B9432">
        <v>214.93</v>
      </c>
      <c r="C9432">
        <v>9527.25</v>
      </c>
      <c r="D9432">
        <v>1.9</v>
      </c>
      <c r="E9432">
        <v>11673.8</v>
      </c>
      <c r="F9432">
        <v>26.246500000000001</v>
      </c>
    </row>
    <row r="9433" spans="1:6" x14ac:dyDescent="0.25">
      <c r="A9433">
        <v>153.15</v>
      </c>
      <c r="B9433">
        <v>214.93</v>
      </c>
      <c r="C9433">
        <v>9527.25</v>
      </c>
      <c r="D9433">
        <v>2.2000000000000002</v>
      </c>
      <c r="E9433">
        <v>11353.9</v>
      </c>
      <c r="F9433">
        <v>26.796500000000002</v>
      </c>
    </row>
    <row r="9434" spans="1:6" x14ac:dyDescent="0.25">
      <c r="A9434">
        <v>153.15</v>
      </c>
      <c r="B9434">
        <v>214.93</v>
      </c>
      <c r="C9434">
        <v>9527.25</v>
      </c>
      <c r="D9434">
        <v>2.5</v>
      </c>
      <c r="E9434">
        <v>11185.8</v>
      </c>
      <c r="F9434">
        <v>27.2866</v>
      </c>
    </row>
    <row r="9435" spans="1:6" x14ac:dyDescent="0.25">
      <c r="A9435">
        <v>153.15</v>
      </c>
      <c r="B9435">
        <v>214.93</v>
      </c>
      <c r="C9435">
        <v>9527.25</v>
      </c>
      <c r="D9435">
        <v>2.8</v>
      </c>
      <c r="E9435">
        <v>5678.88</v>
      </c>
      <c r="F9435">
        <v>27.008600000000001</v>
      </c>
    </row>
    <row r="9436" spans="1:6" x14ac:dyDescent="0.25">
      <c r="A9436">
        <v>153.15</v>
      </c>
      <c r="B9436">
        <v>214.93</v>
      </c>
      <c r="C9436">
        <v>9527.25</v>
      </c>
      <c r="D9436">
        <v>3.1</v>
      </c>
      <c r="E9436">
        <v>5662.21</v>
      </c>
      <c r="F9436">
        <v>26.9758</v>
      </c>
    </row>
    <row r="9437" spans="1:6" x14ac:dyDescent="0.25">
      <c r="A9437">
        <v>153.15</v>
      </c>
      <c r="B9437">
        <v>214.93</v>
      </c>
      <c r="C9437">
        <v>9527.25</v>
      </c>
      <c r="D9437">
        <v>3.4</v>
      </c>
      <c r="E9437">
        <v>5645.99</v>
      </c>
      <c r="F9437">
        <v>26.9514</v>
      </c>
    </row>
    <row r="9438" spans="1:6" x14ac:dyDescent="0.25">
      <c r="A9438">
        <v>153.15</v>
      </c>
      <c r="B9438">
        <v>214.93</v>
      </c>
      <c r="C9438">
        <v>9527.25</v>
      </c>
      <c r="D9438">
        <v>3.7</v>
      </c>
      <c r="E9438">
        <v>10522.9</v>
      </c>
      <c r="F9438">
        <v>26.9221</v>
      </c>
    </row>
    <row r="9439" spans="1:6" x14ac:dyDescent="0.25">
      <c r="A9439">
        <v>153.15</v>
      </c>
      <c r="B9439">
        <v>214.93</v>
      </c>
      <c r="C9439">
        <v>9527.25</v>
      </c>
      <c r="D9439">
        <v>4</v>
      </c>
      <c r="E9439">
        <v>10492.2</v>
      </c>
      <c r="F9439">
        <v>26.905899999999999</v>
      </c>
    </row>
    <row r="9440" spans="1:6" x14ac:dyDescent="0.25">
      <c r="A9440">
        <v>153.15</v>
      </c>
      <c r="B9440">
        <v>214.93</v>
      </c>
      <c r="C9440">
        <v>11072.7</v>
      </c>
      <c r="D9440">
        <v>1</v>
      </c>
      <c r="E9440">
        <v>14560.3</v>
      </c>
      <c r="F9440">
        <v>25.0593</v>
      </c>
    </row>
    <row r="9441" spans="1:6" x14ac:dyDescent="0.25">
      <c r="A9441">
        <v>153.15</v>
      </c>
      <c r="B9441">
        <v>214.93</v>
      </c>
      <c r="C9441">
        <v>11072.7</v>
      </c>
      <c r="D9441">
        <v>1.3</v>
      </c>
      <c r="E9441">
        <v>13833.9</v>
      </c>
      <c r="F9441">
        <v>25.409199999999998</v>
      </c>
    </row>
    <row r="9442" spans="1:6" x14ac:dyDescent="0.25">
      <c r="A9442">
        <v>153.15</v>
      </c>
      <c r="B9442">
        <v>214.93</v>
      </c>
      <c r="C9442">
        <v>11072.7</v>
      </c>
      <c r="D9442">
        <v>1.6</v>
      </c>
      <c r="E9442">
        <v>13468.4</v>
      </c>
      <c r="F9442">
        <v>25.502800000000001</v>
      </c>
    </row>
    <row r="9443" spans="1:6" x14ac:dyDescent="0.25">
      <c r="A9443">
        <v>153.15</v>
      </c>
      <c r="B9443">
        <v>214.93</v>
      </c>
      <c r="C9443">
        <v>11072.7</v>
      </c>
      <c r="D9443">
        <v>1.9</v>
      </c>
      <c r="E9443">
        <v>13069.1</v>
      </c>
      <c r="F9443">
        <v>26.246500000000001</v>
      </c>
    </row>
    <row r="9444" spans="1:6" x14ac:dyDescent="0.25">
      <c r="A9444">
        <v>153.15</v>
      </c>
      <c r="B9444">
        <v>214.93</v>
      </c>
      <c r="C9444">
        <v>11072.7</v>
      </c>
      <c r="D9444">
        <v>2.2000000000000002</v>
      </c>
      <c r="E9444">
        <v>12865</v>
      </c>
      <c r="F9444">
        <v>26.796500000000002</v>
      </c>
    </row>
    <row r="9445" spans="1:6" x14ac:dyDescent="0.25">
      <c r="A9445">
        <v>153.15</v>
      </c>
      <c r="B9445">
        <v>214.93</v>
      </c>
      <c r="C9445">
        <v>11072.7</v>
      </c>
      <c r="D9445">
        <v>2.5</v>
      </c>
      <c r="E9445">
        <v>12741.9</v>
      </c>
      <c r="F9445">
        <v>27.2866</v>
      </c>
    </row>
    <row r="9446" spans="1:6" x14ac:dyDescent="0.25">
      <c r="A9446">
        <v>153.15</v>
      </c>
      <c r="B9446">
        <v>214.93</v>
      </c>
      <c r="C9446">
        <v>11072.7</v>
      </c>
      <c r="D9446">
        <v>2.8</v>
      </c>
      <c r="E9446">
        <v>5678.88</v>
      </c>
      <c r="F9446">
        <v>27.008600000000001</v>
      </c>
    </row>
    <row r="9447" spans="1:6" x14ac:dyDescent="0.25">
      <c r="A9447">
        <v>153.15</v>
      </c>
      <c r="B9447">
        <v>214.93</v>
      </c>
      <c r="C9447">
        <v>11072.7</v>
      </c>
      <c r="D9447">
        <v>3.1</v>
      </c>
      <c r="E9447">
        <v>5662.21</v>
      </c>
      <c r="F9447">
        <v>26.9758</v>
      </c>
    </row>
    <row r="9448" spans="1:6" x14ac:dyDescent="0.25">
      <c r="A9448">
        <v>153.15</v>
      </c>
      <c r="B9448">
        <v>214.93</v>
      </c>
      <c r="C9448">
        <v>11072.7</v>
      </c>
      <c r="D9448">
        <v>3.4</v>
      </c>
      <c r="E9448">
        <v>5645.99</v>
      </c>
      <c r="F9448">
        <v>26.9514</v>
      </c>
    </row>
    <row r="9449" spans="1:6" x14ac:dyDescent="0.25">
      <c r="A9449">
        <v>153.15</v>
      </c>
      <c r="B9449">
        <v>214.93</v>
      </c>
      <c r="C9449">
        <v>11072.7</v>
      </c>
      <c r="D9449">
        <v>3.7</v>
      </c>
      <c r="E9449">
        <v>12012.7</v>
      </c>
      <c r="F9449">
        <v>26.9221</v>
      </c>
    </row>
    <row r="9450" spans="1:6" x14ac:dyDescent="0.25">
      <c r="A9450">
        <v>153.15</v>
      </c>
      <c r="B9450">
        <v>214.93</v>
      </c>
      <c r="C9450">
        <v>11072.7</v>
      </c>
      <c r="D9450">
        <v>4</v>
      </c>
      <c r="E9450">
        <v>11995.4</v>
      </c>
      <c r="F9450">
        <v>26.905899999999999</v>
      </c>
    </row>
    <row r="9451" spans="1:6" x14ac:dyDescent="0.25">
      <c r="A9451">
        <v>153.15</v>
      </c>
      <c r="B9451">
        <v>214.93</v>
      </c>
      <c r="C9451">
        <v>12618.2</v>
      </c>
      <c r="D9451">
        <v>1</v>
      </c>
      <c r="E9451">
        <v>16042</v>
      </c>
      <c r="F9451">
        <v>25.0593</v>
      </c>
    </row>
    <row r="9452" spans="1:6" x14ac:dyDescent="0.25">
      <c r="A9452">
        <v>153.15</v>
      </c>
      <c r="B9452">
        <v>214.93</v>
      </c>
      <c r="C9452">
        <v>12618.2</v>
      </c>
      <c r="D9452">
        <v>1.3</v>
      </c>
      <c r="E9452">
        <v>15505.7</v>
      </c>
      <c r="F9452">
        <v>25.409199999999998</v>
      </c>
    </row>
    <row r="9453" spans="1:6" x14ac:dyDescent="0.25">
      <c r="A9453">
        <v>153.15</v>
      </c>
      <c r="B9453">
        <v>214.93</v>
      </c>
      <c r="C9453">
        <v>12618.2</v>
      </c>
      <c r="D9453">
        <v>1.6</v>
      </c>
      <c r="E9453">
        <v>14952.4</v>
      </c>
      <c r="F9453">
        <v>25.502800000000001</v>
      </c>
    </row>
    <row r="9454" spans="1:6" x14ac:dyDescent="0.25">
      <c r="A9454">
        <v>153.15</v>
      </c>
      <c r="B9454">
        <v>214.93</v>
      </c>
      <c r="C9454">
        <v>12618.2</v>
      </c>
      <c r="D9454">
        <v>1.9</v>
      </c>
      <c r="E9454">
        <v>14771.1</v>
      </c>
      <c r="F9454">
        <v>26.246500000000001</v>
      </c>
    </row>
    <row r="9455" spans="1:6" x14ac:dyDescent="0.25">
      <c r="A9455">
        <v>153.15</v>
      </c>
      <c r="B9455">
        <v>214.93</v>
      </c>
      <c r="C9455">
        <v>12618.2</v>
      </c>
      <c r="D9455">
        <v>2.2000000000000002</v>
      </c>
      <c r="E9455">
        <v>14511.5</v>
      </c>
      <c r="F9455">
        <v>26.796500000000002</v>
      </c>
    </row>
    <row r="9456" spans="1:6" x14ac:dyDescent="0.25">
      <c r="A9456">
        <v>153.15</v>
      </c>
      <c r="B9456">
        <v>214.93</v>
      </c>
      <c r="C9456">
        <v>12618.2</v>
      </c>
      <c r="D9456">
        <v>2.5</v>
      </c>
      <c r="E9456">
        <v>14248.4</v>
      </c>
      <c r="F9456">
        <v>27.2866</v>
      </c>
    </row>
    <row r="9457" spans="1:6" x14ac:dyDescent="0.25">
      <c r="A9457">
        <v>153.15</v>
      </c>
      <c r="B9457">
        <v>214.93</v>
      </c>
      <c r="C9457">
        <v>12618.2</v>
      </c>
      <c r="D9457">
        <v>2.8</v>
      </c>
      <c r="E9457">
        <v>5678.88</v>
      </c>
      <c r="F9457">
        <v>27.008600000000001</v>
      </c>
    </row>
    <row r="9458" spans="1:6" x14ac:dyDescent="0.25">
      <c r="A9458">
        <v>153.15</v>
      </c>
      <c r="B9458">
        <v>214.93</v>
      </c>
      <c r="C9458">
        <v>12618.2</v>
      </c>
      <c r="D9458">
        <v>3.1</v>
      </c>
      <c r="E9458">
        <v>5662.21</v>
      </c>
      <c r="F9458">
        <v>26.9758</v>
      </c>
    </row>
    <row r="9459" spans="1:6" x14ac:dyDescent="0.25">
      <c r="A9459">
        <v>153.15</v>
      </c>
      <c r="B9459">
        <v>214.93</v>
      </c>
      <c r="C9459">
        <v>12618.2</v>
      </c>
      <c r="D9459">
        <v>3.4</v>
      </c>
      <c r="E9459">
        <v>5645.99</v>
      </c>
      <c r="F9459">
        <v>26.9514</v>
      </c>
    </row>
    <row r="9460" spans="1:6" x14ac:dyDescent="0.25">
      <c r="A9460">
        <v>153.15</v>
      </c>
      <c r="B9460">
        <v>214.93</v>
      </c>
      <c r="C9460">
        <v>12618.2</v>
      </c>
      <c r="D9460">
        <v>3.7</v>
      </c>
      <c r="E9460">
        <v>13553.1</v>
      </c>
      <c r="F9460">
        <v>26.9221</v>
      </c>
    </row>
    <row r="9461" spans="1:6" x14ac:dyDescent="0.25">
      <c r="A9461">
        <v>153.15</v>
      </c>
      <c r="B9461">
        <v>214.93</v>
      </c>
      <c r="C9461">
        <v>12618.2</v>
      </c>
      <c r="D9461">
        <v>4</v>
      </c>
      <c r="E9461">
        <v>13587.8</v>
      </c>
      <c r="F9461">
        <v>26.905899999999999</v>
      </c>
    </row>
    <row r="9462" spans="1:6" x14ac:dyDescent="0.25">
      <c r="A9462">
        <v>153.15</v>
      </c>
      <c r="B9462">
        <v>214.93</v>
      </c>
      <c r="C9462">
        <v>14163.6</v>
      </c>
      <c r="D9462">
        <v>1</v>
      </c>
      <c r="E9462">
        <v>17763</v>
      </c>
      <c r="F9462">
        <v>25.0593</v>
      </c>
    </row>
    <row r="9463" spans="1:6" x14ac:dyDescent="0.25">
      <c r="A9463">
        <v>153.15</v>
      </c>
      <c r="B9463">
        <v>214.93</v>
      </c>
      <c r="C9463">
        <v>14163.6</v>
      </c>
      <c r="D9463">
        <v>1.3</v>
      </c>
      <c r="E9463">
        <v>16851.400000000001</v>
      </c>
      <c r="F9463">
        <v>25.409199999999998</v>
      </c>
    </row>
    <row r="9464" spans="1:6" x14ac:dyDescent="0.25">
      <c r="A9464">
        <v>153.15</v>
      </c>
      <c r="B9464">
        <v>214.93</v>
      </c>
      <c r="C9464">
        <v>14163.6</v>
      </c>
      <c r="D9464">
        <v>1.6</v>
      </c>
      <c r="E9464">
        <v>16594.3</v>
      </c>
      <c r="F9464">
        <v>25.502800000000001</v>
      </c>
    </row>
    <row r="9465" spans="1:6" x14ac:dyDescent="0.25">
      <c r="A9465">
        <v>153.15</v>
      </c>
      <c r="B9465">
        <v>214.93</v>
      </c>
      <c r="C9465">
        <v>14163.6</v>
      </c>
      <c r="D9465">
        <v>1.9</v>
      </c>
      <c r="E9465">
        <v>16201.5</v>
      </c>
      <c r="F9465">
        <v>26.246500000000001</v>
      </c>
    </row>
    <row r="9466" spans="1:6" x14ac:dyDescent="0.25">
      <c r="A9466">
        <v>153.15</v>
      </c>
      <c r="B9466">
        <v>214.93</v>
      </c>
      <c r="C9466">
        <v>14163.6</v>
      </c>
      <c r="D9466">
        <v>2.2000000000000002</v>
      </c>
      <c r="E9466">
        <v>15911.5</v>
      </c>
      <c r="F9466">
        <v>26.796500000000002</v>
      </c>
    </row>
    <row r="9467" spans="1:6" x14ac:dyDescent="0.25">
      <c r="A9467">
        <v>153.15</v>
      </c>
      <c r="B9467">
        <v>214.93</v>
      </c>
      <c r="C9467">
        <v>14163.6</v>
      </c>
      <c r="D9467">
        <v>2.5</v>
      </c>
      <c r="E9467">
        <v>15752.1</v>
      </c>
      <c r="F9467">
        <v>27.2866</v>
      </c>
    </row>
    <row r="9468" spans="1:6" x14ac:dyDescent="0.25">
      <c r="A9468">
        <v>153.15</v>
      </c>
      <c r="B9468">
        <v>214.93</v>
      </c>
      <c r="C9468">
        <v>14163.6</v>
      </c>
      <c r="D9468">
        <v>2.8</v>
      </c>
      <c r="E9468">
        <v>5678.88</v>
      </c>
      <c r="F9468">
        <v>27.008600000000001</v>
      </c>
    </row>
    <row r="9469" spans="1:6" x14ac:dyDescent="0.25">
      <c r="A9469">
        <v>153.15</v>
      </c>
      <c r="B9469">
        <v>214.93</v>
      </c>
      <c r="C9469">
        <v>14163.6</v>
      </c>
      <c r="D9469">
        <v>3.1</v>
      </c>
      <c r="E9469">
        <v>5662.21</v>
      </c>
      <c r="F9469">
        <v>26.9758</v>
      </c>
    </row>
    <row r="9470" spans="1:6" x14ac:dyDescent="0.25">
      <c r="A9470">
        <v>153.15</v>
      </c>
      <c r="B9470">
        <v>214.93</v>
      </c>
      <c r="C9470">
        <v>14163.6</v>
      </c>
      <c r="D9470">
        <v>3.4</v>
      </c>
      <c r="E9470">
        <v>5645.99</v>
      </c>
      <c r="F9470">
        <v>26.9514</v>
      </c>
    </row>
    <row r="9471" spans="1:6" x14ac:dyDescent="0.25">
      <c r="A9471">
        <v>153.15</v>
      </c>
      <c r="B9471">
        <v>214.93</v>
      </c>
      <c r="C9471">
        <v>14163.6</v>
      </c>
      <c r="D9471">
        <v>3.7</v>
      </c>
      <c r="E9471">
        <v>15118</v>
      </c>
      <c r="F9471">
        <v>26.9221</v>
      </c>
    </row>
    <row r="9472" spans="1:6" x14ac:dyDescent="0.25">
      <c r="A9472">
        <v>153.15</v>
      </c>
      <c r="B9472">
        <v>214.93</v>
      </c>
      <c r="C9472">
        <v>14163.6</v>
      </c>
      <c r="D9472">
        <v>4</v>
      </c>
      <c r="E9472">
        <v>15066.7</v>
      </c>
      <c r="F9472">
        <v>26.905899999999999</v>
      </c>
    </row>
    <row r="9473" spans="1:6" x14ac:dyDescent="0.25">
      <c r="A9473">
        <v>153.15</v>
      </c>
      <c r="B9473">
        <v>214.93</v>
      </c>
      <c r="C9473">
        <v>15709.1</v>
      </c>
      <c r="D9473">
        <v>1</v>
      </c>
      <c r="E9473">
        <v>19402.099999999999</v>
      </c>
      <c r="F9473">
        <v>25.0593</v>
      </c>
    </row>
    <row r="9474" spans="1:6" x14ac:dyDescent="0.25">
      <c r="A9474">
        <v>153.15</v>
      </c>
      <c r="B9474">
        <v>214.93</v>
      </c>
      <c r="C9474">
        <v>15709.1</v>
      </c>
      <c r="D9474">
        <v>1.3</v>
      </c>
      <c r="E9474">
        <v>18393.8</v>
      </c>
      <c r="F9474">
        <v>25.409199999999998</v>
      </c>
    </row>
    <row r="9475" spans="1:6" x14ac:dyDescent="0.25">
      <c r="A9475">
        <v>153.15</v>
      </c>
      <c r="B9475">
        <v>214.93</v>
      </c>
      <c r="C9475">
        <v>15709.1</v>
      </c>
      <c r="D9475">
        <v>1.6</v>
      </c>
      <c r="E9475">
        <v>18111.400000000001</v>
      </c>
      <c r="F9475">
        <v>25.502800000000001</v>
      </c>
    </row>
    <row r="9476" spans="1:6" x14ac:dyDescent="0.25">
      <c r="A9476">
        <v>153.15</v>
      </c>
      <c r="B9476">
        <v>214.93</v>
      </c>
      <c r="C9476">
        <v>15709.1</v>
      </c>
      <c r="D9476">
        <v>1.9</v>
      </c>
      <c r="E9476">
        <v>17796.099999999999</v>
      </c>
      <c r="F9476">
        <v>26.246500000000001</v>
      </c>
    </row>
    <row r="9477" spans="1:6" x14ac:dyDescent="0.25">
      <c r="A9477">
        <v>153.15</v>
      </c>
      <c r="B9477">
        <v>214.93</v>
      </c>
      <c r="C9477">
        <v>15709.1</v>
      </c>
      <c r="D9477">
        <v>2.2000000000000002</v>
      </c>
      <c r="E9477">
        <v>17564.8</v>
      </c>
      <c r="F9477">
        <v>26.796500000000002</v>
      </c>
    </row>
    <row r="9478" spans="1:6" x14ac:dyDescent="0.25">
      <c r="A9478">
        <v>153.15</v>
      </c>
      <c r="B9478">
        <v>214.93</v>
      </c>
      <c r="C9478">
        <v>15709.1</v>
      </c>
      <c r="D9478">
        <v>2.5</v>
      </c>
      <c r="E9478">
        <v>17284.099999999999</v>
      </c>
      <c r="F9478">
        <v>27.2866</v>
      </c>
    </row>
    <row r="9479" spans="1:6" x14ac:dyDescent="0.25">
      <c r="A9479">
        <v>153.15</v>
      </c>
      <c r="B9479">
        <v>214.93</v>
      </c>
      <c r="C9479">
        <v>15709.1</v>
      </c>
      <c r="D9479">
        <v>2.8</v>
      </c>
      <c r="E9479">
        <v>5678.88</v>
      </c>
      <c r="F9479">
        <v>27.008600000000001</v>
      </c>
    </row>
    <row r="9480" spans="1:6" x14ac:dyDescent="0.25">
      <c r="A9480">
        <v>153.15</v>
      </c>
      <c r="B9480">
        <v>214.93</v>
      </c>
      <c r="C9480">
        <v>15709.1</v>
      </c>
      <c r="D9480">
        <v>3.1</v>
      </c>
      <c r="E9480">
        <v>5662.21</v>
      </c>
      <c r="F9480">
        <v>26.9758</v>
      </c>
    </row>
    <row r="9481" spans="1:6" x14ac:dyDescent="0.25">
      <c r="A9481">
        <v>153.15</v>
      </c>
      <c r="B9481">
        <v>214.93</v>
      </c>
      <c r="C9481">
        <v>15709.1</v>
      </c>
      <c r="D9481">
        <v>3.4</v>
      </c>
      <c r="E9481">
        <v>5645.99</v>
      </c>
      <c r="F9481">
        <v>26.9514</v>
      </c>
    </row>
    <row r="9482" spans="1:6" x14ac:dyDescent="0.25">
      <c r="A9482">
        <v>153.15</v>
      </c>
      <c r="B9482">
        <v>214.93</v>
      </c>
      <c r="C9482">
        <v>15709.1</v>
      </c>
      <c r="D9482">
        <v>3.7</v>
      </c>
      <c r="E9482">
        <v>16603.3</v>
      </c>
      <c r="F9482">
        <v>26.9221</v>
      </c>
    </row>
    <row r="9483" spans="1:6" x14ac:dyDescent="0.25">
      <c r="A9483">
        <v>153.15</v>
      </c>
      <c r="B9483">
        <v>214.93</v>
      </c>
      <c r="C9483">
        <v>15709.1</v>
      </c>
      <c r="D9483">
        <v>4</v>
      </c>
      <c r="E9483">
        <v>16563.5</v>
      </c>
      <c r="F9483">
        <v>26.905899999999999</v>
      </c>
    </row>
    <row r="9484" spans="1:6" x14ac:dyDescent="0.25">
      <c r="A9484">
        <v>153.15</v>
      </c>
      <c r="B9484">
        <v>214.93</v>
      </c>
      <c r="C9484">
        <v>17254.5</v>
      </c>
      <c r="D9484">
        <v>1</v>
      </c>
      <c r="E9484">
        <v>20822</v>
      </c>
      <c r="F9484">
        <v>25.0593</v>
      </c>
    </row>
    <row r="9485" spans="1:6" x14ac:dyDescent="0.25">
      <c r="A9485">
        <v>153.15</v>
      </c>
      <c r="B9485">
        <v>214.93</v>
      </c>
      <c r="C9485">
        <v>17254.5</v>
      </c>
      <c r="D9485">
        <v>1.3</v>
      </c>
      <c r="E9485">
        <v>20171.8</v>
      </c>
      <c r="F9485">
        <v>25.409199999999998</v>
      </c>
    </row>
    <row r="9486" spans="1:6" x14ac:dyDescent="0.25">
      <c r="A9486">
        <v>153.15</v>
      </c>
      <c r="B9486">
        <v>214.93</v>
      </c>
      <c r="C9486">
        <v>17254.5</v>
      </c>
      <c r="D9486">
        <v>1.6</v>
      </c>
      <c r="E9486">
        <v>19744.8</v>
      </c>
      <c r="F9486">
        <v>25.502800000000001</v>
      </c>
    </row>
    <row r="9487" spans="1:6" x14ac:dyDescent="0.25">
      <c r="A9487">
        <v>153.15</v>
      </c>
      <c r="B9487">
        <v>214.93</v>
      </c>
      <c r="C9487">
        <v>17254.5</v>
      </c>
      <c r="D9487">
        <v>1.9</v>
      </c>
      <c r="E9487">
        <v>19428</v>
      </c>
      <c r="F9487">
        <v>26.246500000000001</v>
      </c>
    </row>
    <row r="9488" spans="1:6" x14ac:dyDescent="0.25">
      <c r="A9488">
        <v>153.15</v>
      </c>
      <c r="B9488">
        <v>214.93</v>
      </c>
      <c r="C9488">
        <v>17254.5</v>
      </c>
      <c r="D9488">
        <v>2.2000000000000002</v>
      </c>
      <c r="E9488">
        <v>19145.8</v>
      </c>
      <c r="F9488">
        <v>26.796500000000002</v>
      </c>
    </row>
    <row r="9489" spans="1:6" x14ac:dyDescent="0.25">
      <c r="A9489">
        <v>153.15</v>
      </c>
      <c r="B9489">
        <v>214.93</v>
      </c>
      <c r="C9489">
        <v>17254.5</v>
      </c>
      <c r="D9489">
        <v>2.5</v>
      </c>
      <c r="E9489">
        <v>18922.8</v>
      </c>
      <c r="F9489">
        <v>27.2866</v>
      </c>
    </row>
    <row r="9490" spans="1:6" x14ac:dyDescent="0.25">
      <c r="A9490">
        <v>153.15</v>
      </c>
      <c r="B9490">
        <v>214.93</v>
      </c>
      <c r="C9490">
        <v>17254.5</v>
      </c>
      <c r="D9490">
        <v>2.8</v>
      </c>
      <c r="E9490">
        <v>5678.88</v>
      </c>
      <c r="F9490">
        <v>27.008600000000001</v>
      </c>
    </row>
    <row r="9491" spans="1:6" x14ac:dyDescent="0.25">
      <c r="A9491">
        <v>153.15</v>
      </c>
      <c r="B9491">
        <v>214.93</v>
      </c>
      <c r="C9491">
        <v>17254.5</v>
      </c>
      <c r="D9491">
        <v>3.1</v>
      </c>
      <c r="E9491">
        <v>5662.21</v>
      </c>
      <c r="F9491">
        <v>26.9758</v>
      </c>
    </row>
    <row r="9492" spans="1:6" x14ac:dyDescent="0.25">
      <c r="A9492">
        <v>153.15</v>
      </c>
      <c r="B9492">
        <v>214.93</v>
      </c>
      <c r="C9492">
        <v>17254.5</v>
      </c>
      <c r="D9492">
        <v>3.4</v>
      </c>
      <c r="E9492">
        <v>5645.99</v>
      </c>
      <c r="F9492">
        <v>26.9514</v>
      </c>
    </row>
    <row r="9493" spans="1:6" x14ac:dyDescent="0.25">
      <c r="A9493">
        <v>153.15</v>
      </c>
      <c r="B9493">
        <v>214.93</v>
      </c>
      <c r="C9493">
        <v>17254.5</v>
      </c>
      <c r="D9493">
        <v>3.7</v>
      </c>
      <c r="E9493">
        <v>18109.900000000001</v>
      </c>
      <c r="F9493">
        <v>26.9221</v>
      </c>
    </row>
    <row r="9494" spans="1:6" x14ac:dyDescent="0.25">
      <c r="A9494">
        <v>153.15</v>
      </c>
      <c r="B9494">
        <v>214.93</v>
      </c>
      <c r="C9494">
        <v>17254.5</v>
      </c>
      <c r="D9494">
        <v>4</v>
      </c>
      <c r="E9494">
        <v>18188.900000000001</v>
      </c>
      <c r="F9494">
        <v>26.905899999999999</v>
      </c>
    </row>
    <row r="9495" spans="1:6" x14ac:dyDescent="0.25">
      <c r="A9495">
        <v>153.15</v>
      </c>
      <c r="B9495">
        <v>214.93</v>
      </c>
      <c r="C9495">
        <v>18800</v>
      </c>
      <c r="D9495">
        <v>1</v>
      </c>
      <c r="E9495">
        <v>22367.9</v>
      </c>
      <c r="F9495">
        <v>25.0593</v>
      </c>
    </row>
    <row r="9496" spans="1:6" x14ac:dyDescent="0.25">
      <c r="A9496">
        <v>153.15</v>
      </c>
      <c r="B9496">
        <v>214.93</v>
      </c>
      <c r="C9496">
        <v>18800</v>
      </c>
      <c r="D9496">
        <v>1.3</v>
      </c>
      <c r="E9496">
        <v>21533.3</v>
      </c>
      <c r="F9496">
        <v>25.409199999999998</v>
      </c>
    </row>
    <row r="9497" spans="1:6" x14ac:dyDescent="0.25">
      <c r="A9497">
        <v>153.15</v>
      </c>
      <c r="B9497">
        <v>214.93</v>
      </c>
      <c r="C9497">
        <v>18800</v>
      </c>
      <c r="D9497">
        <v>1.6</v>
      </c>
      <c r="E9497">
        <v>21307.9</v>
      </c>
      <c r="F9497">
        <v>25.502800000000001</v>
      </c>
    </row>
    <row r="9498" spans="1:6" x14ac:dyDescent="0.25">
      <c r="A9498">
        <v>153.15</v>
      </c>
      <c r="B9498">
        <v>214.93</v>
      </c>
      <c r="C9498">
        <v>18800</v>
      </c>
      <c r="D9498">
        <v>1.9</v>
      </c>
      <c r="E9498">
        <v>20787.900000000001</v>
      </c>
      <c r="F9498">
        <v>26.246500000000001</v>
      </c>
    </row>
    <row r="9499" spans="1:6" x14ac:dyDescent="0.25">
      <c r="A9499">
        <v>153.15</v>
      </c>
      <c r="B9499">
        <v>214.93</v>
      </c>
      <c r="C9499">
        <v>18800</v>
      </c>
      <c r="D9499">
        <v>2.2000000000000002</v>
      </c>
      <c r="E9499">
        <v>20582.8</v>
      </c>
      <c r="F9499">
        <v>26.796500000000002</v>
      </c>
    </row>
    <row r="9500" spans="1:6" x14ac:dyDescent="0.25">
      <c r="A9500">
        <v>153.15</v>
      </c>
      <c r="B9500">
        <v>214.93</v>
      </c>
      <c r="C9500">
        <v>18800</v>
      </c>
      <c r="D9500">
        <v>2.5</v>
      </c>
      <c r="E9500">
        <v>20469.400000000001</v>
      </c>
      <c r="F9500">
        <v>27.2866</v>
      </c>
    </row>
    <row r="9501" spans="1:6" x14ac:dyDescent="0.25">
      <c r="A9501">
        <v>153.15</v>
      </c>
      <c r="B9501">
        <v>214.93</v>
      </c>
      <c r="C9501">
        <v>18800</v>
      </c>
      <c r="D9501">
        <v>2.8</v>
      </c>
      <c r="E9501">
        <v>5678.88</v>
      </c>
      <c r="F9501">
        <v>27.008600000000001</v>
      </c>
    </row>
    <row r="9502" spans="1:6" x14ac:dyDescent="0.25">
      <c r="A9502">
        <v>153.15</v>
      </c>
      <c r="B9502">
        <v>214.93</v>
      </c>
      <c r="C9502">
        <v>18800</v>
      </c>
      <c r="D9502">
        <v>3.1</v>
      </c>
      <c r="E9502">
        <v>5662.21</v>
      </c>
      <c r="F9502">
        <v>26.9758</v>
      </c>
    </row>
    <row r="9503" spans="1:6" x14ac:dyDescent="0.25">
      <c r="A9503">
        <v>153.15</v>
      </c>
      <c r="B9503">
        <v>214.93</v>
      </c>
      <c r="C9503">
        <v>18800</v>
      </c>
      <c r="D9503">
        <v>3.4</v>
      </c>
      <c r="E9503">
        <v>5645.99</v>
      </c>
      <c r="F9503">
        <v>26.9514</v>
      </c>
    </row>
    <row r="9504" spans="1:6" x14ac:dyDescent="0.25">
      <c r="A9504">
        <v>153.15</v>
      </c>
      <c r="B9504">
        <v>214.93</v>
      </c>
      <c r="C9504">
        <v>18800</v>
      </c>
      <c r="D9504">
        <v>3.7</v>
      </c>
      <c r="E9504">
        <v>19705.3</v>
      </c>
      <c r="F9504">
        <v>26.9221</v>
      </c>
    </row>
    <row r="9505" spans="1:6" x14ac:dyDescent="0.25">
      <c r="A9505">
        <v>153.15</v>
      </c>
      <c r="B9505">
        <v>214.93</v>
      </c>
      <c r="C9505">
        <v>18800</v>
      </c>
      <c r="D9505">
        <v>4</v>
      </c>
      <c r="E9505">
        <v>19754</v>
      </c>
      <c r="F9505">
        <v>26.905899999999999</v>
      </c>
    </row>
    <row r="9506" spans="1:6" x14ac:dyDescent="0.25">
      <c r="A9506">
        <v>156.78</v>
      </c>
      <c r="B9506">
        <v>175</v>
      </c>
      <c r="C9506">
        <v>1800</v>
      </c>
      <c r="D9506">
        <v>1</v>
      </c>
      <c r="E9506">
        <v>5359.03</v>
      </c>
      <c r="F9506">
        <v>37.424100000000003</v>
      </c>
    </row>
    <row r="9507" spans="1:6" x14ac:dyDescent="0.25">
      <c r="A9507">
        <v>156.78</v>
      </c>
      <c r="B9507">
        <v>175</v>
      </c>
      <c r="C9507">
        <v>1800</v>
      </c>
      <c r="D9507">
        <v>1.3</v>
      </c>
      <c r="E9507">
        <v>4986.3100000000004</v>
      </c>
      <c r="F9507">
        <v>46.879800000000003</v>
      </c>
    </row>
    <row r="9508" spans="1:6" x14ac:dyDescent="0.25">
      <c r="A9508">
        <v>156.78</v>
      </c>
      <c r="B9508">
        <v>175</v>
      </c>
      <c r="C9508">
        <v>1800</v>
      </c>
      <c r="D9508">
        <v>1.6</v>
      </c>
      <c r="E9508">
        <v>4570.97</v>
      </c>
      <c r="F9508">
        <v>55.989699999999999</v>
      </c>
    </row>
    <row r="9509" spans="1:6" x14ac:dyDescent="0.25">
      <c r="A9509">
        <v>156.78</v>
      </c>
      <c r="B9509">
        <v>175</v>
      </c>
      <c r="C9509">
        <v>1800</v>
      </c>
      <c r="D9509">
        <v>1.9</v>
      </c>
      <c r="E9509">
        <v>4416.7</v>
      </c>
      <c r="F9509">
        <v>64.628399999999999</v>
      </c>
    </row>
    <row r="9510" spans="1:6" x14ac:dyDescent="0.25">
      <c r="A9510">
        <v>156.78</v>
      </c>
      <c r="B9510">
        <v>175</v>
      </c>
      <c r="C9510">
        <v>1800</v>
      </c>
      <c r="D9510">
        <v>2.2000000000000002</v>
      </c>
      <c r="E9510">
        <v>4309.1899999999996</v>
      </c>
      <c r="F9510">
        <v>70.619600000000005</v>
      </c>
    </row>
    <row r="9511" spans="1:6" x14ac:dyDescent="0.25">
      <c r="A9511">
        <v>156.78</v>
      </c>
      <c r="B9511">
        <v>175</v>
      </c>
      <c r="C9511">
        <v>1800</v>
      </c>
      <c r="D9511">
        <v>2.5</v>
      </c>
      <c r="E9511">
        <v>4067.39</v>
      </c>
      <c r="F9511">
        <v>74.711200000000005</v>
      </c>
    </row>
    <row r="9512" spans="1:6" x14ac:dyDescent="0.25">
      <c r="A9512">
        <v>156.78</v>
      </c>
      <c r="B9512">
        <v>175</v>
      </c>
      <c r="C9512">
        <v>1800</v>
      </c>
      <c r="D9512">
        <v>2.8</v>
      </c>
      <c r="E9512">
        <v>4012.56</v>
      </c>
      <c r="F9512">
        <v>75.621399999999994</v>
      </c>
    </row>
    <row r="9513" spans="1:6" x14ac:dyDescent="0.25">
      <c r="A9513">
        <v>156.78</v>
      </c>
      <c r="B9513">
        <v>175</v>
      </c>
      <c r="C9513">
        <v>1800</v>
      </c>
      <c r="D9513">
        <v>3.1</v>
      </c>
      <c r="E9513">
        <v>4018.9</v>
      </c>
      <c r="F9513">
        <v>76.8125</v>
      </c>
    </row>
    <row r="9514" spans="1:6" x14ac:dyDescent="0.25">
      <c r="A9514">
        <v>156.78</v>
      </c>
      <c r="B9514">
        <v>175</v>
      </c>
      <c r="C9514">
        <v>1800</v>
      </c>
      <c r="D9514">
        <v>3.4</v>
      </c>
      <c r="E9514">
        <v>3923.36</v>
      </c>
      <c r="F9514">
        <v>78.921899999999994</v>
      </c>
    </row>
    <row r="9515" spans="1:6" x14ac:dyDescent="0.25">
      <c r="A9515">
        <v>156.78</v>
      </c>
      <c r="B9515">
        <v>175</v>
      </c>
      <c r="C9515">
        <v>1800</v>
      </c>
      <c r="D9515">
        <v>3.7</v>
      </c>
      <c r="E9515">
        <v>3793.15</v>
      </c>
      <c r="F9515">
        <v>80.741</v>
      </c>
    </row>
    <row r="9516" spans="1:6" x14ac:dyDescent="0.25">
      <c r="A9516">
        <v>156.78</v>
      </c>
      <c r="B9516">
        <v>175</v>
      </c>
      <c r="C9516">
        <v>1800</v>
      </c>
      <c r="D9516">
        <v>4</v>
      </c>
      <c r="E9516">
        <v>3832.16</v>
      </c>
      <c r="F9516">
        <v>82.501999999999995</v>
      </c>
    </row>
    <row r="9517" spans="1:6" x14ac:dyDescent="0.25">
      <c r="A9517">
        <v>156.78</v>
      </c>
      <c r="B9517">
        <v>175</v>
      </c>
      <c r="C9517">
        <v>3345.45</v>
      </c>
      <c r="D9517">
        <v>1</v>
      </c>
      <c r="E9517">
        <v>7137.26</v>
      </c>
      <c r="F9517">
        <v>21.537299999999998</v>
      </c>
    </row>
    <row r="9518" spans="1:6" x14ac:dyDescent="0.25">
      <c r="A9518">
        <v>156.78</v>
      </c>
      <c r="B9518">
        <v>175</v>
      </c>
      <c r="C9518">
        <v>3345.45</v>
      </c>
      <c r="D9518">
        <v>1.3</v>
      </c>
      <c r="E9518">
        <v>6087.64</v>
      </c>
      <c r="F9518">
        <v>23.681100000000001</v>
      </c>
    </row>
    <row r="9519" spans="1:6" x14ac:dyDescent="0.25">
      <c r="A9519">
        <v>156.78</v>
      </c>
      <c r="B9519">
        <v>175</v>
      </c>
      <c r="C9519">
        <v>3345.45</v>
      </c>
      <c r="D9519">
        <v>1.6</v>
      </c>
      <c r="E9519">
        <v>5632.47</v>
      </c>
      <c r="F9519">
        <v>23.314900000000002</v>
      </c>
    </row>
    <row r="9520" spans="1:6" x14ac:dyDescent="0.25">
      <c r="A9520">
        <v>156.78</v>
      </c>
      <c r="B9520">
        <v>175</v>
      </c>
      <c r="C9520">
        <v>3345.45</v>
      </c>
      <c r="D9520">
        <v>1.9</v>
      </c>
      <c r="E9520">
        <v>5385.57</v>
      </c>
      <c r="F9520">
        <v>34.7089</v>
      </c>
    </row>
    <row r="9521" spans="1:6" x14ac:dyDescent="0.25">
      <c r="A9521">
        <v>156.78</v>
      </c>
      <c r="B9521">
        <v>175</v>
      </c>
      <c r="C9521">
        <v>3345.45</v>
      </c>
      <c r="D9521">
        <v>2.2000000000000002</v>
      </c>
      <c r="E9521">
        <v>5333.26</v>
      </c>
      <c r="F9521">
        <v>33.927199999999999</v>
      </c>
    </row>
    <row r="9522" spans="1:6" x14ac:dyDescent="0.25">
      <c r="A9522">
        <v>156.78</v>
      </c>
      <c r="B9522">
        <v>175</v>
      </c>
      <c r="C9522">
        <v>3345.45</v>
      </c>
      <c r="D9522">
        <v>2.5</v>
      </c>
      <c r="E9522">
        <v>5102.12</v>
      </c>
      <c r="F9522">
        <v>26.7746</v>
      </c>
    </row>
    <row r="9523" spans="1:6" x14ac:dyDescent="0.25">
      <c r="A9523">
        <v>156.78</v>
      </c>
      <c r="B9523">
        <v>175</v>
      </c>
      <c r="C9523">
        <v>3345.45</v>
      </c>
      <c r="D9523">
        <v>2.8</v>
      </c>
      <c r="E9523">
        <v>5150.07</v>
      </c>
      <c r="F9523">
        <v>23.9085</v>
      </c>
    </row>
    <row r="9524" spans="1:6" x14ac:dyDescent="0.25">
      <c r="A9524">
        <v>156.78</v>
      </c>
      <c r="B9524">
        <v>175</v>
      </c>
      <c r="C9524">
        <v>3345.45</v>
      </c>
      <c r="D9524">
        <v>3.1</v>
      </c>
      <c r="E9524">
        <v>4875.08</v>
      </c>
      <c r="F9524">
        <v>24.598500000000001</v>
      </c>
    </row>
    <row r="9525" spans="1:6" x14ac:dyDescent="0.25">
      <c r="A9525">
        <v>156.78</v>
      </c>
      <c r="B9525">
        <v>175</v>
      </c>
      <c r="C9525">
        <v>3345.45</v>
      </c>
      <c r="D9525">
        <v>3.4</v>
      </c>
      <c r="E9525">
        <v>4779.8999999999996</v>
      </c>
      <c r="F9525">
        <v>25.174499999999998</v>
      </c>
    </row>
    <row r="9526" spans="1:6" x14ac:dyDescent="0.25">
      <c r="A9526">
        <v>156.78</v>
      </c>
      <c r="B9526">
        <v>175</v>
      </c>
      <c r="C9526">
        <v>3345.45</v>
      </c>
      <c r="D9526">
        <v>3.7</v>
      </c>
      <c r="E9526">
        <v>4828.42</v>
      </c>
      <c r="F9526">
        <v>25.607199999999999</v>
      </c>
    </row>
    <row r="9527" spans="1:6" x14ac:dyDescent="0.25">
      <c r="A9527">
        <v>156.78</v>
      </c>
      <c r="B9527">
        <v>175</v>
      </c>
      <c r="C9527">
        <v>3345.45</v>
      </c>
      <c r="D9527">
        <v>4</v>
      </c>
      <c r="E9527">
        <v>4647.01</v>
      </c>
      <c r="F9527">
        <v>35.855600000000003</v>
      </c>
    </row>
    <row r="9528" spans="1:6" x14ac:dyDescent="0.25">
      <c r="A9528">
        <v>156.78</v>
      </c>
      <c r="B9528">
        <v>175</v>
      </c>
      <c r="C9528">
        <v>4890.8999999999996</v>
      </c>
      <c r="D9528">
        <v>1</v>
      </c>
      <c r="E9528">
        <v>6038.15</v>
      </c>
      <c r="F9528">
        <v>28.927499999999998</v>
      </c>
    </row>
    <row r="9529" spans="1:6" x14ac:dyDescent="0.25">
      <c r="A9529">
        <v>156.78</v>
      </c>
      <c r="B9529">
        <v>175</v>
      </c>
      <c r="C9529">
        <v>4890.8999999999996</v>
      </c>
      <c r="D9529">
        <v>1.3</v>
      </c>
      <c r="E9529">
        <v>7689.17</v>
      </c>
      <c r="F9529">
        <v>23.514800000000001</v>
      </c>
    </row>
    <row r="9530" spans="1:6" x14ac:dyDescent="0.25">
      <c r="A9530">
        <v>156.78</v>
      </c>
      <c r="B9530">
        <v>175</v>
      </c>
      <c r="C9530">
        <v>4890.8999999999996</v>
      </c>
      <c r="D9530">
        <v>1.6</v>
      </c>
      <c r="E9530">
        <v>5325.73</v>
      </c>
      <c r="F9530">
        <v>30.8367</v>
      </c>
    </row>
    <row r="9531" spans="1:6" x14ac:dyDescent="0.25">
      <c r="A9531">
        <v>156.78</v>
      </c>
      <c r="B9531">
        <v>175</v>
      </c>
      <c r="C9531">
        <v>4890.8999999999996</v>
      </c>
      <c r="D9531">
        <v>1.9</v>
      </c>
      <c r="E9531">
        <v>7166.21</v>
      </c>
      <c r="F9531">
        <v>34.7089</v>
      </c>
    </row>
    <row r="9532" spans="1:6" x14ac:dyDescent="0.25">
      <c r="A9532">
        <v>156.78</v>
      </c>
      <c r="B9532">
        <v>175</v>
      </c>
      <c r="C9532">
        <v>4890.8999999999996</v>
      </c>
      <c r="D9532">
        <v>2.2000000000000002</v>
      </c>
      <c r="E9532">
        <v>6873.61</v>
      </c>
      <c r="F9532">
        <v>34.403599999999997</v>
      </c>
    </row>
    <row r="9533" spans="1:6" x14ac:dyDescent="0.25">
      <c r="A9533">
        <v>156.78</v>
      </c>
      <c r="B9533">
        <v>175</v>
      </c>
      <c r="C9533">
        <v>4890.8999999999996</v>
      </c>
      <c r="D9533">
        <v>2.5</v>
      </c>
      <c r="E9533">
        <v>6691.18</v>
      </c>
      <c r="F9533">
        <v>33.310899999999997</v>
      </c>
    </row>
    <row r="9534" spans="1:6" x14ac:dyDescent="0.25">
      <c r="A9534">
        <v>156.78</v>
      </c>
      <c r="B9534">
        <v>175</v>
      </c>
      <c r="C9534">
        <v>4890.8999999999996</v>
      </c>
      <c r="D9534">
        <v>2.8</v>
      </c>
      <c r="E9534">
        <v>6464.66</v>
      </c>
      <c r="F9534">
        <v>32.041699999999999</v>
      </c>
    </row>
    <row r="9535" spans="1:6" x14ac:dyDescent="0.25">
      <c r="A9535">
        <v>156.78</v>
      </c>
      <c r="B9535">
        <v>175</v>
      </c>
      <c r="C9535">
        <v>4890.8999999999996</v>
      </c>
      <c r="D9535">
        <v>3.1</v>
      </c>
      <c r="E9535">
        <v>6191.65</v>
      </c>
      <c r="F9535">
        <v>32.408900000000003</v>
      </c>
    </row>
    <row r="9536" spans="1:6" x14ac:dyDescent="0.25">
      <c r="A9536">
        <v>156.78</v>
      </c>
      <c r="B9536">
        <v>175</v>
      </c>
      <c r="C9536">
        <v>4890.8999999999996</v>
      </c>
      <c r="D9536">
        <v>3.4</v>
      </c>
      <c r="E9536">
        <v>6170.4</v>
      </c>
      <c r="F9536">
        <v>32.668500000000002</v>
      </c>
    </row>
    <row r="9537" spans="1:6" x14ac:dyDescent="0.25">
      <c r="A9537">
        <v>156.78</v>
      </c>
      <c r="B9537">
        <v>175</v>
      </c>
      <c r="C9537">
        <v>4890.8999999999996</v>
      </c>
      <c r="D9537">
        <v>3.7</v>
      </c>
      <c r="E9537">
        <v>6121.8</v>
      </c>
      <c r="F9537">
        <v>32.835799999999999</v>
      </c>
    </row>
    <row r="9538" spans="1:6" x14ac:dyDescent="0.25">
      <c r="A9538">
        <v>156.78</v>
      </c>
      <c r="B9538">
        <v>175</v>
      </c>
      <c r="C9538">
        <v>4890.8999999999996</v>
      </c>
      <c r="D9538">
        <v>4</v>
      </c>
      <c r="E9538">
        <v>6302.6</v>
      </c>
      <c r="F9538">
        <v>37.009399999999999</v>
      </c>
    </row>
    <row r="9539" spans="1:6" x14ac:dyDescent="0.25">
      <c r="A9539">
        <v>156.78</v>
      </c>
      <c r="B9539">
        <v>175</v>
      </c>
      <c r="C9539">
        <v>6436.35</v>
      </c>
      <c r="D9539">
        <v>1</v>
      </c>
      <c r="E9539">
        <v>6038.15</v>
      </c>
      <c r="F9539">
        <v>28.927499999999998</v>
      </c>
    </row>
    <row r="9540" spans="1:6" x14ac:dyDescent="0.25">
      <c r="A9540">
        <v>156.78</v>
      </c>
      <c r="B9540">
        <v>175</v>
      </c>
      <c r="C9540">
        <v>6436.35</v>
      </c>
      <c r="D9540">
        <v>1.3</v>
      </c>
      <c r="E9540">
        <v>9472.58</v>
      </c>
      <c r="F9540">
        <v>23.514800000000001</v>
      </c>
    </row>
    <row r="9541" spans="1:6" x14ac:dyDescent="0.25">
      <c r="A9541">
        <v>156.78</v>
      </c>
      <c r="B9541">
        <v>175</v>
      </c>
      <c r="C9541">
        <v>6436.35</v>
      </c>
      <c r="D9541">
        <v>1.6</v>
      </c>
      <c r="E9541">
        <v>5325.73</v>
      </c>
      <c r="F9541">
        <v>30.8367</v>
      </c>
    </row>
    <row r="9542" spans="1:6" x14ac:dyDescent="0.25">
      <c r="A9542">
        <v>156.78</v>
      </c>
      <c r="B9542">
        <v>175</v>
      </c>
      <c r="C9542">
        <v>6436.35</v>
      </c>
      <c r="D9542">
        <v>1.9</v>
      </c>
      <c r="E9542">
        <v>8487.81</v>
      </c>
      <c r="F9542">
        <v>34.7089</v>
      </c>
    </row>
    <row r="9543" spans="1:6" x14ac:dyDescent="0.25">
      <c r="A9543">
        <v>156.78</v>
      </c>
      <c r="B9543">
        <v>175</v>
      </c>
      <c r="C9543">
        <v>6436.35</v>
      </c>
      <c r="D9543">
        <v>2.2000000000000002</v>
      </c>
      <c r="E9543">
        <v>8428.34</v>
      </c>
      <c r="F9543">
        <v>34.403599999999997</v>
      </c>
    </row>
    <row r="9544" spans="1:6" x14ac:dyDescent="0.25">
      <c r="A9544">
        <v>156.78</v>
      </c>
      <c r="B9544">
        <v>175</v>
      </c>
      <c r="C9544">
        <v>6436.35</v>
      </c>
      <c r="D9544">
        <v>2.5</v>
      </c>
      <c r="E9544">
        <v>8183.67</v>
      </c>
      <c r="F9544">
        <v>33.310899999999997</v>
      </c>
    </row>
    <row r="9545" spans="1:6" x14ac:dyDescent="0.25">
      <c r="A9545">
        <v>156.78</v>
      </c>
      <c r="B9545">
        <v>175</v>
      </c>
      <c r="C9545">
        <v>6436.35</v>
      </c>
      <c r="D9545">
        <v>2.8</v>
      </c>
      <c r="E9545">
        <v>7899.15</v>
      </c>
      <c r="F9545">
        <v>32.041699999999999</v>
      </c>
    </row>
    <row r="9546" spans="1:6" x14ac:dyDescent="0.25">
      <c r="A9546">
        <v>156.78</v>
      </c>
      <c r="B9546">
        <v>175</v>
      </c>
      <c r="C9546">
        <v>6436.35</v>
      </c>
      <c r="D9546">
        <v>3.1</v>
      </c>
      <c r="E9546">
        <v>7807.66</v>
      </c>
      <c r="F9546">
        <v>32.408900000000003</v>
      </c>
    </row>
    <row r="9547" spans="1:6" x14ac:dyDescent="0.25">
      <c r="A9547">
        <v>156.78</v>
      </c>
      <c r="B9547">
        <v>175</v>
      </c>
      <c r="C9547">
        <v>6436.35</v>
      </c>
      <c r="D9547">
        <v>3.4</v>
      </c>
      <c r="E9547">
        <v>7714.74</v>
      </c>
      <c r="F9547">
        <v>32.668500000000002</v>
      </c>
    </row>
    <row r="9548" spans="1:6" x14ac:dyDescent="0.25">
      <c r="A9548">
        <v>156.78</v>
      </c>
      <c r="B9548">
        <v>175</v>
      </c>
      <c r="C9548">
        <v>6436.35</v>
      </c>
      <c r="D9548">
        <v>3.7</v>
      </c>
      <c r="E9548">
        <v>7620.87</v>
      </c>
      <c r="F9548">
        <v>32.835799999999999</v>
      </c>
    </row>
    <row r="9549" spans="1:6" x14ac:dyDescent="0.25">
      <c r="A9549">
        <v>156.78</v>
      </c>
      <c r="B9549">
        <v>175</v>
      </c>
      <c r="C9549">
        <v>6436.35</v>
      </c>
      <c r="D9549">
        <v>4</v>
      </c>
      <c r="E9549">
        <v>7738.7</v>
      </c>
      <c r="F9549">
        <v>37.009399999999999</v>
      </c>
    </row>
    <row r="9550" spans="1:6" x14ac:dyDescent="0.25">
      <c r="A9550">
        <v>156.78</v>
      </c>
      <c r="B9550">
        <v>175</v>
      </c>
      <c r="C9550">
        <v>7981.8</v>
      </c>
      <c r="D9550">
        <v>1</v>
      </c>
      <c r="E9550">
        <v>6038.15</v>
      </c>
      <c r="F9550">
        <v>28.927499999999998</v>
      </c>
    </row>
    <row r="9551" spans="1:6" x14ac:dyDescent="0.25">
      <c r="A9551">
        <v>156.78</v>
      </c>
      <c r="B9551">
        <v>175</v>
      </c>
      <c r="C9551">
        <v>7981.8</v>
      </c>
      <c r="D9551">
        <v>1.3</v>
      </c>
      <c r="E9551">
        <v>10750.2</v>
      </c>
      <c r="F9551">
        <v>23.514800000000001</v>
      </c>
    </row>
    <row r="9552" spans="1:6" x14ac:dyDescent="0.25">
      <c r="A9552">
        <v>156.78</v>
      </c>
      <c r="B9552">
        <v>175</v>
      </c>
      <c r="C9552">
        <v>7981.8</v>
      </c>
      <c r="D9552">
        <v>1.6</v>
      </c>
      <c r="E9552">
        <v>5325.73</v>
      </c>
      <c r="F9552">
        <v>30.8367</v>
      </c>
    </row>
    <row r="9553" spans="1:6" x14ac:dyDescent="0.25">
      <c r="A9553">
        <v>156.78</v>
      </c>
      <c r="B9553">
        <v>175</v>
      </c>
      <c r="C9553">
        <v>7981.8</v>
      </c>
      <c r="D9553">
        <v>1.9</v>
      </c>
      <c r="E9553">
        <v>9934.56</v>
      </c>
      <c r="F9553">
        <v>34.7089</v>
      </c>
    </row>
    <row r="9554" spans="1:6" x14ac:dyDescent="0.25">
      <c r="A9554">
        <v>156.78</v>
      </c>
      <c r="B9554">
        <v>175</v>
      </c>
      <c r="C9554">
        <v>7981.8</v>
      </c>
      <c r="D9554">
        <v>2.2000000000000002</v>
      </c>
      <c r="E9554">
        <v>9958.2000000000007</v>
      </c>
      <c r="F9554">
        <v>34.403599999999997</v>
      </c>
    </row>
    <row r="9555" spans="1:6" x14ac:dyDescent="0.25">
      <c r="A9555">
        <v>156.78</v>
      </c>
      <c r="B9555">
        <v>175</v>
      </c>
      <c r="C9555">
        <v>7981.8</v>
      </c>
      <c r="D9555">
        <v>2.5</v>
      </c>
      <c r="E9555">
        <v>9648.17</v>
      </c>
      <c r="F9555">
        <v>33.310899999999997</v>
      </c>
    </row>
    <row r="9556" spans="1:6" x14ac:dyDescent="0.25">
      <c r="A9556">
        <v>156.78</v>
      </c>
      <c r="B9556">
        <v>175</v>
      </c>
      <c r="C9556">
        <v>7981.8</v>
      </c>
      <c r="D9556">
        <v>2.8</v>
      </c>
      <c r="E9556">
        <v>9563.2199999999993</v>
      </c>
      <c r="F9556">
        <v>32.041699999999999</v>
      </c>
    </row>
    <row r="9557" spans="1:6" x14ac:dyDescent="0.25">
      <c r="A9557">
        <v>156.78</v>
      </c>
      <c r="B9557">
        <v>175</v>
      </c>
      <c r="C9557">
        <v>7981.8</v>
      </c>
      <c r="D9557">
        <v>3.1</v>
      </c>
      <c r="E9557">
        <v>9441.18</v>
      </c>
      <c r="F9557">
        <v>32.408900000000003</v>
      </c>
    </row>
    <row r="9558" spans="1:6" x14ac:dyDescent="0.25">
      <c r="A9558">
        <v>156.78</v>
      </c>
      <c r="B9558">
        <v>175</v>
      </c>
      <c r="C9558">
        <v>7981.8</v>
      </c>
      <c r="D9558">
        <v>3.4</v>
      </c>
      <c r="E9558">
        <v>9304.73</v>
      </c>
      <c r="F9558">
        <v>32.668500000000002</v>
      </c>
    </row>
    <row r="9559" spans="1:6" x14ac:dyDescent="0.25">
      <c r="A9559">
        <v>156.78</v>
      </c>
      <c r="B9559">
        <v>175</v>
      </c>
      <c r="C9559">
        <v>7981.8</v>
      </c>
      <c r="D9559">
        <v>3.7</v>
      </c>
      <c r="E9559">
        <v>9178.58</v>
      </c>
      <c r="F9559">
        <v>32.835799999999999</v>
      </c>
    </row>
    <row r="9560" spans="1:6" x14ac:dyDescent="0.25">
      <c r="A9560">
        <v>156.78</v>
      </c>
      <c r="B9560">
        <v>175</v>
      </c>
      <c r="C9560">
        <v>7981.8</v>
      </c>
      <c r="D9560">
        <v>4</v>
      </c>
      <c r="E9560">
        <v>9131.61</v>
      </c>
      <c r="F9560">
        <v>37.009399999999999</v>
      </c>
    </row>
    <row r="9561" spans="1:6" x14ac:dyDescent="0.25">
      <c r="A9561">
        <v>156.78</v>
      </c>
      <c r="B9561">
        <v>175</v>
      </c>
      <c r="C9561">
        <v>9527.25</v>
      </c>
      <c r="D9561">
        <v>1</v>
      </c>
      <c r="E9561">
        <v>6038.15</v>
      </c>
      <c r="F9561">
        <v>28.927499999999998</v>
      </c>
    </row>
    <row r="9562" spans="1:6" x14ac:dyDescent="0.25">
      <c r="A9562">
        <v>156.78</v>
      </c>
      <c r="B9562">
        <v>175</v>
      </c>
      <c r="C9562">
        <v>9527.25</v>
      </c>
      <c r="D9562">
        <v>1.3</v>
      </c>
      <c r="E9562">
        <v>12322.4</v>
      </c>
      <c r="F9562">
        <v>23.514800000000001</v>
      </c>
    </row>
    <row r="9563" spans="1:6" x14ac:dyDescent="0.25">
      <c r="A9563">
        <v>156.78</v>
      </c>
      <c r="B9563">
        <v>175</v>
      </c>
      <c r="C9563">
        <v>9527.25</v>
      </c>
      <c r="D9563">
        <v>1.6</v>
      </c>
      <c r="E9563">
        <v>5325.73</v>
      </c>
      <c r="F9563">
        <v>30.8367</v>
      </c>
    </row>
    <row r="9564" spans="1:6" x14ac:dyDescent="0.25">
      <c r="A9564">
        <v>156.78</v>
      </c>
      <c r="B9564">
        <v>175</v>
      </c>
      <c r="C9564">
        <v>9527.25</v>
      </c>
      <c r="D9564">
        <v>1.9</v>
      </c>
      <c r="E9564">
        <v>11588.1</v>
      </c>
      <c r="F9564">
        <v>34.7089</v>
      </c>
    </row>
    <row r="9565" spans="1:6" x14ac:dyDescent="0.25">
      <c r="A9565">
        <v>156.78</v>
      </c>
      <c r="B9565">
        <v>175</v>
      </c>
      <c r="C9565">
        <v>9527.25</v>
      </c>
      <c r="D9565">
        <v>2.2000000000000002</v>
      </c>
      <c r="E9565">
        <v>11288</v>
      </c>
      <c r="F9565">
        <v>34.403599999999997</v>
      </c>
    </row>
    <row r="9566" spans="1:6" x14ac:dyDescent="0.25">
      <c r="A9566">
        <v>156.78</v>
      </c>
      <c r="B9566">
        <v>175</v>
      </c>
      <c r="C9566">
        <v>9527.25</v>
      </c>
      <c r="D9566">
        <v>2.5</v>
      </c>
      <c r="E9566">
        <v>11235.8</v>
      </c>
      <c r="F9566">
        <v>33.310899999999997</v>
      </c>
    </row>
    <row r="9567" spans="1:6" x14ac:dyDescent="0.25">
      <c r="A9567">
        <v>156.78</v>
      </c>
      <c r="B9567">
        <v>175</v>
      </c>
      <c r="C9567">
        <v>9527.25</v>
      </c>
      <c r="D9567">
        <v>2.8</v>
      </c>
      <c r="E9567">
        <v>11139.2</v>
      </c>
      <c r="F9567">
        <v>32.041699999999999</v>
      </c>
    </row>
    <row r="9568" spans="1:6" x14ac:dyDescent="0.25">
      <c r="A9568">
        <v>156.78</v>
      </c>
      <c r="B9568">
        <v>175</v>
      </c>
      <c r="C9568">
        <v>9527.25</v>
      </c>
      <c r="D9568">
        <v>3.1</v>
      </c>
      <c r="E9568">
        <v>10762.7</v>
      </c>
      <c r="F9568">
        <v>32.408900000000003</v>
      </c>
    </row>
    <row r="9569" spans="1:6" x14ac:dyDescent="0.25">
      <c r="A9569">
        <v>156.78</v>
      </c>
      <c r="B9569">
        <v>175</v>
      </c>
      <c r="C9569">
        <v>9527.25</v>
      </c>
      <c r="D9569">
        <v>3.4</v>
      </c>
      <c r="E9569">
        <v>10643.8</v>
      </c>
      <c r="F9569">
        <v>32.668500000000002</v>
      </c>
    </row>
    <row r="9570" spans="1:6" x14ac:dyDescent="0.25">
      <c r="A9570">
        <v>156.78</v>
      </c>
      <c r="B9570">
        <v>175</v>
      </c>
      <c r="C9570">
        <v>9527.25</v>
      </c>
      <c r="D9570">
        <v>3.7</v>
      </c>
      <c r="E9570">
        <v>10724.5</v>
      </c>
      <c r="F9570">
        <v>32.835799999999999</v>
      </c>
    </row>
    <row r="9571" spans="1:6" x14ac:dyDescent="0.25">
      <c r="A9571">
        <v>156.78</v>
      </c>
      <c r="B9571">
        <v>175</v>
      </c>
      <c r="C9571">
        <v>9527.25</v>
      </c>
      <c r="D9571">
        <v>4</v>
      </c>
      <c r="E9571">
        <v>10707.7</v>
      </c>
      <c r="F9571">
        <v>37.009399999999999</v>
      </c>
    </row>
    <row r="9572" spans="1:6" x14ac:dyDescent="0.25">
      <c r="A9572">
        <v>156.78</v>
      </c>
      <c r="B9572">
        <v>175</v>
      </c>
      <c r="C9572">
        <v>11072.7</v>
      </c>
      <c r="D9572">
        <v>1</v>
      </c>
      <c r="E9572">
        <v>6038.15</v>
      </c>
      <c r="F9572">
        <v>28.927499999999998</v>
      </c>
    </row>
    <row r="9573" spans="1:6" x14ac:dyDescent="0.25">
      <c r="A9573">
        <v>156.78</v>
      </c>
      <c r="B9573">
        <v>175</v>
      </c>
      <c r="C9573">
        <v>11072.7</v>
      </c>
      <c r="D9573">
        <v>1.3</v>
      </c>
      <c r="E9573">
        <v>13822.2</v>
      </c>
      <c r="F9573">
        <v>23.514800000000001</v>
      </c>
    </row>
    <row r="9574" spans="1:6" x14ac:dyDescent="0.25">
      <c r="A9574">
        <v>156.78</v>
      </c>
      <c r="B9574">
        <v>175</v>
      </c>
      <c r="C9574">
        <v>11072.7</v>
      </c>
      <c r="D9574">
        <v>1.6</v>
      </c>
      <c r="E9574">
        <v>5325.73</v>
      </c>
      <c r="F9574">
        <v>30.8367</v>
      </c>
    </row>
    <row r="9575" spans="1:6" x14ac:dyDescent="0.25">
      <c r="A9575">
        <v>156.78</v>
      </c>
      <c r="B9575">
        <v>175</v>
      </c>
      <c r="C9575">
        <v>11072.7</v>
      </c>
      <c r="D9575">
        <v>1.9</v>
      </c>
      <c r="E9575">
        <v>13044.4</v>
      </c>
      <c r="F9575">
        <v>34.7089</v>
      </c>
    </row>
    <row r="9576" spans="1:6" x14ac:dyDescent="0.25">
      <c r="A9576">
        <v>156.78</v>
      </c>
      <c r="B9576">
        <v>175</v>
      </c>
      <c r="C9576">
        <v>11072.7</v>
      </c>
      <c r="D9576">
        <v>2.2000000000000002</v>
      </c>
      <c r="E9576">
        <v>12873.1</v>
      </c>
      <c r="F9576">
        <v>34.403599999999997</v>
      </c>
    </row>
    <row r="9577" spans="1:6" x14ac:dyDescent="0.25">
      <c r="A9577">
        <v>156.78</v>
      </c>
      <c r="B9577">
        <v>175</v>
      </c>
      <c r="C9577">
        <v>11072.7</v>
      </c>
      <c r="D9577">
        <v>2.5</v>
      </c>
      <c r="E9577">
        <v>12665.7</v>
      </c>
      <c r="F9577">
        <v>33.310899999999997</v>
      </c>
    </row>
    <row r="9578" spans="1:6" x14ac:dyDescent="0.25">
      <c r="A9578">
        <v>156.78</v>
      </c>
      <c r="B9578">
        <v>175</v>
      </c>
      <c r="C9578">
        <v>11072.7</v>
      </c>
      <c r="D9578">
        <v>2.8</v>
      </c>
      <c r="E9578">
        <v>12648.3</v>
      </c>
      <c r="F9578">
        <v>32.041699999999999</v>
      </c>
    </row>
    <row r="9579" spans="1:6" x14ac:dyDescent="0.25">
      <c r="A9579">
        <v>156.78</v>
      </c>
      <c r="B9579">
        <v>175</v>
      </c>
      <c r="C9579">
        <v>11072.7</v>
      </c>
      <c r="D9579">
        <v>3.1</v>
      </c>
      <c r="E9579">
        <v>12381.9</v>
      </c>
      <c r="F9579">
        <v>32.408900000000003</v>
      </c>
    </row>
    <row r="9580" spans="1:6" x14ac:dyDescent="0.25">
      <c r="A9580">
        <v>156.78</v>
      </c>
      <c r="B9580">
        <v>175</v>
      </c>
      <c r="C9580">
        <v>11072.7</v>
      </c>
      <c r="D9580">
        <v>3.4</v>
      </c>
      <c r="E9580">
        <v>12250.6</v>
      </c>
      <c r="F9580">
        <v>32.668500000000002</v>
      </c>
    </row>
    <row r="9581" spans="1:6" x14ac:dyDescent="0.25">
      <c r="A9581">
        <v>156.78</v>
      </c>
      <c r="B9581">
        <v>175</v>
      </c>
      <c r="C9581">
        <v>11072.7</v>
      </c>
      <c r="D9581">
        <v>3.7</v>
      </c>
      <c r="E9581">
        <v>12161.6</v>
      </c>
      <c r="F9581">
        <v>32.835799999999999</v>
      </c>
    </row>
    <row r="9582" spans="1:6" x14ac:dyDescent="0.25">
      <c r="A9582">
        <v>156.78</v>
      </c>
      <c r="B9582">
        <v>175</v>
      </c>
      <c r="C9582">
        <v>11072.7</v>
      </c>
      <c r="D9582">
        <v>4</v>
      </c>
      <c r="E9582">
        <v>12237.5</v>
      </c>
      <c r="F9582">
        <v>37.009399999999999</v>
      </c>
    </row>
    <row r="9583" spans="1:6" x14ac:dyDescent="0.25">
      <c r="A9583">
        <v>156.78</v>
      </c>
      <c r="B9583">
        <v>175</v>
      </c>
      <c r="C9583">
        <v>12618.2</v>
      </c>
      <c r="D9583">
        <v>1</v>
      </c>
      <c r="E9583">
        <v>6038.15</v>
      </c>
      <c r="F9583">
        <v>28.927499999999998</v>
      </c>
    </row>
    <row r="9584" spans="1:6" x14ac:dyDescent="0.25">
      <c r="A9584">
        <v>156.78</v>
      </c>
      <c r="B9584">
        <v>175</v>
      </c>
      <c r="C9584">
        <v>12618.2</v>
      </c>
      <c r="D9584">
        <v>1.3</v>
      </c>
      <c r="E9584">
        <v>15362.5</v>
      </c>
      <c r="F9584">
        <v>23.514800000000001</v>
      </c>
    </row>
    <row r="9585" spans="1:6" x14ac:dyDescent="0.25">
      <c r="A9585">
        <v>156.78</v>
      </c>
      <c r="B9585">
        <v>175</v>
      </c>
      <c r="C9585">
        <v>12618.2</v>
      </c>
      <c r="D9585">
        <v>1.6</v>
      </c>
      <c r="E9585">
        <v>5325.73</v>
      </c>
      <c r="F9585">
        <v>30.8367</v>
      </c>
    </row>
    <row r="9586" spans="1:6" x14ac:dyDescent="0.25">
      <c r="A9586">
        <v>156.78</v>
      </c>
      <c r="B9586">
        <v>175</v>
      </c>
      <c r="C9586">
        <v>12618.2</v>
      </c>
      <c r="D9586">
        <v>1.9</v>
      </c>
      <c r="E9586">
        <v>14571.4</v>
      </c>
      <c r="F9586">
        <v>34.7089</v>
      </c>
    </row>
    <row r="9587" spans="1:6" x14ac:dyDescent="0.25">
      <c r="A9587">
        <v>156.78</v>
      </c>
      <c r="B9587">
        <v>175</v>
      </c>
      <c r="C9587">
        <v>12618.2</v>
      </c>
      <c r="D9587">
        <v>2.2000000000000002</v>
      </c>
      <c r="E9587">
        <v>14625.7</v>
      </c>
      <c r="F9587">
        <v>34.403599999999997</v>
      </c>
    </row>
    <row r="9588" spans="1:6" x14ac:dyDescent="0.25">
      <c r="A9588">
        <v>156.78</v>
      </c>
      <c r="B9588">
        <v>175</v>
      </c>
      <c r="C9588">
        <v>12618.2</v>
      </c>
      <c r="D9588">
        <v>2.5</v>
      </c>
      <c r="E9588">
        <v>14312.1</v>
      </c>
      <c r="F9588">
        <v>33.310899999999997</v>
      </c>
    </row>
    <row r="9589" spans="1:6" x14ac:dyDescent="0.25">
      <c r="A9589">
        <v>156.78</v>
      </c>
      <c r="B9589">
        <v>175</v>
      </c>
      <c r="C9589">
        <v>12618.2</v>
      </c>
      <c r="D9589">
        <v>2.8</v>
      </c>
      <c r="E9589">
        <v>14165.3</v>
      </c>
      <c r="F9589">
        <v>32.041699999999999</v>
      </c>
    </row>
    <row r="9590" spans="1:6" x14ac:dyDescent="0.25">
      <c r="A9590">
        <v>156.78</v>
      </c>
      <c r="B9590">
        <v>175</v>
      </c>
      <c r="C9590">
        <v>12618.2</v>
      </c>
      <c r="D9590">
        <v>3.1</v>
      </c>
      <c r="E9590">
        <v>13895.2</v>
      </c>
      <c r="F9590">
        <v>32.408900000000003</v>
      </c>
    </row>
    <row r="9591" spans="1:6" x14ac:dyDescent="0.25">
      <c r="A9591">
        <v>156.78</v>
      </c>
      <c r="B9591">
        <v>175</v>
      </c>
      <c r="C9591">
        <v>12618.2</v>
      </c>
      <c r="D9591">
        <v>3.4</v>
      </c>
      <c r="E9591">
        <v>13748.9</v>
      </c>
      <c r="F9591">
        <v>32.668500000000002</v>
      </c>
    </row>
    <row r="9592" spans="1:6" x14ac:dyDescent="0.25">
      <c r="A9592">
        <v>156.78</v>
      </c>
      <c r="B9592">
        <v>175</v>
      </c>
      <c r="C9592">
        <v>12618.2</v>
      </c>
      <c r="D9592">
        <v>3.7</v>
      </c>
      <c r="E9592">
        <v>13641.6</v>
      </c>
      <c r="F9592">
        <v>32.835799999999999</v>
      </c>
    </row>
    <row r="9593" spans="1:6" x14ac:dyDescent="0.25">
      <c r="A9593">
        <v>156.78</v>
      </c>
      <c r="B9593">
        <v>175</v>
      </c>
      <c r="C9593">
        <v>12618.2</v>
      </c>
      <c r="D9593">
        <v>4</v>
      </c>
      <c r="E9593">
        <v>13922.1</v>
      </c>
      <c r="F9593">
        <v>37.009399999999999</v>
      </c>
    </row>
    <row r="9594" spans="1:6" x14ac:dyDescent="0.25">
      <c r="A9594">
        <v>156.78</v>
      </c>
      <c r="B9594">
        <v>175</v>
      </c>
      <c r="C9594">
        <v>14163.6</v>
      </c>
      <c r="D9594">
        <v>1</v>
      </c>
      <c r="E9594">
        <v>6038.15</v>
      </c>
      <c r="F9594">
        <v>28.927499999999998</v>
      </c>
    </row>
    <row r="9595" spans="1:6" x14ac:dyDescent="0.25">
      <c r="A9595">
        <v>156.78</v>
      </c>
      <c r="B9595">
        <v>175</v>
      </c>
      <c r="C9595">
        <v>14163.6</v>
      </c>
      <c r="D9595">
        <v>1.3</v>
      </c>
      <c r="E9595">
        <v>16938.400000000001</v>
      </c>
      <c r="F9595">
        <v>23.514800000000001</v>
      </c>
    </row>
    <row r="9596" spans="1:6" x14ac:dyDescent="0.25">
      <c r="A9596">
        <v>156.78</v>
      </c>
      <c r="B9596">
        <v>175</v>
      </c>
      <c r="C9596">
        <v>14163.6</v>
      </c>
      <c r="D9596">
        <v>1.6</v>
      </c>
      <c r="E9596">
        <v>5325.73</v>
      </c>
      <c r="F9596">
        <v>30.8367</v>
      </c>
    </row>
    <row r="9597" spans="1:6" x14ac:dyDescent="0.25">
      <c r="A9597">
        <v>156.78</v>
      </c>
      <c r="B9597">
        <v>175</v>
      </c>
      <c r="C9597">
        <v>14163.6</v>
      </c>
      <c r="D9597">
        <v>1.9</v>
      </c>
      <c r="E9597">
        <v>16118.2</v>
      </c>
      <c r="F9597">
        <v>34.7089</v>
      </c>
    </row>
    <row r="9598" spans="1:6" x14ac:dyDescent="0.25">
      <c r="A9598">
        <v>156.78</v>
      </c>
      <c r="B9598">
        <v>175</v>
      </c>
      <c r="C9598">
        <v>14163.6</v>
      </c>
      <c r="D9598">
        <v>2.2000000000000002</v>
      </c>
      <c r="E9598">
        <v>16094.6</v>
      </c>
      <c r="F9598">
        <v>34.403599999999997</v>
      </c>
    </row>
    <row r="9599" spans="1:6" x14ac:dyDescent="0.25">
      <c r="A9599">
        <v>156.78</v>
      </c>
      <c r="B9599">
        <v>175</v>
      </c>
      <c r="C9599">
        <v>14163.6</v>
      </c>
      <c r="D9599">
        <v>2.5</v>
      </c>
      <c r="E9599">
        <v>15879.7</v>
      </c>
      <c r="F9599">
        <v>33.310899999999997</v>
      </c>
    </row>
    <row r="9600" spans="1:6" x14ac:dyDescent="0.25">
      <c r="A9600">
        <v>156.78</v>
      </c>
      <c r="B9600">
        <v>175</v>
      </c>
      <c r="C9600">
        <v>14163.6</v>
      </c>
      <c r="D9600">
        <v>2.8</v>
      </c>
      <c r="E9600">
        <v>15710.5</v>
      </c>
      <c r="F9600">
        <v>32.041699999999999</v>
      </c>
    </row>
    <row r="9601" spans="1:6" x14ac:dyDescent="0.25">
      <c r="A9601">
        <v>156.78</v>
      </c>
      <c r="B9601">
        <v>175</v>
      </c>
      <c r="C9601">
        <v>14163.6</v>
      </c>
      <c r="D9601">
        <v>3.1</v>
      </c>
      <c r="E9601">
        <v>15448.2</v>
      </c>
      <c r="F9601">
        <v>32.408900000000003</v>
      </c>
    </row>
    <row r="9602" spans="1:6" x14ac:dyDescent="0.25">
      <c r="A9602">
        <v>156.78</v>
      </c>
      <c r="B9602">
        <v>175</v>
      </c>
      <c r="C9602">
        <v>14163.6</v>
      </c>
      <c r="D9602">
        <v>3.4</v>
      </c>
      <c r="E9602">
        <v>15299</v>
      </c>
      <c r="F9602">
        <v>32.668500000000002</v>
      </c>
    </row>
    <row r="9603" spans="1:6" x14ac:dyDescent="0.25">
      <c r="A9603">
        <v>156.78</v>
      </c>
      <c r="B9603">
        <v>175</v>
      </c>
      <c r="C9603">
        <v>14163.6</v>
      </c>
      <c r="D9603">
        <v>3.7</v>
      </c>
      <c r="E9603">
        <v>15322.7</v>
      </c>
      <c r="F9603">
        <v>32.835799999999999</v>
      </c>
    </row>
    <row r="9604" spans="1:6" x14ac:dyDescent="0.25">
      <c r="A9604">
        <v>156.78</v>
      </c>
      <c r="B9604">
        <v>175</v>
      </c>
      <c r="C9604">
        <v>14163.6</v>
      </c>
      <c r="D9604">
        <v>4</v>
      </c>
      <c r="E9604">
        <v>15308.8</v>
      </c>
      <c r="F9604">
        <v>37.009399999999999</v>
      </c>
    </row>
    <row r="9605" spans="1:6" x14ac:dyDescent="0.25">
      <c r="A9605">
        <v>156.78</v>
      </c>
      <c r="B9605">
        <v>175</v>
      </c>
      <c r="C9605">
        <v>15709.1</v>
      </c>
      <c r="D9605">
        <v>1</v>
      </c>
      <c r="E9605">
        <v>6038.15</v>
      </c>
      <c r="F9605">
        <v>28.927499999999998</v>
      </c>
    </row>
    <row r="9606" spans="1:6" x14ac:dyDescent="0.25">
      <c r="A9606">
        <v>156.78</v>
      </c>
      <c r="B9606">
        <v>175</v>
      </c>
      <c r="C9606">
        <v>15709.1</v>
      </c>
      <c r="D9606">
        <v>1.3</v>
      </c>
      <c r="E9606">
        <v>18645.7</v>
      </c>
      <c r="F9606">
        <v>23.514800000000001</v>
      </c>
    </row>
    <row r="9607" spans="1:6" x14ac:dyDescent="0.25">
      <c r="A9607">
        <v>156.78</v>
      </c>
      <c r="B9607">
        <v>175</v>
      </c>
      <c r="C9607">
        <v>15709.1</v>
      </c>
      <c r="D9607">
        <v>1.6</v>
      </c>
      <c r="E9607">
        <v>5325.73</v>
      </c>
      <c r="F9607">
        <v>30.8367</v>
      </c>
    </row>
    <row r="9608" spans="1:6" x14ac:dyDescent="0.25">
      <c r="A9608">
        <v>156.78</v>
      </c>
      <c r="B9608">
        <v>175</v>
      </c>
      <c r="C9608">
        <v>15709.1</v>
      </c>
      <c r="D9608">
        <v>1.9</v>
      </c>
      <c r="E9608">
        <v>17910.7</v>
      </c>
      <c r="F9608">
        <v>34.7089</v>
      </c>
    </row>
    <row r="9609" spans="1:6" x14ac:dyDescent="0.25">
      <c r="A9609">
        <v>156.78</v>
      </c>
      <c r="B9609">
        <v>175</v>
      </c>
      <c r="C9609">
        <v>15709.1</v>
      </c>
      <c r="D9609">
        <v>2.2000000000000002</v>
      </c>
      <c r="E9609">
        <v>17441.2</v>
      </c>
      <c r="F9609">
        <v>34.403599999999997</v>
      </c>
    </row>
    <row r="9610" spans="1:6" x14ac:dyDescent="0.25">
      <c r="A9610">
        <v>156.78</v>
      </c>
      <c r="B9610">
        <v>175</v>
      </c>
      <c r="C9610">
        <v>15709.1</v>
      </c>
      <c r="D9610">
        <v>2.5</v>
      </c>
      <c r="E9610">
        <v>17439.2</v>
      </c>
      <c r="F9610">
        <v>33.310899999999997</v>
      </c>
    </row>
    <row r="9611" spans="1:6" x14ac:dyDescent="0.25">
      <c r="A9611">
        <v>156.78</v>
      </c>
      <c r="B9611">
        <v>175</v>
      </c>
      <c r="C9611">
        <v>15709.1</v>
      </c>
      <c r="D9611">
        <v>2.8</v>
      </c>
      <c r="E9611">
        <v>17227.5</v>
      </c>
      <c r="F9611">
        <v>32.041699999999999</v>
      </c>
    </row>
    <row r="9612" spans="1:6" x14ac:dyDescent="0.25">
      <c r="A9612">
        <v>156.78</v>
      </c>
      <c r="B9612">
        <v>175</v>
      </c>
      <c r="C9612">
        <v>15709.1</v>
      </c>
      <c r="D9612">
        <v>3.1</v>
      </c>
      <c r="E9612">
        <v>17044.3</v>
      </c>
      <c r="F9612">
        <v>32.408900000000003</v>
      </c>
    </row>
    <row r="9613" spans="1:6" x14ac:dyDescent="0.25">
      <c r="A9613">
        <v>156.78</v>
      </c>
      <c r="B9613">
        <v>175</v>
      </c>
      <c r="C9613">
        <v>15709.1</v>
      </c>
      <c r="D9613">
        <v>3.4</v>
      </c>
      <c r="E9613">
        <v>16913.099999999999</v>
      </c>
      <c r="F9613">
        <v>32.668500000000002</v>
      </c>
    </row>
    <row r="9614" spans="1:6" x14ac:dyDescent="0.25">
      <c r="A9614">
        <v>156.78</v>
      </c>
      <c r="B9614">
        <v>175</v>
      </c>
      <c r="C9614">
        <v>15709.1</v>
      </c>
      <c r="D9614">
        <v>3.7</v>
      </c>
      <c r="E9614">
        <v>16739</v>
      </c>
      <c r="F9614">
        <v>32.835799999999999</v>
      </c>
    </row>
    <row r="9615" spans="1:6" x14ac:dyDescent="0.25">
      <c r="A9615">
        <v>156.78</v>
      </c>
      <c r="B9615">
        <v>175</v>
      </c>
      <c r="C9615">
        <v>15709.1</v>
      </c>
      <c r="D9615">
        <v>4</v>
      </c>
      <c r="E9615">
        <v>16848.3</v>
      </c>
      <c r="F9615">
        <v>37.009399999999999</v>
      </c>
    </row>
    <row r="9616" spans="1:6" x14ac:dyDescent="0.25">
      <c r="A9616">
        <v>156.78</v>
      </c>
      <c r="B9616">
        <v>175</v>
      </c>
      <c r="C9616">
        <v>17254.5</v>
      </c>
      <c r="D9616">
        <v>1</v>
      </c>
      <c r="E9616">
        <v>6038.15</v>
      </c>
      <c r="F9616">
        <v>28.927499999999998</v>
      </c>
    </row>
    <row r="9617" spans="1:6" x14ac:dyDescent="0.25">
      <c r="A9617">
        <v>156.78</v>
      </c>
      <c r="B9617">
        <v>175</v>
      </c>
      <c r="C9617">
        <v>17254.5</v>
      </c>
      <c r="D9617">
        <v>1.3</v>
      </c>
      <c r="E9617">
        <v>19997.599999999999</v>
      </c>
      <c r="F9617">
        <v>23.514800000000001</v>
      </c>
    </row>
    <row r="9618" spans="1:6" x14ac:dyDescent="0.25">
      <c r="A9618">
        <v>156.78</v>
      </c>
      <c r="B9618">
        <v>175</v>
      </c>
      <c r="C9618">
        <v>17254.5</v>
      </c>
      <c r="D9618">
        <v>1.6</v>
      </c>
      <c r="E9618">
        <v>5325.73</v>
      </c>
      <c r="F9618">
        <v>30.8367</v>
      </c>
    </row>
    <row r="9619" spans="1:6" x14ac:dyDescent="0.25">
      <c r="A9619">
        <v>156.78</v>
      </c>
      <c r="B9619">
        <v>175</v>
      </c>
      <c r="C9619">
        <v>17254.5</v>
      </c>
      <c r="D9619">
        <v>1.9</v>
      </c>
      <c r="E9619">
        <v>19292.5</v>
      </c>
      <c r="F9619">
        <v>34.7089</v>
      </c>
    </row>
    <row r="9620" spans="1:6" x14ac:dyDescent="0.25">
      <c r="A9620">
        <v>156.78</v>
      </c>
      <c r="B9620">
        <v>175</v>
      </c>
      <c r="C9620">
        <v>17254.5</v>
      </c>
      <c r="D9620">
        <v>2.2000000000000002</v>
      </c>
      <c r="E9620">
        <v>19322.5</v>
      </c>
      <c r="F9620">
        <v>34.403599999999997</v>
      </c>
    </row>
    <row r="9621" spans="1:6" x14ac:dyDescent="0.25">
      <c r="A9621">
        <v>156.78</v>
      </c>
      <c r="B9621">
        <v>175</v>
      </c>
      <c r="C9621">
        <v>17254.5</v>
      </c>
      <c r="D9621">
        <v>2.5</v>
      </c>
      <c r="E9621">
        <v>18772.7</v>
      </c>
      <c r="F9621">
        <v>33.310899999999997</v>
      </c>
    </row>
    <row r="9622" spans="1:6" x14ac:dyDescent="0.25">
      <c r="A9622">
        <v>156.78</v>
      </c>
      <c r="B9622">
        <v>175</v>
      </c>
      <c r="C9622">
        <v>17254.5</v>
      </c>
      <c r="D9622">
        <v>2.8</v>
      </c>
      <c r="E9622">
        <v>18780</v>
      </c>
      <c r="F9622">
        <v>32.041699999999999</v>
      </c>
    </row>
    <row r="9623" spans="1:6" x14ac:dyDescent="0.25">
      <c r="A9623">
        <v>156.78</v>
      </c>
      <c r="B9623">
        <v>175</v>
      </c>
      <c r="C9623">
        <v>17254.5</v>
      </c>
      <c r="D9623">
        <v>3.1</v>
      </c>
      <c r="E9623">
        <v>18453.5</v>
      </c>
      <c r="F9623">
        <v>32.408900000000003</v>
      </c>
    </row>
    <row r="9624" spans="1:6" x14ac:dyDescent="0.25">
      <c r="A9624">
        <v>156.78</v>
      </c>
      <c r="B9624">
        <v>175</v>
      </c>
      <c r="C9624">
        <v>17254.5</v>
      </c>
      <c r="D9624">
        <v>3.4</v>
      </c>
      <c r="E9624">
        <v>18394.8</v>
      </c>
      <c r="F9624">
        <v>32.668500000000002</v>
      </c>
    </row>
    <row r="9625" spans="1:6" x14ac:dyDescent="0.25">
      <c r="A9625">
        <v>156.78</v>
      </c>
      <c r="B9625">
        <v>175</v>
      </c>
      <c r="C9625">
        <v>17254.5</v>
      </c>
      <c r="D9625">
        <v>3.7</v>
      </c>
      <c r="E9625">
        <v>18282.7</v>
      </c>
      <c r="F9625">
        <v>32.835799999999999</v>
      </c>
    </row>
    <row r="9626" spans="1:6" x14ac:dyDescent="0.25">
      <c r="A9626">
        <v>156.78</v>
      </c>
      <c r="B9626">
        <v>175</v>
      </c>
      <c r="C9626">
        <v>17254.5</v>
      </c>
      <c r="D9626">
        <v>4</v>
      </c>
      <c r="E9626">
        <v>18484.400000000001</v>
      </c>
      <c r="F9626">
        <v>37.009399999999999</v>
      </c>
    </row>
    <row r="9627" spans="1:6" x14ac:dyDescent="0.25">
      <c r="A9627">
        <v>156.78</v>
      </c>
      <c r="B9627">
        <v>175</v>
      </c>
      <c r="C9627">
        <v>18800</v>
      </c>
      <c r="D9627">
        <v>1</v>
      </c>
      <c r="E9627">
        <v>6038.15</v>
      </c>
      <c r="F9627">
        <v>28.927499999999998</v>
      </c>
    </row>
    <row r="9628" spans="1:6" x14ac:dyDescent="0.25">
      <c r="A9628">
        <v>156.78</v>
      </c>
      <c r="B9628">
        <v>175</v>
      </c>
      <c r="C9628">
        <v>18800</v>
      </c>
      <c r="D9628">
        <v>1.3</v>
      </c>
      <c r="E9628">
        <v>21441.5</v>
      </c>
      <c r="F9628">
        <v>23.514800000000001</v>
      </c>
    </row>
    <row r="9629" spans="1:6" x14ac:dyDescent="0.25">
      <c r="A9629">
        <v>156.78</v>
      </c>
      <c r="B9629">
        <v>175</v>
      </c>
      <c r="C9629">
        <v>18800</v>
      </c>
      <c r="D9629">
        <v>1.6</v>
      </c>
      <c r="E9629">
        <v>5325.73</v>
      </c>
      <c r="F9629">
        <v>30.8367</v>
      </c>
    </row>
    <row r="9630" spans="1:6" x14ac:dyDescent="0.25">
      <c r="A9630">
        <v>156.78</v>
      </c>
      <c r="B9630">
        <v>175</v>
      </c>
      <c r="C9630">
        <v>18800</v>
      </c>
      <c r="D9630">
        <v>1.9</v>
      </c>
      <c r="E9630">
        <v>21053.1</v>
      </c>
      <c r="F9630">
        <v>34.7089</v>
      </c>
    </row>
    <row r="9631" spans="1:6" x14ac:dyDescent="0.25">
      <c r="A9631">
        <v>156.78</v>
      </c>
      <c r="B9631">
        <v>175</v>
      </c>
      <c r="C9631">
        <v>18800</v>
      </c>
      <c r="D9631">
        <v>2.2000000000000002</v>
      </c>
      <c r="E9631">
        <v>20499.400000000001</v>
      </c>
      <c r="F9631">
        <v>34.403599999999997</v>
      </c>
    </row>
    <row r="9632" spans="1:6" x14ac:dyDescent="0.25">
      <c r="A9632">
        <v>156.78</v>
      </c>
      <c r="B9632">
        <v>175</v>
      </c>
      <c r="C9632">
        <v>18800</v>
      </c>
      <c r="D9632">
        <v>2.5</v>
      </c>
      <c r="E9632">
        <v>20314.3</v>
      </c>
      <c r="F9632">
        <v>33.310899999999997</v>
      </c>
    </row>
    <row r="9633" spans="1:6" x14ac:dyDescent="0.25">
      <c r="A9633">
        <v>156.78</v>
      </c>
      <c r="B9633">
        <v>175</v>
      </c>
      <c r="C9633">
        <v>18800</v>
      </c>
      <c r="D9633">
        <v>2.8</v>
      </c>
      <c r="E9633">
        <v>20250.5</v>
      </c>
      <c r="F9633">
        <v>32.041699999999999</v>
      </c>
    </row>
    <row r="9634" spans="1:6" x14ac:dyDescent="0.25">
      <c r="A9634">
        <v>156.78</v>
      </c>
      <c r="B9634">
        <v>175</v>
      </c>
      <c r="C9634">
        <v>18800</v>
      </c>
      <c r="D9634">
        <v>3.1</v>
      </c>
      <c r="E9634">
        <v>19993.099999999999</v>
      </c>
      <c r="F9634">
        <v>32.408900000000003</v>
      </c>
    </row>
    <row r="9635" spans="1:6" x14ac:dyDescent="0.25">
      <c r="A9635">
        <v>156.78</v>
      </c>
      <c r="B9635">
        <v>175</v>
      </c>
      <c r="C9635">
        <v>18800</v>
      </c>
      <c r="D9635">
        <v>3.4</v>
      </c>
      <c r="E9635">
        <v>19985.2</v>
      </c>
      <c r="F9635">
        <v>32.668500000000002</v>
      </c>
    </row>
    <row r="9636" spans="1:6" x14ac:dyDescent="0.25">
      <c r="A9636">
        <v>156.78</v>
      </c>
      <c r="B9636">
        <v>175</v>
      </c>
      <c r="C9636">
        <v>18800</v>
      </c>
      <c r="D9636">
        <v>3.7</v>
      </c>
      <c r="E9636">
        <v>19814</v>
      </c>
      <c r="F9636">
        <v>32.835799999999999</v>
      </c>
    </row>
    <row r="9637" spans="1:6" x14ac:dyDescent="0.25">
      <c r="A9637">
        <v>156.78</v>
      </c>
      <c r="B9637">
        <v>175</v>
      </c>
      <c r="C9637">
        <v>18800</v>
      </c>
      <c r="D9637">
        <v>4</v>
      </c>
      <c r="E9637">
        <v>19943.599999999999</v>
      </c>
      <c r="F9637">
        <v>37.009399999999999</v>
      </c>
    </row>
    <row r="9638" spans="1:6" x14ac:dyDescent="0.25">
      <c r="A9638">
        <v>156.78</v>
      </c>
      <c r="B9638">
        <v>178.63</v>
      </c>
      <c r="C9638">
        <v>1800</v>
      </c>
      <c r="D9638">
        <v>1</v>
      </c>
      <c r="E9638">
        <v>5359.03</v>
      </c>
      <c r="F9638">
        <v>37.424100000000003</v>
      </c>
    </row>
    <row r="9639" spans="1:6" x14ac:dyDescent="0.25">
      <c r="A9639">
        <v>156.78</v>
      </c>
      <c r="B9639">
        <v>178.63</v>
      </c>
      <c r="C9639">
        <v>1800</v>
      </c>
      <c r="D9639">
        <v>1.3</v>
      </c>
      <c r="E9639">
        <v>4776.05</v>
      </c>
      <c r="F9639">
        <v>45.903599999999997</v>
      </c>
    </row>
    <row r="9640" spans="1:6" x14ac:dyDescent="0.25">
      <c r="A9640">
        <v>156.78</v>
      </c>
      <c r="B9640">
        <v>178.63</v>
      </c>
      <c r="C9640">
        <v>1800</v>
      </c>
      <c r="D9640">
        <v>1.6</v>
      </c>
      <c r="E9640">
        <v>4488.8100000000004</v>
      </c>
      <c r="F9640">
        <v>53.157600000000002</v>
      </c>
    </row>
    <row r="9641" spans="1:6" x14ac:dyDescent="0.25">
      <c r="A9641">
        <v>156.78</v>
      </c>
      <c r="B9641">
        <v>178.63</v>
      </c>
      <c r="C9641">
        <v>1800</v>
      </c>
      <c r="D9641">
        <v>1.9</v>
      </c>
      <c r="E9641">
        <v>4298.8900000000003</v>
      </c>
      <c r="F9641">
        <v>63.452500000000001</v>
      </c>
    </row>
    <row r="9642" spans="1:6" x14ac:dyDescent="0.25">
      <c r="A9642">
        <v>156.78</v>
      </c>
      <c r="B9642">
        <v>178.63</v>
      </c>
      <c r="C9642">
        <v>1800</v>
      </c>
      <c r="D9642">
        <v>2.2000000000000002</v>
      </c>
      <c r="E9642">
        <v>4145.01</v>
      </c>
      <c r="F9642">
        <v>70.793800000000005</v>
      </c>
    </row>
    <row r="9643" spans="1:6" x14ac:dyDescent="0.25">
      <c r="A9643">
        <v>156.78</v>
      </c>
      <c r="B9643">
        <v>178.63</v>
      </c>
      <c r="C9643">
        <v>1800</v>
      </c>
      <c r="D9643">
        <v>2.5</v>
      </c>
      <c r="E9643">
        <v>3935.13</v>
      </c>
      <c r="F9643">
        <v>74.387699999999995</v>
      </c>
    </row>
    <row r="9644" spans="1:6" x14ac:dyDescent="0.25">
      <c r="A9644">
        <v>156.78</v>
      </c>
      <c r="B9644">
        <v>178.63</v>
      </c>
      <c r="C9644">
        <v>1800</v>
      </c>
      <c r="D9644">
        <v>2.8</v>
      </c>
      <c r="E9644">
        <v>3883.14</v>
      </c>
      <c r="F9644">
        <v>77.186999999999998</v>
      </c>
    </row>
    <row r="9645" spans="1:6" x14ac:dyDescent="0.25">
      <c r="A9645">
        <v>156.78</v>
      </c>
      <c r="B9645">
        <v>178.63</v>
      </c>
      <c r="C9645">
        <v>1800</v>
      </c>
      <c r="D9645">
        <v>3.1</v>
      </c>
      <c r="E9645">
        <v>3749.24</v>
      </c>
      <c r="F9645">
        <v>78.756100000000004</v>
      </c>
    </row>
    <row r="9646" spans="1:6" x14ac:dyDescent="0.25">
      <c r="A9646">
        <v>156.78</v>
      </c>
      <c r="B9646">
        <v>178.63</v>
      </c>
      <c r="C9646">
        <v>1800</v>
      </c>
      <c r="D9646">
        <v>3.4</v>
      </c>
      <c r="E9646">
        <v>3757.58</v>
      </c>
      <c r="F9646">
        <v>81.221299999999999</v>
      </c>
    </row>
    <row r="9647" spans="1:6" x14ac:dyDescent="0.25">
      <c r="A9647">
        <v>156.78</v>
      </c>
      <c r="B9647">
        <v>178.63</v>
      </c>
      <c r="C9647">
        <v>1800</v>
      </c>
      <c r="D9647">
        <v>3.7</v>
      </c>
      <c r="E9647">
        <v>3671.02</v>
      </c>
      <c r="F9647">
        <v>84.308999999999997</v>
      </c>
    </row>
    <row r="9648" spans="1:6" x14ac:dyDescent="0.25">
      <c r="A9648">
        <v>156.78</v>
      </c>
      <c r="B9648">
        <v>178.63</v>
      </c>
      <c r="C9648">
        <v>1800</v>
      </c>
      <c r="D9648">
        <v>4</v>
      </c>
      <c r="E9648">
        <v>3591.12</v>
      </c>
      <c r="F9648">
        <v>85.740700000000004</v>
      </c>
    </row>
    <row r="9649" spans="1:6" x14ac:dyDescent="0.25">
      <c r="A9649">
        <v>156.78</v>
      </c>
      <c r="B9649">
        <v>178.63</v>
      </c>
      <c r="C9649">
        <v>3345.45</v>
      </c>
      <c r="D9649">
        <v>1</v>
      </c>
      <c r="E9649">
        <v>7137.26</v>
      </c>
      <c r="F9649">
        <v>21.537299999999998</v>
      </c>
    </row>
    <row r="9650" spans="1:6" x14ac:dyDescent="0.25">
      <c r="A9650">
        <v>156.78</v>
      </c>
      <c r="B9650">
        <v>178.63</v>
      </c>
      <c r="C9650">
        <v>3345.45</v>
      </c>
      <c r="D9650">
        <v>1.3</v>
      </c>
      <c r="E9650">
        <v>6087.64</v>
      </c>
      <c r="F9650">
        <v>23.681100000000001</v>
      </c>
    </row>
    <row r="9651" spans="1:6" x14ac:dyDescent="0.25">
      <c r="A9651">
        <v>156.78</v>
      </c>
      <c r="B9651">
        <v>178.63</v>
      </c>
      <c r="C9651">
        <v>3345.45</v>
      </c>
      <c r="D9651">
        <v>1.6</v>
      </c>
      <c r="E9651">
        <v>5632.47</v>
      </c>
      <c r="F9651">
        <v>23.314900000000002</v>
      </c>
    </row>
    <row r="9652" spans="1:6" x14ac:dyDescent="0.25">
      <c r="A9652">
        <v>156.78</v>
      </c>
      <c r="B9652">
        <v>178.63</v>
      </c>
      <c r="C9652">
        <v>3345.45</v>
      </c>
      <c r="D9652">
        <v>1.9</v>
      </c>
      <c r="E9652">
        <v>5385.57</v>
      </c>
      <c r="F9652">
        <v>34.7089</v>
      </c>
    </row>
    <row r="9653" spans="1:6" x14ac:dyDescent="0.25">
      <c r="A9653">
        <v>156.78</v>
      </c>
      <c r="B9653">
        <v>178.63</v>
      </c>
      <c r="C9653">
        <v>3345.45</v>
      </c>
      <c r="D9653">
        <v>2.2000000000000002</v>
      </c>
      <c r="E9653">
        <v>5333.26</v>
      </c>
      <c r="F9653">
        <v>33.927199999999999</v>
      </c>
    </row>
    <row r="9654" spans="1:6" x14ac:dyDescent="0.25">
      <c r="A9654">
        <v>156.78</v>
      </c>
      <c r="B9654">
        <v>178.63</v>
      </c>
      <c r="C9654">
        <v>3345.45</v>
      </c>
      <c r="D9654">
        <v>2.5</v>
      </c>
      <c r="E9654">
        <v>5102.12</v>
      </c>
      <c r="F9654">
        <v>26.7746</v>
      </c>
    </row>
    <row r="9655" spans="1:6" x14ac:dyDescent="0.25">
      <c r="A9655">
        <v>156.78</v>
      </c>
      <c r="B9655">
        <v>178.63</v>
      </c>
      <c r="C9655">
        <v>3345.45</v>
      </c>
      <c r="D9655">
        <v>2.8</v>
      </c>
      <c r="E9655">
        <v>4877.3100000000004</v>
      </c>
      <c r="F9655">
        <v>23.9085</v>
      </c>
    </row>
    <row r="9656" spans="1:6" x14ac:dyDescent="0.25">
      <c r="A9656">
        <v>156.78</v>
      </c>
      <c r="B9656">
        <v>178.63</v>
      </c>
      <c r="C9656">
        <v>3345.45</v>
      </c>
      <c r="D9656">
        <v>3.1</v>
      </c>
      <c r="E9656">
        <v>4790.71</v>
      </c>
      <c r="F9656">
        <v>24.598500000000001</v>
      </c>
    </row>
    <row r="9657" spans="1:6" x14ac:dyDescent="0.25">
      <c r="A9657">
        <v>156.78</v>
      </c>
      <c r="B9657">
        <v>178.63</v>
      </c>
      <c r="C9657">
        <v>3345.45</v>
      </c>
      <c r="D9657">
        <v>3.4</v>
      </c>
      <c r="E9657">
        <v>4719.8</v>
      </c>
      <c r="F9657">
        <v>25.174499999999998</v>
      </c>
    </row>
    <row r="9658" spans="1:6" x14ac:dyDescent="0.25">
      <c r="A9658">
        <v>156.78</v>
      </c>
      <c r="B9658">
        <v>178.63</v>
      </c>
      <c r="C9658">
        <v>3345.45</v>
      </c>
      <c r="D9658">
        <v>3.7</v>
      </c>
      <c r="E9658">
        <v>4832.26</v>
      </c>
      <c r="F9658">
        <v>25.607199999999999</v>
      </c>
    </row>
    <row r="9659" spans="1:6" x14ac:dyDescent="0.25">
      <c r="A9659">
        <v>156.78</v>
      </c>
      <c r="B9659">
        <v>178.63</v>
      </c>
      <c r="C9659">
        <v>3345.45</v>
      </c>
      <c r="D9659">
        <v>4</v>
      </c>
      <c r="E9659">
        <v>4647.01</v>
      </c>
      <c r="F9659">
        <v>35.855600000000003</v>
      </c>
    </row>
    <row r="9660" spans="1:6" x14ac:dyDescent="0.25">
      <c r="A9660">
        <v>156.78</v>
      </c>
      <c r="B9660">
        <v>178.63</v>
      </c>
      <c r="C9660">
        <v>4890.8999999999996</v>
      </c>
      <c r="D9660">
        <v>1</v>
      </c>
      <c r="E9660">
        <v>6038.15</v>
      </c>
      <c r="F9660">
        <v>28.927499999999998</v>
      </c>
    </row>
    <row r="9661" spans="1:6" x14ac:dyDescent="0.25">
      <c r="A9661">
        <v>156.78</v>
      </c>
      <c r="B9661">
        <v>178.63</v>
      </c>
      <c r="C9661">
        <v>4890.8999999999996</v>
      </c>
      <c r="D9661">
        <v>1.3</v>
      </c>
      <c r="E9661">
        <v>7689.17</v>
      </c>
      <c r="F9661">
        <v>23.514800000000001</v>
      </c>
    </row>
    <row r="9662" spans="1:6" x14ac:dyDescent="0.25">
      <c r="A9662">
        <v>156.78</v>
      </c>
      <c r="B9662">
        <v>178.63</v>
      </c>
      <c r="C9662">
        <v>4890.8999999999996</v>
      </c>
      <c r="D9662">
        <v>1.6</v>
      </c>
      <c r="E9662">
        <v>5325.73</v>
      </c>
      <c r="F9662">
        <v>30.8367</v>
      </c>
    </row>
    <row r="9663" spans="1:6" x14ac:dyDescent="0.25">
      <c r="A9663">
        <v>156.78</v>
      </c>
      <c r="B9663">
        <v>178.63</v>
      </c>
      <c r="C9663">
        <v>4890.8999999999996</v>
      </c>
      <c r="D9663">
        <v>1.9</v>
      </c>
      <c r="E9663">
        <v>7166.21</v>
      </c>
      <c r="F9663">
        <v>34.7089</v>
      </c>
    </row>
    <row r="9664" spans="1:6" x14ac:dyDescent="0.25">
      <c r="A9664">
        <v>156.78</v>
      </c>
      <c r="B9664">
        <v>178.63</v>
      </c>
      <c r="C9664">
        <v>4890.8999999999996</v>
      </c>
      <c r="D9664">
        <v>2.2000000000000002</v>
      </c>
      <c r="E9664">
        <v>6873.61</v>
      </c>
      <c r="F9664">
        <v>34.403599999999997</v>
      </c>
    </row>
    <row r="9665" spans="1:6" x14ac:dyDescent="0.25">
      <c r="A9665">
        <v>156.78</v>
      </c>
      <c r="B9665">
        <v>178.63</v>
      </c>
      <c r="C9665">
        <v>4890.8999999999996</v>
      </c>
      <c r="D9665">
        <v>2.5</v>
      </c>
      <c r="E9665">
        <v>6444.02</v>
      </c>
      <c r="F9665">
        <v>33.310899999999997</v>
      </c>
    </row>
    <row r="9666" spans="1:6" x14ac:dyDescent="0.25">
      <c r="A9666">
        <v>156.78</v>
      </c>
      <c r="B9666">
        <v>178.63</v>
      </c>
      <c r="C9666">
        <v>4890.8999999999996</v>
      </c>
      <c r="D9666">
        <v>2.8</v>
      </c>
      <c r="E9666">
        <v>6464.66</v>
      </c>
      <c r="F9666">
        <v>32.041699999999999</v>
      </c>
    </row>
    <row r="9667" spans="1:6" x14ac:dyDescent="0.25">
      <c r="A9667">
        <v>156.78</v>
      </c>
      <c r="B9667">
        <v>178.63</v>
      </c>
      <c r="C9667">
        <v>4890.8999999999996</v>
      </c>
      <c r="D9667">
        <v>3.1</v>
      </c>
      <c r="E9667">
        <v>6155.34</v>
      </c>
      <c r="F9667">
        <v>32.408900000000003</v>
      </c>
    </row>
    <row r="9668" spans="1:6" x14ac:dyDescent="0.25">
      <c r="A9668">
        <v>156.78</v>
      </c>
      <c r="B9668">
        <v>178.63</v>
      </c>
      <c r="C9668">
        <v>4890.8999999999996</v>
      </c>
      <c r="D9668">
        <v>3.4</v>
      </c>
      <c r="E9668">
        <v>6159.56</v>
      </c>
      <c r="F9668">
        <v>32.668500000000002</v>
      </c>
    </row>
    <row r="9669" spans="1:6" x14ac:dyDescent="0.25">
      <c r="A9669">
        <v>156.78</v>
      </c>
      <c r="B9669">
        <v>178.63</v>
      </c>
      <c r="C9669">
        <v>4890.8999999999996</v>
      </c>
      <c r="D9669">
        <v>3.7</v>
      </c>
      <c r="E9669">
        <v>6121.8</v>
      </c>
      <c r="F9669">
        <v>32.835799999999999</v>
      </c>
    </row>
    <row r="9670" spans="1:6" x14ac:dyDescent="0.25">
      <c r="A9670">
        <v>156.78</v>
      </c>
      <c r="B9670">
        <v>178.63</v>
      </c>
      <c r="C9670">
        <v>4890.8999999999996</v>
      </c>
      <c r="D9670">
        <v>4</v>
      </c>
      <c r="E9670">
        <v>6054.4</v>
      </c>
      <c r="F9670">
        <v>37.009399999999999</v>
      </c>
    </row>
    <row r="9671" spans="1:6" x14ac:dyDescent="0.25">
      <c r="A9671">
        <v>156.78</v>
      </c>
      <c r="B9671">
        <v>178.63</v>
      </c>
      <c r="C9671">
        <v>6436.35</v>
      </c>
      <c r="D9671">
        <v>1</v>
      </c>
      <c r="E9671">
        <v>6038.15</v>
      </c>
      <c r="F9671">
        <v>28.927499999999998</v>
      </c>
    </row>
    <row r="9672" spans="1:6" x14ac:dyDescent="0.25">
      <c r="A9672">
        <v>156.78</v>
      </c>
      <c r="B9672">
        <v>178.63</v>
      </c>
      <c r="C9672">
        <v>6436.35</v>
      </c>
      <c r="D9672">
        <v>1.3</v>
      </c>
      <c r="E9672">
        <v>9247.33</v>
      </c>
      <c r="F9672">
        <v>23.514800000000001</v>
      </c>
    </row>
    <row r="9673" spans="1:6" x14ac:dyDescent="0.25">
      <c r="A9673">
        <v>156.78</v>
      </c>
      <c r="B9673">
        <v>178.63</v>
      </c>
      <c r="C9673">
        <v>6436.35</v>
      </c>
      <c r="D9673">
        <v>1.6</v>
      </c>
      <c r="E9673">
        <v>5325.73</v>
      </c>
      <c r="F9673">
        <v>30.8367</v>
      </c>
    </row>
    <row r="9674" spans="1:6" x14ac:dyDescent="0.25">
      <c r="A9674">
        <v>156.78</v>
      </c>
      <c r="B9674">
        <v>178.63</v>
      </c>
      <c r="C9674">
        <v>6436.35</v>
      </c>
      <c r="D9674">
        <v>1.9</v>
      </c>
      <c r="E9674">
        <v>8650.7099999999991</v>
      </c>
      <c r="F9674">
        <v>34.7089</v>
      </c>
    </row>
    <row r="9675" spans="1:6" x14ac:dyDescent="0.25">
      <c r="A9675">
        <v>156.78</v>
      </c>
      <c r="B9675">
        <v>178.63</v>
      </c>
      <c r="C9675">
        <v>6436.35</v>
      </c>
      <c r="D9675">
        <v>2.2000000000000002</v>
      </c>
      <c r="E9675">
        <v>8428.34</v>
      </c>
      <c r="F9675">
        <v>34.403599999999997</v>
      </c>
    </row>
    <row r="9676" spans="1:6" x14ac:dyDescent="0.25">
      <c r="A9676">
        <v>156.78</v>
      </c>
      <c r="B9676">
        <v>178.63</v>
      </c>
      <c r="C9676">
        <v>6436.35</v>
      </c>
      <c r="D9676">
        <v>2.5</v>
      </c>
      <c r="E9676">
        <v>8183.67</v>
      </c>
      <c r="F9676">
        <v>33.310899999999997</v>
      </c>
    </row>
    <row r="9677" spans="1:6" x14ac:dyDescent="0.25">
      <c r="A9677">
        <v>156.78</v>
      </c>
      <c r="B9677">
        <v>178.63</v>
      </c>
      <c r="C9677">
        <v>6436.35</v>
      </c>
      <c r="D9677">
        <v>2.8</v>
      </c>
      <c r="E9677">
        <v>8027.24</v>
      </c>
      <c r="F9677">
        <v>32.041699999999999</v>
      </c>
    </row>
    <row r="9678" spans="1:6" x14ac:dyDescent="0.25">
      <c r="A9678">
        <v>156.78</v>
      </c>
      <c r="B9678">
        <v>178.63</v>
      </c>
      <c r="C9678">
        <v>6436.35</v>
      </c>
      <c r="D9678">
        <v>3.1</v>
      </c>
      <c r="E9678">
        <v>7950.16</v>
      </c>
      <c r="F9678">
        <v>32.408900000000003</v>
      </c>
    </row>
    <row r="9679" spans="1:6" x14ac:dyDescent="0.25">
      <c r="A9679">
        <v>156.78</v>
      </c>
      <c r="B9679">
        <v>178.63</v>
      </c>
      <c r="C9679">
        <v>6436.35</v>
      </c>
      <c r="D9679">
        <v>3.4</v>
      </c>
      <c r="E9679">
        <v>7654.93</v>
      </c>
      <c r="F9679">
        <v>32.668500000000002</v>
      </c>
    </row>
    <row r="9680" spans="1:6" x14ac:dyDescent="0.25">
      <c r="A9680">
        <v>156.78</v>
      </c>
      <c r="B9680">
        <v>178.63</v>
      </c>
      <c r="C9680">
        <v>6436.35</v>
      </c>
      <c r="D9680">
        <v>3.7</v>
      </c>
      <c r="E9680">
        <v>7632.54</v>
      </c>
      <c r="F9680">
        <v>32.835799999999999</v>
      </c>
    </row>
    <row r="9681" spans="1:6" x14ac:dyDescent="0.25">
      <c r="A9681">
        <v>156.78</v>
      </c>
      <c r="B9681">
        <v>178.63</v>
      </c>
      <c r="C9681">
        <v>6436.35</v>
      </c>
      <c r="D9681">
        <v>4</v>
      </c>
      <c r="E9681">
        <v>7535.07</v>
      </c>
      <c r="F9681">
        <v>37.009399999999999</v>
      </c>
    </row>
    <row r="9682" spans="1:6" x14ac:dyDescent="0.25">
      <c r="A9682">
        <v>156.78</v>
      </c>
      <c r="B9682">
        <v>178.63</v>
      </c>
      <c r="C9682">
        <v>7981.8</v>
      </c>
      <c r="D9682">
        <v>1</v>
      </c>
      <c r="E9682">
        <v>6038.15</v>
      </c>
      <c r="F9682">
        <v>28.927499999999998</v>
      </c>
    </row>
    <row r="9683" spans="1:6" x14ac:dyDescent="0.25">
      <c r="A9683">
        <v>156.78</v>
      </c>
      <c r="B9683">
        <v>178.63</v>
      </c>
      <c r="C9683">
        <v>7981.8</v>
      </c>
      <c r="D9683">
        <v>1.3</v>
      </c>
      <c r="E9683">
        <v>10750.2</v>
      </c>
      <c r="F9683">
        <v>23.514800000000001</v>
      </c>
    </row>
    <row r="9684" spans="1:6" x14ac:dyDescent="0.25">
      <c r="A9684">
        <v>156.78</v>
      </c>
      <c r="B9684">
        <v>178.63</v>
      </c>
      <c r="C9684">
        <v>7981.8</v>
      </c>
      <c r="D9684">
        <v>1.6</v>
      </c>
      <c r="E9684">
        <v>5325.73</v>
      </c>
      <c r="F9684">
        <v>30.8367</v>
      </c>
    </row>
    <row r="9685" spans="1:6" x14ac:dyDescent="0.25">
      <c r="A9685">
        <v>156.78</v>
      </c>
      <c r="B9685">
        <v>178.63</v>
      </c>
      <c r="C9685">
        <v>7981.8</v>
      </c>
      <c r="D9685">
        <v>1.9</v>
      </c>
      <c r="E9685">
        <v>9946.18</v>
      </c>
      <c r="F9685">
        <v>34.7089</v>
      </c>
    </row>
    <row r="9686" spans="1:6" x14ac:dyDescent="0.25">
      <c r="A9686">
        <v>156.78</v>
      </c>
      <c r="B9686">
        <v>178.63</v>
      </c>
      <c r="C9686">
        <v>7981.8</v>
      </c>
      <c r="D9686">
        <v>2.2000000000000002</v>
      </c>
      <c r="E9686">
        <v>9958.2000000000007</v>
      </c>
      <c r="F9686">
        <v>34.403599999999997</v>
      </c>
    </row>
    <row r="9687" spans="1:6" x14ac:dyDescent="0.25">
      <c r="A9687">
        <v>156.78</v>
      </c>
      <c r="B9687">
        <v>178.63</v>
      </c>
      <c r="C9687">
        <v>7981.8</v>
      </c>
      <c r="D9687">
        <v>2.5</v>
      </c>
      <c r="E9687">
        <v>9631.35</v>
      </c>
      <c r="F9687">
        <v>33.310899999999997</v>
      </c>
    </row>
    <row r="9688" spans="1:6" x14ac:dyDescent="0.25">
      <c r="A9688">
        <v>156.78</v>
      </c>
      <c r="B9688">
        <v>178.63</v>
      </c>
      <c r="C9688">
        <v>7981.8</v>
      </c>
      <c r="D9688">
        <v>2.8</v>
      </c>
      <c r="E9688">
        <v>9423.89</v>
      </c>
      <c r="F9688">
        <v>32.041699999999999</v>
      </c>
    </row>
    <row r="9689" spans="1:6" x14ac:dyDescent="0.25">
      <c r="A9689">
        <v>156.78</v>
      </c>
      <c r="B9689">
        <v>178.63</v>
      </c>
      <c r="C9689">
        <v>7981.8</v>
      </c>
      <c r="D9689">
        <v>3.1</v>
      </c>
      <c r="E9689">
        <v>9315.7199999999993</v>
      </c>
      <c r="F9689">
        <v>32.408900000000003</v>
      </c>
    </row>
    <row r="9690" spans="1:6" x14ac:dyDescent="0.25">
      <c r="A9690">
        <v>156.78</v>
      </c>
      <c r="B9690">
        <v>178.63</v>
      </c>
      <c r="C9690">
        <v>7981.8</v>
      </c>
      <c r="D9690">
        <v>3.4</v>
      </c>
      <c r="E9690">
        <v>9271.57</v>
      </c>
      <c r="F9690">
        <v>32.668500000000002</v>
      </c>
    </row>
    <row r="9691" spans="1:6" x14ac:dyDescent="0.25">
      <c r="A9691">
        <v>156.78</v>
      </c>
      <c r="B9691">
        <v>178.63</v>
      </c>
      <c r="C9691">
        <v>7981.8</v>
      </c>
      <c r="D9691">
        <v>3.7</v>
      </c>
      <c r="E9691">
        <v>9111.16</v>
      </c>
      <c r="F9691">
        <v>32.835799999999999</v>
      </c>
    </row>
    <row r="9692" spans="1:6" x14ac:dyDescent="0.25">
      <c r="A9692">
        <v>156.78</v>
      </c>
      <c r="B9692">
        <v>178.63</v>
      </c>
      <c r="C9692">
        <v>7981.8</v>
      </c>
      <c r="D9692">
        <v>4</v>
      </c>
      <c r="E9692">
        <v>9090.17</v>
      </c>
      <c r="F9692">
        <v>37.009399999999999</v>
      </c>
    </row>
    <row r="9693" spans="1:6" x14ac:dyDescent="0.25">
      <c r="A9693">
        <v>156.78</v>
      </c>
      <c r="B9693">
        <v>178.63</v>
      </c>
      <c r="C9693">
        <v>9527.25</v>
      </c>
      <c r="D9693">
        <v>1</v>
      </c>
      <c r="E9693">
        <v>6038.15</v>
      </c>
      <c r="F9693">
        <v>28.927499999999998</v>
      </c>
    </row>
    <row r="9694" spans="1:6" x14ac:dyDescent="0.25">
      <c r="A9694">
        <v>156.78</v>
      </c>
      <c r="B9694">
        <v>178.63</v>
      </c>
      <c r="C9694">
        <v>9527.25</v>
      </c>
      <c r="D9694">
        <v>1.3</v>
      </c>
      <c r="E9694">
        <v>12322.4</v>
      </c>
      <c r="F9694">
        <v>23.514800000000001</v>
      </c>
    </row>
    <row r="9695" spans="1:6" x14ac:dyDescent="0.25">
      <c r="A9695">
        <v>156.78</v>
      </c>
      <c r="B9695">
        <v>178.63</v>
      </c>
      <c r="C9695">
        <v>9527.25</v>
      </c>
      <c r="D9695">
        <v>1.6</v>
      </c>
      <c r="E9695">
        <v>5325.73</v>
      </c>
      <c r="F9695">
        <v>30.8367</v>
      </c>
    </row>
    <row r="9696" spans="1:6" x14ac:dyDescent="0.25">
      <c r="A9696">
        <v>156.78</v>
      </c>
      <c r="B9696">
        <v>178.63</v>
      </c>
      <c r="C9696">
        <v>9527.25</v>
      </c>
      <c r="D9696">
        <v>1.9</v>
      </c>
      <c r="E9696">
        <v>11751.2</v>
      </c>
      <c r="F9696">
        <v>34.7089</v>
      </c>
    </row>
    <row r="9697" spans="1:6" x14ac:dyDescent="0.25">
      <c r="A9697">
        <v>156.78</v>
      </c>
      <c r="B9697">
        <v>178.63</v>
      </c>
      <c r="C9697">
        <v>9527.25</v>
      </c>
      <c r="D9697">
        <v>2.2000000000000002</v>
      </c>
      <c r="E9697">
        <v>11348.6</v>
      </c>
      <c r="F9697">
        <v>34.403599999999997</v>
      </c>
    </row>
    <row r="9698" spans="1:6" x14ac:dyDescent="0.25">
      <c r="A9698">
        <v>156.78</v>
      </c>
      <c r="B9698">
        <v>178.63</v>
      </c>
      <c r="C9698">
        <v>9527.25</v>
      </c>
      <c r="D9698">
        <v>2.5</v>
      </c>
      <c r="E9698">
        <v>11100.2</v>
      </c>
      <c r="F9698">
        <v>33.310899999999997</v>
      </c>
    </row>
    <row r="9699" spans="1:6" x14ac:dyDescent="0.25">
      <c r="A9699">
        <v>156.78</v>
      </c>
      <c r="B9699">
        <v>178.63</v>
      </c>
      <c r="C9699">
        <v>9527.25</v>
      </c>
      <c r="D9699">
        <v>2.8</v>
      </c>
      <c r="E9699">
        <v>10925.2</v>
      </c>
      <c r="F9699">
        <v>32.041699999999999</v>
      </c>
    </row>
    <row r="9700" spans="1:6" x14ac:dyDescent="0.25">
      <c r="A9700">
        <v>156.78</v>
      </c>
      <c r="B9700">
        <v>178.63</v>
      </c>
      <c r="C9700">
        <v>9527.25</v>
      </c>
      <c r="D9700">
        <v>3.1</v>
      </c>
      <c r="E9700">
        <v>10781.6</v>
      </c>
      <c r="F9700">
        <v>32.408900000000003</v>
      </c>
    </row>
    <row r="9701" spans="1:6" x14ac:dyDescent="0.25">
      <c r="A9701">
        <v>156.78</v>
      </c>
      <c r="B9701">
        <v>178.63</v>
      </c>
      <c r="C9701">
        <v>9527.25</v>
      </c>
      <c r="D9701">
        <v>3.4</v>
      </c>
      <c r="E9701">
        <v>10665.4</v>
      </c>
      <c r="F9701">
        <v>32.668500000000002</v>
      </c>
    </row>
    <row r="9702" spans="1:6" x14ac:dyDescent="0.25">
      <c r="A9702">
        <v>156.78</v>
      </c>
      <c r="B9702">
        <v>178.63</v>
      </c>
      <c r="C9702">
        <v>9527.25</v>
      </c>
      <c r="D9702">
        <v>3.7</v>
      </c>
      <c r="E9702">
        <v>10566.5</v>
      </c>
      <c r="F9702">
        <v>32.835799999999999</v>
      </c>
    </row>
    <row r="9703" spans="1:6" x14ac:dyDescent="0.25">
      <c r="A9703">
        <v>156.78</v>
      </c>
      <c r="B9703">
        <v>178.63</v>
      </c>
      <c r="C9703">
        <v>9527.25</v>
      </c>
      <c r="D9703">
        <v>4</v>
      </c>
      <c r="E9703">
        <v>10697.5</v>
      </c>
      <c r="F9703">
        <v>37.009399999999999</v>
      </c>
    </row>
    <row r="9704" spans="1:6" x14ac:dyDescent="0.25">
      <c r="A9704">
        <v>156.78</v>
      </c>
      <c r="B9704">
        <v>178.63</v>
      </c>
      <c r="C9704">
        <v>11072.7</v>
      </c>
      <c r="D9704">
        <v>1</v>
      </c>
      <c r="E9704">
        <v>6038.15</v>
      </c>
      <c r="F9704">
        <v>28.927499999999998</v>
      </c>
    </row>
    <row r="9705" spans="1:6" x14ac:dyDescent="0.25">
      <c r="A9705">
        <v>156.78</v>
      </c>
      <c r="B9705">
        <v>178.63</v>
      </c>
      <c r="C9705">
        <v>11072.7</v>
      </c>
      <c r="D9705">
        <v>1.3</v>
      </c>
      <c r="E9705">
        <v>13898.1</v>
      </c>
      <c r="F9705">
        <v>23.514800000000001</v>
      </c>
    </row>
    <row r="9706" spans="1:6" x14ac:dyDescent="0.25">
      <c r="A9706">
        <v>156.78</v>
      </c>
      <c r="B9706">
        <v>178.63</v>
      </c>
      <c r="C9706">
        <v>11072.7</v>
      </c>
      <c r="D9706">
        <v>1.6</v>
      </c>
      <c r="E9706">
        <v>5325.73</v>
      </c>
      <c r="F9706">
        <v>30.8367</v>
      </c>
    </row>
    <row r="9707" spans="1:6" x14ac:dyDescent="0.25">
      <c r="A9707">
        <v>156.78</v>
      </c>
      <c r="B9707">
        <v>178.63</v>
      </c>
      <c r="C9707">
        <v>11072.7</v>
      </c>
      <c r="D9707">
        <v>1.9</v>
      </c>
      <c r="E9707">
        <v>13044.4</v>
      </c>
      <c r="F9707">
        <v>34.7089</v>
      </c>
    </row>
    <row r="9708" spans="1:6" x14ac:dyDescent="0.25">
      <c r="A9708">
        <v>156.78</v>
      </c>
      <c r="B9708">
        <v>178.63</v>
      </c>
      <c r="C9708">
        <v>11072.7</v>
      </c>
      <c r="D9708">
        <v>2.2000000000000002</v>
      </c>
      <c r="E9708">
        <v>13016.5</v>
      </c>
      <c r="F9708">
        <v>34.403599999999997</v>
      </c>
    </row>
    <row r="9709" spans="1:6" x14ac:dyDescent="0.25">
      <c r="A9709">
        <v>156.78</v>
      </c>
      <c r="B9709">
        <v>178.63</v>
      </c>
      <c r="C9709">
        <v>11072.7</v>
      </c>
      <c r="D9709">
        <v>2.5</v>
      </c>
      <c r="E9709">
        <v>12793</v>
      </c>
      <c r="F9709">
        <v>33.310899999999997</v>
      </c>
    </row>
    <row r="9710" spans="1:6" x14ac:dyDescent="0.25">
      <c r="A9710">
        <v>156.78</v>
      </c>
      <c r="B9710">
        <v>178.63</v>
      </c>
      <c r="C9710">
        <v>11072.7</v>
      </c>
      <c r="D9710">
        <v>2.8</v>
      </c>
      <c r="E9710">
        <v>12611.2</v>
      </c>
      <c r="F9710">
        <v>32.041699999999999</v>
      </c>
    </row>
    <row r="9711" spans="1:6" x14ac:dyDescent="0.25">
      <c r="A9711">
        <v>156.78</v>
      </c>
      <c r="B9711">
        <v>178.63</v>
      </c>
      <c r="C9711">
        <v>11072.7</v>
      </c>
      <c r="D9711">
        <v>3.1</v>
      </c>
      <c r="E9711">
        <v>12315.9</v>
      </c>
      <c r="F9711">
        <v>32.408900000000003</v>
      </c>
    </row>
    <row r="9712" spans="1:6" x14ac:dyDescent="0.25">
      <c r="A9712">
        <v>156.78</v>
      </c>
      <c r="B9712">
        <v>178.63</v>
      </c>
      <c r="C9712">
        <v>11072.7</v>
      </c>
      <c r="D9712">
        <v>3.4</v>
      </c>
      <c r="E9712">
        <v>12191.1</v>
      </c>
      <c r="F9712">
        <v>32.668500000000002</v>
      </c>
    </row>
    <row r="9713" spans="1:6" x14ac:dyDescent="0.25">
      <c r="A9713">
        <v>156.78</v>
      </c>
      <c r="B9713">
        <v>178.63</v>
      </c>
      <c r="C9713">
        <v>11072.7</v>
      </c>
      <c r="D9713">
        <v>3.7</v>
      </c>
      <c r="E9713">
        <v>12090.6</v>
      </c>
      <c r="F9713">
        <v>32.835799999999999</v>
      </c>
    </row>
    <row r="9714" spans="1:6" x14ac:dyDescent="0.25">
      <c r="A9714">
        <v>156.78</v>
      </c>
      <c r="B9714">
        <v>178.63</v>
      </c>
      <c r="C9714">
        <v>11072.7</v>
      </c>
      <c r="D9714">
        <v>4</v>
      </c>
      <c r="E9714">
        <v>12101.4</v>
      </c>
      <c r="F9714">
        <v>37.009399999999999</v>
      </c>
    </row>
    <row r="9715" spans="1:6" x14ac:dyDescent="0.25">
      <c r="A9715">
        <v>156.78</v>
      </c>
      <c r="B9715">
        <v>178.63</v>
      </c>
      <c r="C9715">
        <v>12618.2</v>
      </c>
      <c r="D9715">
        <v>1</v>
      </c>
      <c r="E9715">
        <v>6038.15</v>
      </c>
      <c r="F9715">
        <v>28.927499999999998</v>
      </c>
    </row>
    <row r="9716" spans="1:6" x14ac:dyDescent="0.25">
      <c r="A9716">
        <v>156.78</v>
      </c>
      <c r="B9716">
        <v>178.63</v>
      </c>
      <c r="C9716">
        <v>12618.2</v>
      </c>
      <c r="D9716">
        <v>1.3</v>
      </c>
      <c r="E9716">
        <v>15426.6</v>
      </c>
      <c r="F9716">
        <v>23.514800000000001</v>
      </c>
    </row>
    <row r="9717" spans="1:6" x14ac:dyDescent="0.25">
      <c r="A9717">
        <v>156.78</v>
      </c>
      <c r="B9717">
        <v>178.63</v>
      </c>
      <c r="C9717">
        <v>12618.2</v>
      </c>
      <c r="D9717">
        <v>1.6</v>
      </c>
      <c r="E9717">
        <v>5325.73</v>
      </c>
      <c r="F9717">
        <v>30.8367</v>
      </c>
    </row>
    <row r="9718" spans="1:6" x14ac:dyDescent="0.25">
      <c r="A9718">
        <v>156.78</v>
      </c>
      <c r="B9718">
        <v>178.63</v>
      </c>
      <c r="C9718">
        <v>12618.2</v>
      </c>
      <c r="D9718">
        <v>1.9</v>
      </c>
      <c r="E9718">
        <v>14743.9</v>
      </c>
      <c r="F9718">
        <v>34.7089</v>
      </c>
    </row>
    <row r="9719" spans="1:6" x14ac:dyDescent="0.25">
      <c r="A9719">
        <v>156.78</v>
      </c>
      <c r="B9719">
        <v>178.63</v>
      </c>
      <c r="C9719">
        <v>12618.2</v>
      </c>
      <c r="D9719">
        <v>2.2000000000000002</v>
      </c>
      <c r="E9719">
        <v>14529</v>
      </c>
      <c r="F9719">
        <v>34.403599999999997</v>
      </c>
    </row>
    <row r="9720" spans="1:6" x14ac:dyDescent="0.25">
      <c r="A9720">
        <v>156.78</v>
      </c>
      <c r="B9720">
        <v>178.63</v>
      </c>
      <c r="C9720">
        <v>12618.2</v>
      </c>
      <c r="D9720">
        <v>2.5</v>
      </c>
      <c r="E9720">
        <v>14318.8</v>
      </c>
      <c r="F9720">
        <v>33.310899999999997</v>
      </c>
    </row>
    <row r="9721" spans="1:6" x14ac:dyDescent="0.25">
      <c r="A9721">
        <v>156.78</v>
      </c>
      <c r="B9721">
        <v>178.63</v>
      </c>
      <c r="C9721">
        <v>12618.2</v>
      </c>
      <c r="D9721">
        <v>2.8</v>
      </c>
      <c r="E9721">
        <v>14020.9</v>
      </c>
      <c r="F9721">
        <v>32.041699999999999</v>
      </c>
    </row>
    <row r="9722" spans="1:6" x14ac:dyDescent="0.25">
      <c r="A9722">
        <v>156.78</v>
      </c>
      <c r="B9722">
        <v>178.63</v>
      </c>
      <c r="C9722">
        <v>12618.2</v>
      </c>
      <c r="D9722">
        <v>3.1</v>
      </c>
      <c r="E9722">
        <v>14025.8</v>
      </c>
      <c r="F9722">
        <v>32.408900000000003</v>
      </c>
    </row>
    <row r="9723" spans="1:6" x14ac:dyDescent="0.25">
      <c r="A9723">
        <v>156.78</v>
      </c>
      <c r="B9723">
        <v>178.63</v>
      </c>
      <c r="C9723">
        <v>12618.2</v>
      </c>
      <c r="D9723">
        <v>3.4</v>
      </c>
      <c r="E9723">
        <v>13880.2</v>
      </c>
      <c r="F9723">
        <v>32.668500000000002</v>
      </c>
    </row>
    <row r="9724" spans="1:6" x14ac:dyDescent="0.25">
      <c r="A9724">
        <v>156.78</v>
      </c>
      <c r="B9724">
        <v>178.63</v>
      </c>
      <c r="C9724">
        <v>12618.2</v>
      </c>
      <c r="D9724">
        <v>3.7</v>
      </c>
      <c r="E9724">
        <v>13790.3</v>
      </c>
      <c r="F9724">
        <v>32.835799999999999</v>
      </c>
    </row>
    <row r="9725" spans="1:6" x14ac:dyDescent="0.25">
      <c r="A9725">
        <v>156.78</v>
      </c>
      <c r="B9725">
        <v>178.63</v>
      </c>
      <c r="C9725">
        <v>12618.2</v>
      </c>
      <c r="D9725">
        <v>4</v>
      </c>
      <c r="E9725">
        <v>13634.1</v>
      </c>
      <c r="F9725">
        <v>37.009399999999999</v>
      </c>
    </row>
    <row r="9726" spans="1:6" x14ac:dyDescent="0.25">
      <c r="A9726">
        <v>156.78</v>
      </c>
      <c r="B9726">
        <v>178.63</v>
      </c>
      <c r="C9726">
        <v>14163.6</v>
      </c>
      <c r="D9726">
        <v>1</v>
      </c>
      <c r="E9726">
        <v>6038.15</v>
      </c>
      <c r="F9726">
        <v>28.927499999999998</v>
      </c>
    </row>
    <row r="9727" spans="1:6" x14ac:dyDescent="0.25">
      <c r="A9727">
        <v>156.78</v>
      </c>
      <c r="B9727">
        <v>178.63</v>
      </c>
      <c r="C9727">
        <v>14163.6</v>
      </c>
      <c r="D9727">
        <v>1.3</v>
      </c>
      <c r="E9727">
        <v>17111.099999999999</v>
      </c>
      <c r="F9727">
        <v>23.514800000000001</v>
      </c>
    </row>
    <row r="9728" spans="1:6" x14ac:dyDescent="0.25">
      <c r="A9728">
        <v>156.78</v>
      </c>
      <c r="B9728">
        <v>178.63</v>
      </c>
      <c r="C9728">
        <v>14163.6</v>
      </c>
      <c r="D9728">
        <v>1.6</v>
      </c>
      <c r="E9728">
        <v>5325.73</v>
      </c>
      <c r="F9728">
        <v>30.8367</v>
      </c>
    </row>
    <row r="9729" spans="1:6" x14ac:dyDescent="0.25">
      <c r="A9729">
        <v>156.78</v>
      </c>
      <c r="B9729">
        <v>178.63</v>
      </c>
      <c r="C9729">
        <v>14163.6</v>
      </c>
      <c r="D9729">
        <v>1.9</v>
      </c>
      <c r="E9729">
        <v>16302.9</v>
      </c>
      <c r="F9729">
        <v>34.7089</v>
      </c>
    </row>
    <row r="9730" spans="1:6" x14ac:dyDescent="0.25">
      <c r="A9730">
        <v>156.78</v>
      </c>
      <c r="B9730">
        <v>178.63</v>
      </c>
      <c r="C9730">
        <v>14163.6</v>
      </c>
      <c r="D9730">
        <v>2.2000000000000002</v>
      </c>
      <c r="E9730">
        <v>16129.7</v>
      </c>
      <c r="F9730">
        <v>34.403599999999997</v>
      </c>
    </row>
    <row r="9731" spans="1:6" x14ac:dyDescent="0.25">
      <c r="A9731">
        <v>156.78</v>
      </c>
      <c r="B9731">
        <v>178.63</v>
      </c>
      <c r="C9731">
        <v>14163.6</v>
      </c>
      <c r="D9731">
        <v>2.5</v>
      </c>
      <c r="E9731">
        <v>15863.5</v>
      </c>
      <c r="F9731">
        <v>33.310899999999997</v>
      </c>
    </row>
    <row r="9732" spans="1:6" x14ac:dyDescent="0.25">
      <c r="A9732">
        <v>156.78</v>
      </c>
      <c r="B9732">
        <v>178.63</v>
      </c>
      <c r="C9732">
        <v>14163.6</v>
      </c>
      <c r="D9732">
        <v>2.8</v>
      </c>
      <c r="E9732">
        <v>15582.4</v>
      </c>
      <c r="F9732">
        <v>32.041699999999999</v>
      </c>
    </row>
    <row r="9733" spans="1:6" x14ac:dyDescent="0.25">
      <c r="A9733">
        <v>156.78</v>
      </c>
      <c r="B9733">
        <v>178.63</v>
      </c>
      <c r="C9733">
        <v>14163.6</v>
      </c>
      <c r="D9733">
        <v>3.1</v>
      </c>
      <c r="E9733">
        <v>15491.8</v>
      </c>
      <c r="F9733">
        <v>32.408900000000003</v>
      </c>
    </row>
    <row r="9734" spans="1:6" x14ac:dyDescent="0.25">
      <c r="A9734">
        <v>156.78</v>
      </c>
      <c r="B9734">
        <v>178.63</v>
      </c>
      <c r="C9734">
        <v>14163.6</v>
      </c>
      <c r="D9734">
        <v>3.4</v>
      </c>
      <c r="E9734">
        <v>15333.5</v>
      </c>
      <c r="F9734">
        <v>32.668500000000002</v>
      </c>
    </row>
    <row r="9735" spans="1:6" x14ac:dyDescent="0.25">
      <c r="A9735">
        <v>156.78</v>
      </c>
      <c r="B9735">
        <v>178.63</v>
      </c>
      <c r="C9735">
        <v>14163.6</v>
      </c>
      <c r="D9735">
        <v>3.7</v>
      </c>
      <c r="E9735">
        <v>15218.1</v>
      </c>
      <c r="F9735">
        <v>32.835799999999999</v>
      </c>
    </row>
    <row r="9736" spans="1:6" x14ac:dyDescent="0.25">
      <c r="A9736">
        <v>156.78</v>
      </c>
      <c r="B9736">
        <v>178.63</v>
      </c>
      <c r="C9736">
        <v>14163.6</v>
      </c>
      <c r="D9736">
        <v>4</v>
      </c>
      <c r="E9736">
        <v>15321</v>
      </c>
      <c r="F9736">
        <v>37.009399999999999</v>
      </c>
    </row>
    <row r="9737" spans="1:6" x14ac:dyDescent="0.25">
      <c r="A9737">
        <v>156.78</v>
      </c>
      <c r="B9737">
        <v>178.63</v>
      </c>
      <c r="C9737">
        <v>15709.1</v>
      </c>
      <c r="D9737">
        <v>1</v>
      </c>
      <c r="E9737">
        <v>6038.15</v>
      </c>
      <c r="F9737">
        <v>28.927499999999998</v>
      </c>
    </row>
    <row r="9738" spans="1:6" x14ac:dyDescent="0.25">
      <c r="A9738">
        <v>156.78</v>
      </c>
      <c r="B9738">
        <v>178.63</v>
      </c>
      <c r="C9738">
        <v>15709.1</v>
      </c>
      <c r="D9738">
        <v>1.3</v>
      </c>
      <c r="E9738">
        <v>18659.400000000001</v>
      </c>
      <c r="F9738">
        <v>23.514800000000001</v>
      </c>
    </row>
    <row r="9739" spans="1:6" x14ac:dyDescent="0.25">
      <c r="A9739">
        <v>156.78</v>
      </c>
      <c r="B9739">
        <v>178.63</v>
      </c>
      <c r="C9739">
        <v>15709.1</v>
      </c>
      <c r="D9739">
        <v>1.6</v>
      </c>
      <c r="E9739">
        <v>5325.73</v>
      </c>
      <c r="F9739">
        <v>30.8367</v>
      </c>
    </row>
    <row r="9740" spans="1:6" x14ac:dyDescent="0.25">
      <c r="A9740">
        <v>156.78</v>
      </c>
      <c r="B9740">
        <v>178.63</v>
      </c>
      <c r="C9740">
        <v>15709.1</v>
      </c>
      <c r="D9740">
        <v>1.9</v>
      </c>
      <c r="E9740">
        <v>17689</v>
      </c>
      <c r="F9740">
        <v>34.7089</v>
      </c>
    </row>
    <row r="9741" spans="1:6" x14ac:dyDescent="0.25">
      <c r="A9741">
        <v>156.78</v>
      </c>
      <c r="B9741">
        <v>178.63</v>
      </c>
      <c r="C9741">
        <v>15709.1</v>
      </c>
      <c r="D9741">
        <v>2.2000000000000002</v>
      </c>
      <c r="E9741">
        <v>17572.599999999999</v>
      </c>
      <c r="F9741">
        <v>34.403599999999997</v>
      </c>
    </row>
    <row r="9742" spans="1:6" x14ac:dyDescent="0.25">
      <c r="A9742">
        <v>156.78</v>
      </c>
      <c r="B9742">
        <v>178.63</v>
      </c>
      <c r="C9742">
        <v>15709.1</v>
      </c>
      <c r="D9742">
        <v>2.5</v>
      </c>
      <c r="E9742">
        <v>17285.3</v>
      </c>
      <c r="F9742">
        <v>33.310899999999997</v>
      </c>
    </row>
    <row r="9743" spans="1:6" x14ac:dyDescent="0.25">
      <c r="A9743">
        <v>156.78</v>
      </c>
      <c r="B9743">
        <v>178.63</v>
      </c>
      <c r="C9743">
        <v>15709.1</v>
      </c>
      <c r="D9743">
        <v>2.8</v>
      </c>
      <c r="E9743">
        <v>17255.599999999999</v>
      </c>
      <c r="F9743">
        <v>32.041699999999999</v>
      </c>
    </row>
    <row r="9744" spans="1:6" x14ac:dyDescent="0.25">
      <c r="A9744">
        <v>156.78</v>
      </c>
      <c r="B9744">
        <v>178.63</v>
      </c>
      <c r="C9744">
        <v>15709.1</v>
      </c>
      <c r="D9744">
        <v>3.1</v>
      </c>
      <c r="E9744">
        <v>16934.8</v>
      </c>
      <c r="F9744">
        <v>32.408900000000003</v>
      </c>
    </row>
    <row r="9745" spans="1:6" x14ac:dyDescent="0.25">
      <c r="A9745">
        <v>156.78</v>
      </c>
      <c r="B9745">
        <v>178.63</v>
      </c>
      <c r="C9745">
        <v>15709.1</v>
      </c>
      <c r="D9745">
        <v>3.4</v>
      </c>
      <c r="E9745">
        <v>16829.8</v>
      </c>
      <c r="F9745">
        <v>32.668500000000002</v>
      </c>
    </row>
    <row r="9746" spans="1:6" x14ac:dyDescent="0.25">
      <c r="A9746">
        <v>156.78</v>
      </c>
      <c r="B9746">
        <v>178.63</v>
      </c>
      <c r="C9746">
        <v>15709.1</v>
      </c>
      <c r="D9746">
        <v>3.7</v>
      </c>
      <c r="E9746">
        <v>16724.900000000001</v>
      </c>
      <c r="F9746">
        <v>32.835799999999999</v>
      </c>
    </row>
    <row r="9747" spans="1:6" x14ac:dyDescent="0.25">
      <c r="A9747">
        <v>156.78</v>
      </c>
      <c r="B9747">
        <v>178.63</v>
      </c>
      <c r="C9747">
        <v>15709.1</v>
      </c>
      <c r="D9747">
        <v>4</v>
      </c>
      <c r="E9747">
        <v>16871.8</v>
      </c>
      <c r="F9747">
        <v>37.009399999999999</v>
      </c>
    </row>
    <row r="9748" spans="1:6" x14ac:dyDescent="0.25">
      <c r="A9748">
        <v>156.78</v>
      </c>
      <c r="B9748">
        <v>178.63</v>
      </c>
      <c r="C9748">
        <v>17254.5</v>
      </c>
      <c r="D9748">
        <v>1</v>
      </c>
      <c r="E9748">
        <v>6038.15</v>
      </c>
      <c r="F9748">
        <v>28.927499999999998</v>
      </c>
    </row>
    <row r="9749" spans="1:6" x14ac:dyDescent="0.25">
      <c r="A9749">
        <v>156.78</v>
      </c>
      <c r="B9749">
        <v>178.63</v>
      </c>
      <c r="C9749">
        <v>17254.5</v>
      </c>
      <c r="D9749">
        <v>1.3</v>
      </c>
      <c r="E9749">
        <v>20110.2</v>
      </c>
      <c r="F9749">
        <v>23.514800000000001</v>
      </c>
    </row>
    <row r="9750" spans="1:6" x14ac:dyDescent="0.25">
      <c r="A9750">
        <v>156.78</v>
      </c>
      <c r="B9750">
        <v>178.63</v>
      </c>
      <c r="C9750">
        <v>17254.5</v>
      </c>
      <c r="D9750">
        <v>1.6</v>
      </c>
      <c r="E9750">
        <v>5325.73</v>
      </c>
      <c r="F9750">
        <v>30.8367</v>
      </c>
    </row>
    <row r="9751" spans="1:6" x14ac:dyDescent="0.25">
      <c r="A9751">
        <v>156.78</v>
      </c>
      <c r="B9751">
        <v>178.63</v>
      </c>
      <c r="C9751">
        <v>17254.5</v>
      </c>
      <c r="D9751">
        <v>1.9</v>
      </c>
      <c r="E9751">
        <v>19279.3</v>
      </c>
      <c r="F9751">
        <v>34.7089</v>
      </c>
    </row>
    <row r="9752" spans="1:6" x14ac:dyDescent="0.25">
      <c r="A9752">
        <v>156.78</v>
      </c>
      <c r="B9752">
        <v>178.63</v>
      </c>
      <c r="C9752">
        <v>17254.5</v>
      </c>
      <c r="D9752">
        <v>2.2000000000000002</v>
      </c>
      <c r="E9752">
        <v>19125.5</v>
      </c>
      <c r="F9752">
        <v>34.403599999999997</v>
      </c>
    </row>
    <row r="9753" spans="1:6" x14ac:dyDescent="0.25">
      <c r="A9753">
        <v>156.78</v>
      </c>
      <c r="B9753">
        <v>178.63</v>
      </c>
      <c r="C9753">
        <v>17254.5</v>
      </c>
      <c r="D9753">
        <v>2.5</v>
      </c>
      <c r="E9753">
        <v>18944.400000000001</v>
      </c>
      <c r="F9753">
        <v>33.310899999999997</v>
      </c>
    </row>
    <row r="9754" spans="1:6" x14ac:dyDescent="0.25">
      <c r="A9754">
        <v>156.78</v>
      </c>
      <c r="B9754">
        <v>178.63</v>
      </c>
      <c r="C9754">
        <v>17254.5</v>
      </c>
      <c r="D9754">
        <v>2.8</v>
      </c>
      <c r="E9754">
        <v>18705.900000000001</v>
      </c>
      <c r="F9754">
        <v>32.041699999999999</v>
      </c>
    </row>
    <row r="9755" spans="1:6" x14ac:dyDescent="0.25">
      <c r="A9755">
        <v>156.78</v>
      </c>
      <c r="B9755">
        <v>178.63</v>
      </c>
      <c r="C9755">
        <v>17254.5</v>
      </c>
      <c r="D9755">
        <v>3.1</v>
      </c>
      <c r="E9755">
        <v>18661.8</v>
      </c>
      <c r="F9755">
        <v>32.408900000000003</v>
      </c>
    </row>
    <row r="9756" spans="1:6" x14ac:dyDescent="0.25">
      <c r="A9756">
        <v>156.78</v>
      </c>
      <c r="B9756">
        <v>178.63</v>
      </c>
      <c r="C9756">
        <v>17254.5</v>
      </c>
      <c r="D9756">
        <v>3.4</v>
      </c>
      <c r="E9756">
        <v>18365.599999999999</v>
      </c>
      <c r="F9756">
        <v>32.668500000000002</v>
      </c>
    </row>
    <row r="9757" spans="1:6" x14ac:dyDescent="0.25">
      <c r="A9757">
        <v>156.78</v>
      </c>
      <c r="B9757">
        <v>178.63</v>
      </c>
      <c r="C9757">
        <v>17254.5</v>
      </c>
      <c r="D9757">
        <v>3.7</v>
      </c>
      <c r="E9757">
        <v>18360.2</v>
      </c>
      <c r="F9757">
        <v>32.835799999999999</v>
      </c>
    </row>
    <row r="9758" spans="1:6" x14ac:dyDescent="0.25">
      <c r="A9758">
        <v>156.78</v>
      </c>
      <c r="B9758">
        <v>178.63</v>
      </c>
      <c r="C9758">
        <v>17254.5</v>
      </c>
      <c r="D9758">
        <v>4</v>
      </c>
      <c r="E9758">
        <v>18344.099999999999</v>
      </c>
      <c r="F9758">
        <v>37.009399999999999</v>
      </c>
    </row>
    <row r="9759" spans="1:6" x14ac:dyDescent="0.25">
      <c r="A9759">
        <v>156.78</v>
      </c>
      <c r="B9759">
        <v>178.63</v>
      </c>
      <c r="C9759">
        <v>18800</v>
      </c>
      <c r="D9759">
        <v>1</v>
      </c>
      <c r="E9759">
        <v>6038.15</v>
      </c>
      <c r="F9759">
        <v>28.927499999999998</v>
      </c>
    </row>
    <row r="9760" spans="1:6" x14ac:dyDescent="0.25">
      <c r="A9760">
        <v>156.78</v>
      </c>
      <c r="B9760">
        <v>178.63</v>
      </c>
      <c r="C9760">
        <v>18800</v>
      </c>
      <c r="D9760">
        <v>1.3</v>
      </c>
      <c r="E9760">
        <v>21432.1</v>
      </c>
      <c r="F9760">
        <v>23.514800000000001</v>
      </c>
    </row>
    <row r="9761" spans="1:6" x14ac:dyDescent="0.25">
      <c r="A9761">
        <v>156.78</v>
      </c>
      <c r="B9761">
        <v>178.63</v>
      </c>
      <c r="C9761">
        <v>18800</v>
      </c>
      <c r="D9761">
        <v>1.6</v>
      </c>
      <c r="E9761">
        <v>5325.73</v>
      </c>
      <c r="F9761">
        <v>30.8367</v>
      </c>
    </row>
    <row r="9762" spans="1:6" x14ac:dyDescent="0.25">
      <c r="A9762">
        <v>156.78</v>
      </c>
      <c r="B9762">
        <v>178.63</v>
      </c>
      <c r="C9762">
        <v>18800</v>
      </c>
      <c r="D9762">
        <v>1.9</v>
      </c>
      <c r="E9762">
        <v>20783.099999999999</v>
      </c>
      <c r="F9762">
        <v>34.7089</v>
      </c>
    </row>
    <row r="9763" spans="1:6" x14ac:dyDescent="0.25">
      <c r="A9763">
        <v>156.78</v>
      </c>
      <c r="B9763">
        <v>178.63</v>
      </c>
      <c r="C9763">
        <v>18800</v>
      </c>
      <c r="D9763">
        <v>2.2000000000000002</v>
      </c>
      <c r="E9763">
        <v>20653.8</v>
      </c>
      <c r="F9763">
        <v>34.403599999999997</v>
      </c>
    </row>
    <row r="9764" spans="1:6" x14ac:dyDescent="0.25">
      <c r="A9764">
        <v>156.78</v>
      </c>
      <c r="B9764">
        <v>178.63</v>
      </c>
      <c r="C9764">
        <v>18800</v>
      </c>
      <c r="D9764">
        <v>2.5</v>
      </c>
      <c r="E9764">
        <v>20367.2</v>
      </c>
      <c r="F9764">
        <v>33.310899999999997</v>
      </c>
    </row>
    <row r="9765" spans="1:6" x14ac:dyDescent="0.25">
      <c r="A9765">
        <v>156.78</v>
      </c>
      <c r="B9765">
        <v>178.63</v>
      </c>
      <c r="C9765">
        <v>18800</v>
      </c>
      <c r="D9765">
        <v>2.8</v>
      </c>
      <c r="E9765">
        <v>20183.900000000001</v>
      </c>
      <c r="F9765">
        <v>32.041699999999999</v>
      </c>
    </row>
    <row r="9766" spans="1:6" x14ac:dyDescent="0.25">
      <c r="A9766">
        <v>156.78</v>
      </c>
      <c r="B9766">
        <v>178.63</v>
      </c>
      <c r="C9766">
        <v>18800</v>
      </c>
      <c r="D9766">
        <v>3.1</v>
      </c>
      <c r="E9766">
        <v>19999.099999999999</v>
      </c>
      <c r="F9766">
        <v>32.408900000000003</v>
      </c>
    </row>
    <row r="9767" spans="1:6" x14ac:dyDescent="0.25">
      <c r="A9767">
        <v>156.78</v>
      </c>
      <c r="B9767">
        <v>178.63</v>
      </c>
      <c r="C9767">
        <v>18800</v>
      </c>
      <c r="D9767">
        <v>3.4</v>
      </c>
      <c r="E9767">
        <v>19964.900000000001</v>
      </c>
      <c r="F9767">
        <v>32.668500000000002</v>
      </c>
    </row>
    <row r="9768" spans="1:6" x14ac:dyDescent="0.25">
      <c r="A9768">
        <v>156.78</v>
      </c>
      <c r="B9768">
        <v>178.63</v>
      </c>
      <c r="C9768">
        <v>18800</v>
      </c>
      <c r="D9768">
        <v>3.7</v>
      </c>
      <c r="E9768">
        <v>19816.599999999999</v>
      </c>
      <c r="F9768">
        <v>32.835799999999999</v>
      </c>
    </row>
    <row r="9769" spans="1:6" x14ac:dyDescent="0.25">
      <c r="A9769">
        <v>156.78</v>
      </c>
      <c r="B9769">
        <v>178.63</v>
      </c>
      <c r="C9769">
        <v>18800</v>
      </c>
      <c r="D9769">
        <v>4</v>
      </c>
      <c r="E9769">
        <v>19878.5</v>
      </c>
      <c r="F9769">
        <v>37.009399999999999</v>
      </c>
    </row>
    <row r="9770" spans="1:6" x14ac:dyDescent="0.25">
      <c r="A9770">
        <v>156.78</v>
      </c>
      <c r="B9770">
        <v>182.26</v>
      </c>
      <c r="C9770">
        <v>1800</v>
      </c>
      <c r="D9770">
        <v>1</v>
      </c>
      <c r="E9770">
        <v>5359.03</v>
      </c>
      <c r="F9770">
        <v>37.424100000000003</v>
      </c>
    </row>
    <row r="9771" spans="1:6" x14ac:dyDescent="0.25">
      <c r="A9771">
        <v>156.78</v>
      </c>
      <c r="B9771">
        <v>182.26</v>
      </c>
      <c r="C9771">
        <v>1800</v>
      </c>
      <c r="D9771">
        <v>1.3</v>
      </c>
      <c r="E9771">
        <v>4785.18</v>
      </c>
      <c r="F9771">
        <v>45.903599999999997</v>
      </c>
    </row>
    <row r="9772" spans="1:6" x14ac:dyDescent="0.25">
      <c r="A9772">
        <v>156.78</v>
      </c>
      <c r="B9772">
        <v>182.26</v>
      </c>
      <c r="C9772">
        <v>1800</v>
      </c>
      <c r="D9772">
        <v>1.6</v>
      </c>
      <c r="E9772">
        <v>4417.93</v>
      </c>
      <c r="F9772">
        <v>52.076799999999999</v>
      </c>
    </row>
    <row r="9773" spans="1:6" x14ac:dyDescent="0.25">
      <c r="A9773">
        <v>156.78</v>
      </c>
      <c r="B9773">
        <v>182.26</v>
      </c>
      <c r="C9773">
        <v>1800</v>
      </c>
      <c r="D9773">
        <v>1.9</v>
      </c>
      <c r="E9773">
        <v>4218.8</v>
      </c>
      <c r="F9773">
        <v>60.902099999999997</v>
      </c>
    </row>
    <row r="9774" spans="1:6" x14ac:dyDescent="0.25">
      <c r="A9774">
        <v>156.78</v>
      </c>
      <c r="B9774">
        <v>182.26</v>
      </c>
      <c r="C9774">
        <v>1800</v>
      </c>
      <c r="D9774">
        <v>2.2000000000000002</v>
      </c>
      <c r="E9774">
        <v>3993.3</v>
      </c>
      <c r="F9774">
        <v>66.706500000000005</v>
      </c>
    </row>
    <row r="9775" spans="1:6" x14ac:dyDescent="0.25">
      <c r="A9775">
        <v>156.78</v>
      </c>
      <c r="B9775">
        <v>182.26</v>
      </c>
      <c r="C9775">
        <v>1800</v>
      </c>
      <c r="D9775">
        <v>2.5</v>
      </c>
      <c r="E9775">
        <v>3858.69</v>
      </c>
      <c r="F9775">
        <v>69.856999999999999</v>
      </c>
    </row>
    <row r="9776" spans="1:6" x14ac:dyDescent="0.25">
      <c r="A9776">
        <v>156.78</v>
      </c>
      <c r="B9776">
        <v>182.26</v>
      </c>
      <c r="C9776">
        <v>1800</v>
      </c>
      <c r="D9776">
        <v>2.8</v>
      </c>
      <c r="E9776">
        <v>3759.15</v>
      </c>
      <c r="F9776">
        <v>79.8322</v>
      </c>
    </row>
    <row r="9777" spans="1:6" x14ac:dyDescent="0.25">
      <c r="A9777">
        <v>156.78</v>
      </c>
      <c r="B9777">
        <v>182.26</v>
      </c>
      <c r="C9777">
        <v>1800</v>
      </c>
      <c r="D9777">
        <v>3.1</v>
      </c>
      <c r="E9777">
        <v>3637</v>
      </c>
      <c r="F9777">
        <v>77.204999999999998</v>
      </c>
    </row>
    <row r="9778" spans="1:6" x14ac:dyDescent="0.25">
      <c r="A9778">
        <v>156.78</v>
      </c>
      <c r="B9778">
        <v>182.26</v>
      </c>
      <c r="C9778">
        <v>1800</v>
      </c>
      <c r="D9778">
        <v>3.4</v>
      </c>
      <c r="E9778">
        <v>3614.95</v>
      </c>
      <c r="F9778">
        <v>82.499600000000001</v>
      </c>
    </row>
    <row r="9779" spans="1:6" x14ac:dyDescent="0.25">
      <c r="A9779">
        <v>156.78</v>
      </c>
      <c r="B9779">
        <v>182.26</v>
      </c>
      <c r="C9779">
        <v>1800</v>
      </c>
      <c r="D9779">
        <v>3.7</v>
      </c>
      <c r="E9779">
        <v>3523.42</v>
      </c>
      <c r="F9779">
        <v>85.088899999999995</v>
      </c>
    </row>
    <row r="9780" spans="1:6" x14ac:dyDescent="0.25">
      <c r="A9780">
        <v>156.78</v>
      </c>
      <c r="B9780">
        <v>182.26</v>
      </c>
      <c r="C9780">
        <v>1800</v>
      </c>
      <c r="D9780">
        <v>4</v>
      </c>
      <c r="E9780">
        <v>3462.8</v>
      </c>
      <c r="F9780">
        <v>87.424899999999994</v>
      </c>
    </row>
    <row r="9781" spans="1:6" x14ac:dyDescent="0.25">
      <c r="A9781">
        <v>156.78</v>
      </c>
      <c r="B9781">
        <v>182.26</v>
      </c>
      <c r="C9781">
        <v>3345.45</v>
      </c>
      <c r="D9781">
        <v>1</v>
      </c>
      <c r="E9781">
        <v>7137.26</v>
      </c>
      <c r="F9781">
        <v>21.537299999999998</v>
      </c>
    </row>
    <row r="9782" spans="1:6" x14ac:dyDescent="0.25">
      <c r="A9782">
        <v>156.78</v>
      </c>
      <c r="B9782">
        <v>182.26</v>
      </c>
      <c r="C9782">
        <v>3345.45</v>
      </c>
      <c r="D9782">
        <v>1.3</v>
      </c>
      <c r="E9782">
        <v>6087.64</v>
      </c>
      <c r="F9782">
        <v>23.681100000000001</v>
      </c>
    </row>
    <row r="9783" spans="1:6" x14ac:dyDescent="0.25">
      <c r="A9783">
        <v>156.78</v>
      </c>
      <c r="B9783">
        <v>182.26</v>
      </c>
      <c r="C9783">
        <v>3345.45</v>
      </c>
      <c r="D9783">
        <v>1.6</v>
      </c>
      <c r="E9783">
        <v>5632.47</v>
      </c>
      <c r="F9783">
        <v>23.314900000000002</v>
      </c>
    </row>
    <row r="9784" spans="1:6" x14ac:dyDescent="0.25">
      <c r="A9784">
        <v>156.78</v>
      </c>
      <c r="B9784">
        <v>182.26</v>
      </c>
      <c r="C9784">
        <v>3345.45</v>
      </c>
      <c r="D9784">
        <v>1.9</v>
      </c>
      <c r="E9784">
        <v>5385.57</v>
      </c>
      <c r="F9784">
        <v>34.7089</v>
      </c>
    </row>
    <row r="9785" spans="1:6" x14ac:dyDescent="0.25">
      <c r="A9785">
        <v>156.78</v>
      </c>
      <c r="B9785">
        <v>182.26</v>
      </c>
      <c r="C9785">
        <v>3345.45</v>
      </c>
      <c r="D9785">
        <v>2.2000000000000002</v>
      </c>
      <c r="E9785">
        <v>5333.26</v>
      </c>
      <c r="F9785">
        <v>33.927199999999999</v>
      </c>
    </row>
    <row r="9786" spans="1:6" x14ac:dyDescent="0.25">
      <c r="A9786">
        <v>156.78</v>
      </c>
      <c r="B9786">
        <v>182.26</v>
      </c>
      <c r="C9786">
        <v>3345.45</v>
      </c>
      <c r="D9786">
        <v>2.5</v>
      </c>
      <c r="E9786">
        <v>5102.12</v>
      </c>
      <c r="F9786">
        <v>26.7746</v>
      </c>
    </row>
    <row r="9787" spans="1:6" x14ac:dyDescent="0.25">
      <c r="A9787">
        <v>156.78</v>
      </c>
      <c r="B9787">
        <v>182.26</v>
      </c>
      <c r="C9787">
        <v>3345.45</v>
      </c>
      <c r="D9787">
        <v>2.8</v>
      </c>
      <c r="E9787">
        <v>4852.75</v>
      </c>
      <c r="F9787">
        <v>23.9085</v>
      </c>
    </row>
    <row r="9788" spans="1:6" x14ac:dyDescent="0.25">
      <c r="A9788">
        <v>156.78</v>
      </c>
      <c r="B9788">
        <v>182.26</v>
      </c>
      <c r="C9788">
        <v>3345.45</v>
      </c>
      <c r="D9788">
        <v>3.1</v>
      </c>
      <c r="E9788">
        <v>4778.3100000000004</v>
      </c>
      <c r="F9788">
        <v>24.598500000000001</v>
      </c>
    </row>
    <row r="9789" spans="1:6" x14ac:dyDescent="0.25">
      <c r="A9789">
        <v>156.78</v>
      </c>
      <c r="B9789">
        <v>182.26</v>
      </c>
      <c r="C9789">
        <v>3345.45</v>
      </c>
      <c r="D9789">
        <v>3.4</v>
      </c>
      <c r="E9789">
        <v>4702.43</v>
      </c>
      <c r="F9789">
        <v>25.174499999999998</v>
      </c>
    </row>
    <row r="9790" spans="1:6" x14ac:dyDescent="0.25">
      <c r="A9790">
        <v>156.78</v>
      </c>
      <c r="B9790">
        <v>182.26</v>
      </c>
      <c r="C9790">
        <v>3345.45</v>
      </c>
      <c r="D9790">
        <v>3.7</v>
      </c>
      <c r="E9790">
        <v>4637.8100000000004</v>
      </c>
      <c r="F9790">
        <v>25.607199999999999</v>
      </c>
    </row>
    <row r="9791" spans="1:6" x14ac:dyDescent="0.25">
      <c r="A9791">
        <v>156.78</v>
      </c>
      <c r="B9791">
        <v>182.26</v>
      </c>
      <c r="C9791">
        <v>3345.45</v>
      </c>
      <c r="D9791">
        <v>4</v>
      </c>
      <c r="E9791">
        <v>4647.01</v>
      </c>
      <c r="F9791">
        <v>35.855600000000003</v>
      </c>
    </row>
    <row r="9792" spans="1:6" x14ac:dyDescent="0.25">
      <c r="A9792">
        <v>156.78</v>
      </c>
      <c r="B9792">
        <v>182.26</v>
      </c>
      <c r="C9792">
        <v>4890.8999999999996</v>
      </c>
      <c r="D9792">
        <v>1</v>
      </c>
      <c r="E9792">
        <v>6038.15</v>
      </c>
      <c r="F9792">
        <v>28.927499999999998</v>
      </c>
    </row>
    <row r="9793" spans="1:6" x14ac:dyDescent="0.25">
      <c r="A9793">
        <v>156.78</v>
      </c>
      <c r="B9793">
        <v>182.26</v>
      </c>
      <c r="C9793">
        <v>4890.8999999999996</v>
      </c>
      <c r="D9793">
        <v>1.3</v>
      </c>
      <c r="E9793">
        <v>7689.17</v>
      </c>
      <c r="F9793">
        <v>23.514800000000001</v>
      </c>
    </row>
    <row r="9794" spans="1:6" x14ac:dyDescent="0.25">
      <c r="A9794">
        <v>156.78</v>
      </c>
      <c r="B9794">
        <v>182.26</v>
      </c>
      <c r="C9794">
        <v>4890.8999999999996</v>
      </c>
      <c r="D9794">
        <v>1.6</v>
      </c>
      <c r="E9794">
        <v>5325.73</v>
      </c>
      <c r="F9794">
        <v>30.8367</v>
      </c>
    </row>
    <row r="9795" spans="1:6" x14ac:dyDescent="0.25">
      <c r="A9795">
        <v>156.78</v>
      </c>
      <c r="B9795">
        <v>182.26</v>
      </c>
      <c r="C9795">
        <v>4890.8999999999996</v>
      </c>
      <c r="D9795">
        <v>1.9</v>
      </c>
      <c r="E9795">
        <v>6968.68</v>
      </c>
      <c r="F9795">
        <v>34.7089</v>
      </c>
    </row>
    <row r="9796" spans="1:6" x14ac:dyDescent="0.25">
      <c r="A9796">
        <v>156.78</v>
      </c>
      <c r="B9796">
        <v>182.26</v>
      </c>
      <c r="C9796">
        <v>4890.8999999999996</v>
      </c>
      <c r="D9796">
        <v>2.2000000000000002</v>
      </c>
      <c r="E9796">
        <v>6873.61</v>
      </c>
      <c r="F9796">
        <v>34.403599999999997</v>
      </c>
    </row>
    <row r="9797" spans="1:6" x14ac:dyDescent="0.25">
      <c r="A9797">
        <v>156.78</v>
      </c>
      <c r="B9797">
        <v>182.26</v>
      </c>
      <c r="C9797">
        <v>4890.8999999999996</v>
      </c>
      <c r="D9797">
        <v>2.5</v>
      </c>
      <c r="E9797">
        <v>6444.02</v>
      </c>
      <c r="F9797">
        <v>33.310899999999997</v>
      </c>
    </row>
    <row r="9798" spans="1:6" x14ac:dyDescent="0.25">
      <c r="A9798">
        <v>156.78</v>
      </c>
      <c r="B9798">
        <v>182.26</v>
      </c>
      <c r="C9798">
        <v>4890.8999999999996</v>
      </c>
      <c r="D9798">
        <v>2.8</v>
      </c>
      <c r="E9798">
        <v>6464.66</v>
      </c>
      <c r="F9798">
        <v>32.041699999999999</v>
      </c>
    </row>
    <row r="9799" spans="1:6" x14ac:dyDescent="0.25">
      <c r="A9799">
        <v>156.78</v>
      </c>
      <c r="B9799">
        <v>182.26</v>
      </c>
      <c r="C9799">
        <v>4890.8999999999996</v>
      </c>
      <c r="D9799">
        <v>3.1</v>
      </c>
      <c r="E9799">
        <v>6155.34</v>
      </c>
      <c r="F9799">
        <v>32.408900000000003</v>
      </c>
    </row>
    <row r="9800" spans="1:6" x14ac:dyDescent="0.25">
      <c r="A9800">
        <v>156.78</v>
      </c>
      <c r="B9800">
        <v>182.26</v>
      </c>
      <c r="C9800">
        <v>4890.8999999999996</v>
      </c>
      <c r="D9800">
        <v>3.4</v>
      </c>
      <c r="E9800">
        <v>6095.38</v>
      </c>
      <c r="F9800">
        <v>32.668500000000002</v>
      </c>
    </row>
    <row r="9801" spans="1:6" x14ac:dyDescent="0.25">
      <c r="A9801">
        <v>156.78</v>
      </c>
      <c r="B9801">
        <v>182.26</v>
      </c>
      <c r="C9801">
        <v>4890.8999999999996</v>
      </c>
      <c r="D9801">
        <v>3.7</v>
      </c>
      <c r="E9801">
        <v>5991.69</v>
      </c>
      <c r="F9801">
        <v>32.835799999999999</v>
      </c>
    </row>
    <row r="9802" spans="1:6" x14ac:dyDescent="0.25">
      <c r="A9802">
        <v>156.78</v>
      </c>
      <c r="B9802">
        <v>182.26</v>
      </c>
      <c r="C9802">
        <v>4890.8999999999996</v>
      </c>
      <c r="D9802">
        <v>4</v>
      </c>
      <c r="E9802">
        <v>6052.05</v>
      </c>
      <c r="F9802">
        <v>37.009399999999999</v>
      </c>
    </row>
    <row r="9803" spans="1:6" x14ac:dyDescent="0.25">
      <c r="A9803">
        <v>156.78</v>
      </c>
      <c r="B9803">
        <v>182.26</v>
      </c>
      <c r="C9803">
        <v>6436.35</v>
      </c>
      <c r="D9803">
        <v>1</v>
      </c>
      <c r="E9803">
        <v>6038.15</v>
      </c>
      <c r="F9803">
        <v>28.927499999999998</v>
      </c>
    </row>
    <row r="9804" spans="1:6" x14ac:dyDescent="0.25">
      <c r="A9804">
        <v>156.78</v>
      </c>
      <c r="B9804">
        <v>182.26</v>
      </c>
      <c r="C9804">
        <v>6436.35</v>
      </c>
      <c r="D9804">
        <v>1.3</v>
      </c>
      <c r="E9804">
        <v>9639.32</v>
      </c>
      <c r="F9804">
        <v>23.514800000000001</v>
      </c>
    </row>
    <row r="9805" spans="1:6" x14ac:dyDescent="0.25">
      <c r="A9805">
        <v>156.78</v>
      </c>
      <c r="B9805">
        <v>182.26</v>
      </c>
      <c r="C9805">
        <v>6436.35</v>
      </c>
      <c r="D9805">
        <v>1.6</v>
      </c>
      <c r="E9805">
        <v>5325.73</v>
      </c>
      <c r="F9805">
        <v>30.8367</v>
      </c>
    </row>
    <row r="9806" spans="1:6" x14ac:dyDescent="0.25">
      <c r="A9806">
        <v>156.78</v>
      </c>
      <c r="B9806">
        <v>182.26</v>
      </c>
      <c r="C9806">
        <v>6436.35</v>
      </c>
      <c r="D9806">
        <v>1.9</v>
      </c>
      <c r="E9806">
        <v>8493.7900000000009</v>
      </c>
      <c r="F9806">
        <v>34.7089</v>
      </c>
    </row>
    <row r="9807" spans="1:6" x14ac:dyDescent="0.25">
      <c r="A9807">
        <v>156.78</v>
      </c>
      <c r="B9807">
        <v>182.26</v>
      </c>
      <c r="C9807">
        <v>6436.35</v>
      </c>
      <c r="D9807">
        <v>2.2000000000000002</v>
      </c>
      <c r="E9807">
        <v>8428.34</v>
      </c>
      <c r="F9807">
        <v>34.403599999999997</v>
      </c>
    </row>
    <row r="9808" spans="1:6" x14ac:dyDescent="0.25">
      <c r="A9808">
        <v>156.78</v>
      </c>
      <c r="B9808">
        <v>182.26</v>
      </c>
      <c r="C9808">
        <v>6436.35</v>
      </c>
      <c r="D9808">
        <v>2.5</v>
      </c>
      <c r="E9808">
        <v>8183.67</v>
      </c>
      <c r="F9808">
        <v>33.310899999999997</v>
      </c>
    </row>
    <row r="9809" spans="1:6" x14ac:dyDescent="0.25">
      <c r="A9809">
        <v>156.78</v>
      </c>
      <c r="B9809">
        <v>182.26</v>
      </c>
      <c r="C9809">
        <v>6436.35</v>
      </c>
      <c r="D9809">
        <v>2.8</v>
      </c>
      <c r="E9809">
        <v>7800.68</v>
      </c>
      <c r="F9809">
        <v>32.041699999999999</v>
      </c>
    </row>
    <row r="9810" spans="1:6" x14ac:dyDescent="0.25">
      <c r="A9810">
        <v>156.78</v>
      </c>
      <c r="B9810">
        <v>182.26</v>
      </c>
      <c r="C9810">
        <v>6436.35</v>
      </c>
      <c r="D9810">
        <v>3.1</v>
      </c>
      <c r="E9810">
        <v>7694.08</v>
      </c>
      <c r="F9810">
        <v>32.408900000000003</v>
      </c>
    </row>
    <row r="9811" spans="1:6" x14ac:dyDescent="0.25">
      <c r="A9811">
        <v>156.78</v>
      </c>
      <c r="B9811">
        <v>182.26</v>
      </c>
      <c r="C9811">
        <v>6436.35</v>
      </c>
      <c r="D9811">
        <v>3.4</v>
      </c>
      <c r="E9811">
        <v>7782.74</v>
      </c>
      <c r="F9811">
        <v>32.668500000000002</v>
      </c>
    </row>
    <row r="9812" spans="1:6" x14ac:dyDescent="0.25">
      <c r="A9812">
        <v>156.78</v>
      </c>
      <c r="B9812">
        <v>182.26</v>
      </c>
      <c r="C9812">
        <v>6436.35</v>
      </c>
      <c r="D9812">
        <v>3.7</v>
      </c>
      <c r="E9812">
        <v>7574.35</v>
      </c>
      <c r="F9812">
        <v>32.835799999999999</v>
      </c>
    </row>
    <row r="9813" spans="1:6" x14ac:dyDescent="0.25">
      <c r="A9813">
        <v>156.78</v>
      </c>
      <c r="B9813">
        <v>182.26</v>
      </c>
      <c r="C9813">
        <v>6436.35</v>
      </c>
      <c r="D9813">
        <v>4</v>
      </c>
      <c r="E9813">
        <v>7616.27</v>
      </c>
      <c r="F9813">
        <v>37.009399999999999</v>
      </c>
    </row>
    <row r="9814" spans="1:6" x14ac:dyDescent="0.25">
      <c r="A9814">
        <v>156.78</v>
      </c>
      <c r="B9814">
        <v>182.26</v>
      </c>
      <c r="C9814">
        <v>7981.8</v>
      </c>
      <c r="D9814">
        <v>1</v>
      </c>
      <c r="E9814">
        <v>6038.15</v>
      </c>
      <c r="F9814">
        <v>28.927499999999998</v>
      </c>
    </row>
    <row r="9815" spans="1:6" x14ac:dyDescent="0.25">
      <c r="A9815">
        <v>156.78</v>
      </c>
      <c r="B9815">
        <v>182.26</v>
      </c>
      <c r="C9815">
        <v>7981.8</v>
      </c>
      <c r="D9815">
        <v>1.3</v>
      </c>
      <c r="E9815">
        <v>10750.2</v>
      </c>
      <c r="F9815">
        <v>23.514800000000001</v>
      </c>
    </row>
    <row r="9816" spans="1:6" x14ac:dyDescent="0.25">
      <c r="A9816">
        <v>156.78</v>
      </c>
      <c r="B9816">
        <v>182.26</v>
      </c>
      <c r="C9816">
        <v>7981.8</v>
      </c>
      <c r="D9816">
        <v>1.6</v>
      </c>
      <c r="E9816">
        <v>5325.73</v>
      </c>
      <c r="F9816">
        <v>30.8367</v>
      </c>
    </row>
    <row r="9817" spans="1:6" x14ac:dyDescent="0.25">
      <c r="A9817">
        <v>156.78</v>
      </c>
      <c r="B9817">
        <v>182.26</v>
      </c>
      <c r="C9817">
        <v>7981.8</v>
      </c>
      <c r="D9817">
        <v>1.9</v>
      </c>
      <c r="E9817">
        <v>10090.1</v>
      </c>
      <c r="F9817">
        <v>34.7089</v>
      </c>
    </row>
    <row r="9818" spans="1:6" x14ac:dyDescent="0.25">
      <c r="A9818">
        <v>156.78</v>
      </c>
      <c r="B9818">
        <v>182.26</v>
      </c>
      <c r="C9818">
        <v>7981.8</v>
      </c>
      <c r="D9818">
        <v>2.2000000000000002</v>
      </c>
      <c r="E9818">
        <v>9739.48</v>
      </c>
      <c r="F9818">
        <v>34.403599999999997</v>
      </c>
    </row>
    <row r="9819" spans="1:6" x14ac:dyDescent="0.25">
      <c r="A9819">
        <v>156.78</v>
      </c>
      <c r="B9819">
        <v>182.26</v>
      </c>
      <c r="C9819">
        <v>7981.8</v>
      </c>
      <c r="D9819">
        <v>2.5</v>
      </c>
      <c r="E9819">
        <v>9572.33</v>
      </c>
      <c r="F9819">
        <v>33.310899999999997</v>
      </c>
    </row>
    <row r="9820" spans="1:6" x14ac:dyDescent="0.25">
      <c r="A9820">
        <v>156.78</v>
      </c>
      <c r="B9820">
        <v>182.26</v>
      </c>
      <c r="C9820">
        <v>7981.8</v>
      </c>
      <c r="D9820">
        <v>2.8</v>
      </c>
      <c r="E9820">
        <v>9413.24</v>
      </c>
      <c r="F9820">
        <v>32.041699999999999</v>
      </c>
    </row>
    <row r="9821" spans="1:6" x14ac:dyDescent="0.25">
      <c r="A9821">
        <v>156.78</v>
      </c>
      <c r="B9821">
        <v>182.26</v>
      </c>
      <c r="C9821">
        <v>7981.8</v>
      </c>
      <c r="D9821">
        <v>3.1</v>
      </c>
      <c r="E9821">
        <v>9256.07</v>
      </c>
      <c r="F9821">
        <v>32.408900000000003</v>
      </c>
    </row>
    <row r="9822" spans="1:6" x14ac:dyDescent="0.25">
      <c r="A9822">
        <v>156.78</v>
      </c>
      <c r="B9822">
        <v>182.26</v>
      </c>
      <c r="C9822">
        <v>7981.8</v>
      </c>
      <c r="D9822">
        <v>3.4</v>
      </c>
      <c r="E9822">
        <v>9124.48</v>
      </c>
      <c r="F9822">
        <v>32.668500000000002</v>
      </c>
    </row>
    <row r="9823" spans="1:6" x14ac:dyDescent="0.25">
      <c r="A9823">
        <v>156.78</v>
      </c>
      <c r="B9823">
        <v>182.26</v>
      </c>
      <c r="C9823">
        <v>7981.8</v>
      </c>
      <c r="D9823">
        <v>3.7</v>
      </c>
      <c r="E9823">
        <v>9041.02</v>
      </c>
      <c r="F9823">
        <v>32.835799999999999</v>
      </c>
    </row>
    <row r="9824" spans="1:6" x14ac:dyDescent="0.25">
      <c r="A9824">
        <v>156.78</v>
      </c>
      <c r="B9824">
        <v>182.26</v>
      </c>
      <c r="C9824">
        <v>7981.8</v>
      </c>
      <c r="D9824">
        <v>4</v>
      </c>
      <c r="E9824">
        <v>9185.0400000000009</v>
      </c>
      <c r="F9824">
        <v>37.009399999999999</v>
      </c>
    </row>
    <row r="9825" spans="1:6" x14ac:dyDescent="0.25">
      <c r="A9825">
        <v>156.78</v>
      </c>
      <c r="B9825">
        <v>182.26</v>
      </c>
      <c r="C9825">
        <v>9527.25</v>
      </c>
      <c r="D9825">
        <v>1</v>
      </c>
      <c r="E9825">
        <v>6038.15</v>
      </c>
      <c r="F9825">
        <v>28.927499999999998</v>
      </c>
    </row>
    <row r="9826" spans="1:6" x14ac:dyDescent="0.25">
      <c r="A9826">
        <v>156.78</v>
      </c>
      <c r="B9826">
        <v>182.26</v>
      </c>
      <c r="C9826">
        <v>9527.25</v>
      </c>
      <c r="D9826">
        <v>1.3</v>
      </c>
      <c r="E9826">
        <v>12472.9</v>
      </c>
      <c r="F9826">
        <v>23.514800000000001</v>
      </c>
    </row>
    <row r="9827" spans="1:6" x14ac:dyDescent="0.25">
      <c r="A9827">
        <v>156.78</v>
      </c>
      <c r="B9827">
        <v>182.26</v>
      </c>
      <c r="C9827">
        <v>9527.25</v>
      </c>
      <c r="D9827">
        <v>1.6</v>
      </c>
      <c r="E9827">
        <v>5325.73</v>
      </c>
      <c r="F9827">
        <v>30.8367</v>
      </c>
    </row>
    <row r="9828" spans="1:6" x14ac:dyDescent="0.25">
      <c r="A9828">
        <v>156.78</v>
      </c>
      <c r="B9828">
        <v>182.26</v>
      </c>
      <c r="C9828">
        <v>9527.25</v>
      </c>
      <c r="D9828">
        <v>1.9</v>
      </c>
      <c r="E9828">
        <v>11646</v>
      </c>
      <c r="F9828">
        <v>34.7089</v>
      </c>
    </row>
    <row r="9829" spans="1:6" x14ac:dyDescent="0.25">
      <c r="A9829">
        <v>156.78</v>
      </c>
      <c r="B9829">
        <v>182.26</v>
      </c>
      <c r="C9829">
        <v>9527.25</v>
      </c>
      <c r="D9829">
        <v>2.2000000000000002</v>
      </c>
      <c r="E9829">
        <v>11304.7</v>
      </c>
      <c r="F9829">
        <v>34.403599999999997</v>
      </c>
    </row>
    <row r="9830" spans="1:6" x14ac:dyDescent="0.25">
      <c r="A9830">
        <v>156.78</v>
      </c>
      <c r="B9830">
        <v>182.26</v>
      </c>
      <c r="C9830">
        <v>9527.25</v>
      </c>
      <c r="D9830">
        <v>2.5</v>
      </c>
      <c r="E9830">
        <v>11098.1</v>
      </c>
      <c r="F9830">
        <v>33.310899999999997</v>
      </c>
    </row>
    <row r="9831" spans="1:6" x14ac:dyDescent="0.25">
      <c r="A9831">
        <v>156.78</v>
      </c>
      <c r="B9831">
        <v>182.26</v>
      </c>
      <c r="C9831">
        <v>9527.25</v>
      </c>
      <c r="D9831">
        <v>2.8</v>
      </c>
      <c r="E9831">
        <v>10938</v>
      </c>
      <c r="F9831">
        <v>32.041699999999999</v>
      </c>
    </row>
    <row r="9832" spans="1:6" x14ac:dyDescent="0.25">
      <c r="A9832">
        <v>156.78</v>
      </c>
      <c r="B9832">
        <v>182.26</v>
      </c>
      <c r="C9832">
        <v>9527.25</v>
      </c>
      <c r="D9832">
        <v>3.1</v>
      </c>
      <c r="E9832">
        <v>10833.3</v>
      </c>
      <c r="F9832">
        <v>32.408900000000003</v>
      </c>
    </row>
    <row r="9833" spans="1:6" x14ac:dyDescent="0.25">
      <c r="A9833">
        <v>156.78</v>
      </c>
      <c r="B9833">
        <v>182.26</v>
      </c>
      <c r="C9833">
        <v>9527.25</v>
      </c>
      <c r="D9833">
        <v>3.4</v>
      </c>
      <c r="E9833">
        <v>10716.3</v>
      </c>
      <c r="F9833">
        <v>32.668500000000002</v>
      </c>
    </row>
    <row r="9834" spans="1:6" x14ac:dyDescent="0.25">
      <c r="A9834">
        <v>156.78</v>
      </c>
      <c r="B9834">
        <v>182.26</v>
      </c>
      <c r="C9834">
        <v>9527.25</v>
      </c>
      <c r="D9834">
        <v>3.7</v>
      </c>
      <c r="E9834">
        <v>10657</v>
      </c>
      <c r="F9834">
        <v>32.835799999999999</v>
      </c>
    </row>
    <row r="9835" spans="1:6" x14ac:dyDescent="0.25">
      <c r="A9835">
        <v>156.78</v>
      </c>
      <c r="B9835">
        <v>182.26</v>
      </c>
      <c r="C9835">
        <v>9527.25</v>
      </c>
      <c r="D9835">
        <v>4</v>
      </c>
      <c r="E9835">
        <v>10628.1</v>
      </c>
      <c r="F9835">
        <v>37.009399999999999</v>
      </c>
    </row>
    <row r="9836" spans="1:6" x14ac:dyDescent="0.25">
      <c r="A9836">
        <v>156.78</v>
      </c>
      <c r="B9836">
        <v>182.26</v>
      </c>
      <c r="C9836">
        <v>11072.7</v>
      </c>
      <c r="D9836">
        <v>1</v>
      </c>
      <c r="E9836">
        <v>6038.15</v>
      </c>
      <c r="F9836">
        <v>28.927499999999998</v>
      </c>
    </row>
    <row r="9837" spans="1:6" x14ac:dyDescent="0.25">
      <c r="A9837">
        <v>156.78</v>
      </c>
      <c r="B9837">
        <v>182.26</v>
      </c>
      <c r="C9837">
        <v>11072.7</v>
      </c>
      <c r="D9837">
        <v>1.3</v>
      </c>
      <c r="E9837">
        <v>14131.5</v>
      </c>
      <c r="F9837">
        <v>23.514800000000001</v>
      </c>
    </row>
    <row r="9838" spans="1:6" x14ac:dyDescent="0.25">
      <c r="A9838">
        <v>156.78</v>
      </c>
      <c r="B9838">
        <v>182.26</v>
      </c>
      <c r="C9838">
        <v>11072.7</v>
      </c>
      <c r="D9838">
        <v>1.6</v>
      </c>
      <c r="E9838">
        <v>5325.73</v>
      </c>
      <c r="F9838">
        <v>30.8367</v>
      </c>
    </row>
    <row r="9839" spans="1:6" x14ac:dyDescent="0.25">
      <c r="A9839">
        <v>156.78</v>
      </c>
      <c r="B9839">
        <v>182.26</v>
      </c>
      <c r="C9839">
        <v>11072.7</v>
      </c>
      <c r="D9839">
        <v>1.9</v>
      </c>
      <c r="E9839">
        <v>13044.4</v>
      </c>
      <c r="F9839">
        <v>34.7089</v>
      </c>
    </row>
    <row r="9840" spans="1:6" x14ac:dyDescent="0.25">
      <c r="A9840">
        <v>156.78</v>
      </c>
      <c r="B9840">
        <v>182.26</v>
      </c>
      <c r="C9840">
        <v>11072.7</v>
      </c>
      <c r="D9840">
        <v>2.2000000000000002</v>
      </c>
      <c r="E9840">
        <v>12855.7</v>
      </c>
      <c r="F9840">
        <v>34.403599999999997</v>
      </c>
    </row>
    <row r="9841" spans="1:6" x14ac:dyDescent="0.25">
      <c r="A9841">
        <v>156.78</v>
      </c>
      <c r="B9841">
        <v>182.26</v>
      </c>
      <c r="C9841">
        <v>11072.7</v>
      </c>
      <c r="D9841">
        <v>2.5</v>
      </c>
      <c r="E9841">
        <v>12756.5</v>
      </c>
      <c r="F9841">
        <v>33.310899999999997</v>
      </c>
    </row>
    <row r="9842" spans="1:6" x14ac:dyDescent="0.25">
      <c r="A9842">
        <v>156.78</v>
      </c>
      <c r="B9842">
        <v>182.26</v>
      </c>
      <c r="C9842">
        <v>11072.7</v>
      </c>
      <c r="D9842">
        <v>2.8</v>
      </c>
      <c r="E9842">
        <v>12467.6</v>
      </c>
      <c r="F9842">
        <v>32.041699999999999</v>
      </c>
    </row>
    <row r="9843" spans="1:6" x14ac:dyDescent="0.25">
      <c r="A9843">
        <v>156.78</v>
      </c>
      <c r="B9843">
        <v>182.26</v>
      </c>
      <c r="C9843">
        <v>11072.7</v>
      </c>
      <c r="D9843">
        <v>3.1</v>
      </c>
      <c r="E9843">
        <v>12327.3</v>
      </c>
      <c r="F9843">
        <v>32.408900000000003</v>
      </c>
    </row>
    <row r="9844" spans="1:6" x14ac:dyDescent="0.25">
      <c r="A9844">
        <v>156.78</v>
      </c>
      <c r="B9844">
        <v>182.26</v>
      </c>
      <c r="C9844">
        <v>11072.7</v>
      </c>
      <c r="D9844">
        <v>3.4</v>
      </c>
      <c r="E9844">
        <v>12203</v>
      </c>
      <c r="F9844">
        <v>32.668500000000002</v>
      </c>
    </row>
    <row r="9845" spans="1:6" x14ac:dyDescent="0.25">
      <c r="A9845">
        <v>156.78</v>
      </c>
      <c r="B9845">
        <v>182.26</v>
      </c>
      <c r="C9845">
        <v>11072.7</v>
      </c>
      <c r="D9845">
        <v>3.7</v>
      </c>
      <c r="E9845">
        <v>12183.5</v>
      </c>
      <c r="F9845">
        <v>32.835799999999999</v>
      </c>
    </row>
    <row r="9846" spans="1:6" x14ac:dyDescent="0.25">
      <c r="A9846">
        <v>156.78</v>
      </c>
      <c r="B9846">
        <v>182.26</v>
      </c>
      <c r="C9846">
        <v>11072.7</v>
      </c>
      <c r="D9846">
        <v>4</v>
      </c>
      <c r="E9846">
        <v>12185.2</v>
      </c>
      <c r="F9846">
        <v>37.009399999999999</v>
      </c>
    </row>
    <row r="9847" spans="1:6" x14ac:dyDescent="0.25">
      <c r="A9847">
        <v>156.78</v>
      </c>
      <c r="B9847">
        <v>182.26</v>
      </c>
      <c r="C9847">
        <v>12618.2</v>
      </c>
      <c r="D9847">
        <v>1</v>
      </c>
      <c r="E9847">
        <v>6038.15</v>
      </c>
      <c r="F9847">
        <v>28.927499999999998</v>
      </c>
    </row>
    <row r="9848" spans="1:6" x14ac:dyDescent="0.25">
      <c r="A9848">
        <v>156.78</v>
      </c>
      <c r="B9848">
        <v>182.26</v>
      </c>
      <c r="C9848">
        <v>12618.2</v>
      </c>
      <c r="D9848">
        <v>1.3</v>
      </c>
      <c r="E9848">
        <v>15660.8</v>
      </c>
      <c r="F9848">
        <v>23.514800000000001</v>
      </c>
    </row>
    <row r="9849" spans="1:6" x14ac:dyDescent="0.25">
      <c r="A9849">
        <v>156.78</v>
      </c>
      <c r="B9849">
        <v>182.26</v>
      </c>
      <c r="C9849">
        <v>12618.2</v>
      </c>
      <c r="D9849">
        <v>1.6</v>
      </c>
      <c r="E9849">
        <v>5325.73</v>
      </c>
      <c r="F9849">
        <v>30.8367</v>
      </c>
    </row>
    <row r="9850" spans="1:6" x14ac:dyDescent="0.25">
      <c r="A9850">
        <v>156.78</v>
      </c>
      <c r="B9850">
        <v>182.26</v>
      </c>
      <c r="C9850">
        <v>12618.2</v>
      </c>
      <c r="D9850">
        <v>1.9</v>
      </c>
      <c r="E9850">
        <v>14753</v>
      </c>
      <c r="F9850">
        <v>34.7089</v>
      </c>
    </row>
    <row r="9851" spans="1:6" x14ac:dyDescent="0.25">
      <c r="A9851">
        <v>156.78</v>
      </c>
      <c r="B9851">
        <v>182.26</v>
      </c>
      <c r="C9851">
        <v>12618.2</v>
      </c>
      <c r="D9851">
        <v>2.2000000000000002</v>
      </c>
      <c r="E9851">
        <v>14381.5</v>
      </c>
      <c r="F9851">
        <v>34.403599999999997</v>
      </c>
    </row>
    <row r="9852" spans="1:6" x14ac:dyDescent="0.25">
      <c r="A9852">
        <v>156.78</v>
      </c>
      <c r="B9852">
        <v>182.26</v>
      </c>
      <c r="C9852">
        <v>12618.2</v>
      </c>
      <c r="D9852">
        <v>2.5</v>
      </c>
      <c r="E9852">
        <v>14144.5</v>
      </c>
      <c r="F9852">
        <v>33.310899999999997</v>
      </c>
    </row>
    <row r="9853" spans="1:6" x14ac:dyDescent="0.25">
      <c r="A9853">
        <v>156.78</v>
      </c>
      <c r="B9853">
        <v>182.26</v>
      </c>
      <c r="C9853">
        <v>12618.2</v>
      </c>
      <c r="D9853">
        <v>2.8</v>
      </c>
      <c r="E9853">
        <v>13983.5</v>
      </c>
      <c r="F9853">
        <v>32.041699999999999</v>
      </c>
    </row>
    <row r="9854" spans="1:6" x14ac:dyDescent="0.25">
      <c r="A9854">
        <v>156.78</v>
      </c>
      <c r="B9854">
        <v>182.26</v>
      </c>
      <c r="C9854">
        <v>12618.2</v>
      </c>
      <c r="D9854">
        <v>3.1</v>
      </c>
      <c r="E9854">
        <v>13933.3</v>
      </c>
      <c r="F9854">
        <v>32.408900000000003</v>
      </c>
    </row>
    <row r="9855" spans="1:6" x14ac:dyDescent="0.25">
      <c r="A9855">
        <v>156.78</v>
      </c>
      <c r="B9855">
        <v>182.26</v>
      </c>
      <c r="C9855">
        <v>12618.2</v>
      </c>
      <c r="D9855">
        <v>3.4</v>
      </c>
      <c r="E9855">
        <v>13787.6</v>
      </c>
      <c r="F9855">
        <v>32.668500000000002</v>
      </c>
    </row>
    <row r="9856" spans="1:6" x14ac:dyDescent="0.25">
      <c r="A9856">
        <v>156.78</v>
      </c>
      <c r="B9856">
        <v>182.26</v>
      </c>
      <c r="C9856">
        <v>12618.2</v>
      </c>
      <c r="D9856">
        <v>3.7</v>
      </c>
      <c r="E9856">
        <v>13680.3</v>
      </c>
      <c r="F9856">
        <v>32.835799999999999</v>
      </c>
    </row>
    <row r="9857" spans="1:6" x14ac:dyDescent="0.25">
      <c r="A9857">
        <v>156.78</v>
      </c>
      <c r="B9857">
        <v>182.26</v>
      </c>
      <c r="C9857">
        <v>12618.2</v>
      </c>
      <c r="D9857">
        <v>4</v>
      </c>
      <c r="E9857">
        <v>13630.2</v>
      </c>
      <c r="F9857">
        <v>37.009399999999999</v>
      </c>
    </row>
    <row r="9858" spans="1:6" x14ac:dyDescent="0.25">
      <c r="A9858">
        <v>156.78</v>
      </c>
      <c r="B9858">
        <v>182.26</v>
      </c>
      <c r="C9858">
        <v>14163.6</v>
      </c>
      <c r="D9858">
        <v>1</v>
      </c>
      <c r="E9858">
        <v>6038.15</v>
      </c>
      <c r="F9858">
        <v>28.927499999999998</v>
      </c>
    </row>
    <row r="9859" spans="1:6" x14ac:dyDescent="0.25">
      <c r="A9859">
        <v>156.78</v>
      </c>
      <c r="B9859">
        <v>182.26</v>
      </c>
      <c r="C9859">
        <v>14163.6</v>
      </c>
      <c r="D9859">
        <v>1.3</v>
      </c>
      <c r="E9859">
        <v>17132.8</v>
      </c>
      <c r="F9859">
        <v>23.514800000000001</v>
      </c>
    </row>
    <row r="9860" spans="1:6" x14ac:dyDescent="0.25">
      <c r="A9860">
        <v>156.78</v>
      </c>
      <c r="B9860">
        <v>182.26</v>
      </c>
      <c r="C9860">
        <v>14163.6</v>
      </c>
      <c r="D9860">
        <v>1.6</v>
      </c>
      <c r="E9860">
        <v>5325.73</v>
      </c>
      <c r="F9860">
        <v>30.8367</v>
      </c>
    </row>
    <row r="9861" spans="1:6" x14ac:dyDescent="0.25">
      <c r="A9861">
        <v>156.78</v>
      </c>
      <c r="B9861">
        <v>182.26</v>
      </c>
      <c r="C9861">
        <v>14163.6</v>
      </c>
      <c r="D9861">
        <v>1.9</v>
      </c>
      <c r="E9861">
        <v>16175.1</v>
      </c>
      <c r="F9861">
        <v>34.7089</v>
      </c>
    </row>
    <row r="9862" spans="1:6" x14ac:dyDescent="0.25">
      <c r="A9862">
        <v>156.78</v>
      </c>
      <c r="B9862">
        <v>182.26</v>
      </c>
      <c r="C9862">
        <v>14163.6</v>
      </c>
      <c r="D9862">
        <v>2.2000000000000002</v>
      </c>
      <c r="E9862">
        <v>16038.4</v>
      </c>
      <c r="F9862">
        <v>34.403599999999997</v>
      </c>
    </row>
    <row r="9863" spans="1:6" x14ac:dyDescent="0.25">
      <c r="A9863">
        <v>156.78</v>
      </c>
      <c r="B9863">
        <v>182.26</v>
      </c>
      <c r="C9863">
        <v>14163.6</v>
      </c>
      <c r="D9863">
        <v>2.5</v>
      </c>
      <c r="E9863">
        <v>15763.5</v>
      </c>
      <c r="F9863">
        <v>33.310899999999997</v>
      </c>
    </row>
    <row r="9864" spans="1:6" x14ac:dyDescent="0.25">
      <c r="A9864">
        <v>156.78</v>
      </c>
      <c r="B9864">
        <v>182.26</v>
      </c>
      <c r="C9864">
        <v>14163.6</v>
      </c>
      <c r="D9864">
        <v>2.8</v>
      </c>
      <c r="E9864">
        <v>15499.1</v>
      </c>
      <c r="F9864">
        <v>32.041699999999999</v>
      </c>
    </row>
    <row r="9865" spans="1:6" x14ac:dyDescent="0.25">
      <c r="A9865">
        <v>156.78</v>
      </c>
      <c r="B9865">
        <v>182.26</v>
      </c>
      <c r="C9865">
        <v>14163.6</v>
      </c>
      <c r="D9865">
        <v>3.1</v>
      </c>
      <c r="E9865">
        <v>15381.7</v>
      </c>
      <c r="F9865">
        <v>32.408900000000003</v>
      </c>
    </row>
    <row r="9866" spans="1:6" x14ac:dyDescent="0.25">
      <c r="A9866">
        <v>156.78</v>
      </c>
      <c r="B9866">
        <v>182.26</v>
      </c>
      <c r="C9866">
        <v>14163.6</v>
      </c>
      <c r="D9866">
        <v>3.4</v>
      </c>
      <c r="E9866">
        <v>15348.5</v>
      </c>
      <c r="F9866">
        <v>32.668500000000002</v>
      </c>
    </row>
    <row r="9867" spans="1:6" x14ac:dyDescent="0.25">
      <c r="A9867">
        <v>156.78</v>
      </c>
      <c r="B9867">
        <v>182.26</v>
      </c>
      <c r="C9867">
        <v>14163.6</v>
      </c>
      <c r="D9867">
        <v>3.7</v>
      </c>
      <c r="E9867">
        <v>15236.9</v>
      </c>
      <c r="F9867">
        <v>32.835799999999999</v>
      </c>
    </row>
    <row r="9868" spans="1:6" x14ac:dyDescent="0.25">
      <c r="A9868">
        <v>156.78</v>
      </c>
      <c r="B9868">
        <v>182.26</v>
      </c>
      <c r="C9868">
        <v>14163.6</v>
      </c>
      <c r="D9868">
        <v>4</v>
      </c>
      <c r="E9868">
        <v>15277.2</v>
      </c>
      <c r="F9868">
        <v>37.009399999999999</v>
      </c>
    </row>
    <row r="9869" spans="1:6" x14ac:dyDescent="0.25">
      <c r="A9869">
        <v>156.78</v>
      </c>
      <c r="B9869">
        <v>182.26</v>
      </c>
      <c r="C9869">
        <v>15709.1</v>
      </c>
      <c r="D9869">
        <v>1</v>
      </c>
      <c r="E9869">
        <v>6038.15</v>
      </c>
      <c r="F9869">
        <v>28.927499999999998</v>
      </c>
    </row>
    <row r="9870" spans="1:6" x14ac:dyDescent="0.25">
      <c r="A9870">
        <v>156.78</v>
      </c>
      <c r="B9870">
        <v>182.26</v>
      </c>
      <c r="C9870">
        <v>15709.1</v>
      </c>
      <c r="D9870">
        <v>1.3</v>
      </c>
      <c r="E9870">
        <v>18837.8</v>
      </c>
      <c r="F9870">
        <v>23.514800000000001</v>
      </c>
    </row>
    <row r="9871" spans="1:6" x14ac:dyDescent="0.25">
      <c r="A9871">
        <v>156.78</v>
      </c>
      <c r="B9871">
        <v>182.26</v>
      </c>
      <c r="C9871">
        <v>15709.1</v>
      </c>
      <c r="D9871">
        <v>1.6</v>
      </c>
      <c r="E9871">
        <v>5325.73</v>
      </c>
      <c r="F9871">
        <v>30.8367</v>
      </c>
    </row>
    <row r="9872" spans="1:6" x14ac:dyDescent="0.25">
      <c r="A9872">
        <v>156.78</v>
      </c>
      <c r="B9872">
        <v>182.26</v>
      </c>
      <c r="C9872">
        <v>15709.1</v>
      </c>
      <c r="D9872">
        <v>1.9</v>
      </c>
      <c r="E9872">
        <v>17720.7</v>
      </c>
      <c r="F9872">
        <v>34.7089</v>
      </c>
    </row>
    <row r="9873" spans="1:6" x14ac:dyDescent="0.25">
      <c r="A9873">
        <v>156.78</v>
      </c>
      <c r="B9873">
        <v>182.26</v>
      </c>
      <c r="C9873">
        <v>15709.1</v>
      </c>
      <c r="D9873">
        <v>2.2000000000000002</v>
      </c>
      <c r="E9873">
        <v>17562.099999999999</v>
      </c>
      <c r="F9873">
        <v>34.403599999999997</v>
      </c>
    </row>
    <row r="9874" spans="1:6" x14ac:dyDescent="0.25">
      <c r="A9874">
        <v>156.78</v>
      </c>
      <c r="B9874">
        <v>182.26</v>
      </c>
      <c r="C9874">
        <v>15709.1</v>
      </c>
      <c r="D9874">
        <v>2.5</v>
      </c>
      <c r="E9874">
        <v>17448.099999999999</v>
      </c>
      <c r="F9874">
        <v>33.310899999999997</v>
      </c>
    </row>
    <row r="9875" spans="1:6" x14ac:dyDescent="0.25">
      <c r="A9875">
        <v>156.78</v>
      </c>
      <c r="B9875">
        <v>182.26</v>
      </c>
      <c r="C9875">
        <v>15709.1</v>
      </c>
      <c r="D9875">
        <v>2.8</v>
      </c>
      <c r="E9875">
        <v>17124.7</v>
      </c>
      <c r="F9875">
        <v>32.041699999999999</v>
      </c>
    </row>
    <row r="9876" spans="1:6" x14ac:dyDescent="0.25">
      <c r="A9876">
        <v>156.78</v>
      </c>
      <c r="B9876">
        <v>182.26</v>
      </c>
      <c r="C9876">
        <v>15709.1</v>
      </c>
      <c r="D9876">
        <v>3.1</v>
      </c>
      <c r="E9876">
        <v>16891</v>
      </c>
      <c r="F9876">
        <v>32.408900000000003</v>
      </c>
    </row>
    <row r="9877" spans="1:6" x14ac:dyDescent="0.25">
      <c r="A9877">
        <v>156.78</v>
      </c>
      <c r="B9877">
        <v>182.26</v>
      </c>
      <c r="C9877">
        <v>15709.1</v>
      </c>
      <c r="D9877">
        <v>3.4</v>
      </c>
      <c r="E9877">
        <v>16922.2</v>
      </c>
      <c r="F9877">
        <v>32.668500000000002</v>
      </c>
    </row>
    <row r="9878" spans="1:6" x14ac:dyDescent="0.25">
      <c r="A9878">
        <v>156.78</v>
      </c>
      <c r="B9878">
        <v>182.26</v>
      </c>
      <c r="C9878">
        <v>15709.1</v>
      </c>
      <c r="D9878">
        <v>3.7</v>
      </c>
      <c r="E9878">
        <v>16698.400000000001</v>
      </c>
      <c r="F9878">
        <v>32.835799999999999</v>
      </c>
    </row>
    <row r="9879" spans="1:6" x14ac:dyDescent="0.25">
      <c r="A9879">
        <v>156.78</v>
      </c>
      <c r="B9879">
        <v>182.26</v>
      </c>
      <c r="C9879">
        <v>15709.1</v>
      </c>
      <c r="D9879">
        <v>4</v>
      </c>
      <c r="E9879">
        <v>16849.900000000001</v>
      </c>
      <c r="F9879">
        <v>37.009399999999999</v>
      </c>
    </row>
    <row r="9880" spans="1:6" x14ac:dyDescent="0.25">
      <c r="A9880">
        <v>156.78</v>
      </c>
      <c r="B9880">
        <v>182.26</v>
      </c>
      <c r="C9880">
        <v>17254.5</v>
      </c>
      <c r="D9880">
        <v>1</v>
      </c>
      <c r="E9880">
        <v>6038.15</v>
      </c>
      <c r="F9880">
        <v>28.927499999999998</v>
      </c>
    </row>
    <row r="9881" spans="1:6" x14ac:dyDescent="0.25">
      <c r="A9881">
        <v>156.78</v>
      </c>
      <c r="B9881">
        <v>182.26</v>
      </c>
      <c r="C9881">
        <v>17254.5</v>
      </c>
      <c r="D9881">
        <v>1.3</v>
      </c>
      <c r="E9881">
        <v>19970.8</v>
      </c>
      <c r="F9881">
        <v>23.514800000000001</v>
      </c>
    </row>
    <row r="9882" spans="1:6" x14ac:dyDescent="0.25">
      <c r="A9882">
        <v>156.78</v>
      </c>
      <c r="B9882">
        <v>182.26</v>
      </c>
      <c r="C9882">
        <v>17254.5</v>
      </c>
      <c r="D9882">
        <v>1.6</v>
      </c>
      <c r="E9882">
        <v>5325.73</v>
      </c>
      <c r="F9882">
        <v>30.8367</v>
      </c>
    </row>
    <row r="9883" spans="1:6" x14ac:dyDescent="0.25">
      <c r="A9883">
        <v>156.78</v>
      </c>
      <c r="B9883">
        <v>182.26</v>
      </c>
      <c r="C9883">
        <v>17254.5</v>
      </c>
      <c r="D9883">
        <v>1.9</v>
      </c>
      <c r="E9883">
        <v>19269.099999999999</v>
      </c>
      <c r="F9883">
        <v>34.7089</v>
      </c>
    </row>
    <row r="9884" spans="1:6" x14ac:dyDescent="0.25">
      <c r="A9884">
        <v>156.78</v>
      </c>
      <c r="B9884">
        <v>182.26</v>
      </c>
      <c r="C9884">
        <v>17254.5</v>
      </c>
      <c r="D9884">
        <v>2.2000000000000002</v>
      </c>
      <c r="E9884">
        <v>19032.7</v>
      </c>
      <c r="F9884">
        <v>34.403599999999997</v>
      </c>
    </row>
    <row r="9885" spans="1:6" x14ac:dyDescent="0.25">
      <c r="A9885">
        <v>156.78</v>
      </c>
      <c r="B9885">
        <v>182.26</v>
      </c>
      <c r="C9885">
        <v>17254.5</v>
      </c>
      <c r="D9885">
        <v>2.5</v>
      </c>
      <c r="E9885">
        <v>18817.599999999999</v>
      </c>
      <c r="F9885">
        <v>33.310899999999997</v>
      </c>
    </row>
    <row r="9886" spans="1:6" x14ac:dyDescent="0.25">
      <c r="A9886">
        <v>156.78</v>
      </c>
      <c r="B9886">
        <v>182.26</v>
      </c>
      <c r="C9886">
        <v>17254.5</v>
      </c>
      <c r="D9886">
        <v>2.8</v>
      </c>
      <c r="E9886">
        <v>18708</v>
      </c>
      <c r="F9886">
        <v>32.041699999999999</v>
      </c>
    </row>
    <row r="9887" spans="1:6" x14ac:dyDescent="0.25">
      <c r="A9887">
        <v>156.78</v>
      </c>
      <c r="B9887">
        <v>182.26</v>
      </c>
      <c r="C9887">
        <v>17254.5</v>
      </c>
      <c r="D9887">
        <v>3.1</v>
      </c>
      <c r="E9887">
        <v>18501.2</v>
      </c>
      <c r="F9887">
        <v>32.408900000000003</v>
      </c>
    </row>
    <row r="9888" spans="1:6" x14ac:dyDescent="0.25">
      <c r="A9888">
        <v>156.78</v>
      </c>
      <c r="B9888">
        <v>182.26</v>
      </c>
      <c r="C9888">
        <v>17254.5</v>
      </c>
      <c r="D9888">
        <v>3.4</v>
      </c>
      <c r="E9888">
        <v>18466.599999999999</v>
      </c>
      <c r="F9888">
        <v>32.668500000000002</v>
      </c>
    </row>
    <row r="9889" spans="1:6" x14ac:dyDescent="0.25">
      <c r="A9889">
        <v>156.78</v>
      </c>
      <c r="B9889">
        <v>182.26</v>
      </c>
      <c r="C9889">
        <v>17254.5</v>
      </c>
      <c r="D9889">
        <v>3.7</v>
      </c>
      <c r="E9889">
        <v>18307.400000000001</v>
      </c>
      <c r="F9889">
        <v>32.835799999999999</v>
      </c>
    </row>
    <row r="9890" spans="1:6" x14ac:dyDescent="0.25">
      <c r="A9890">
        <v>156.78</v>
      </c>
      <c r="B9890">
        <v>182.26</v>
      </c>
      <c r="C9890">
        <v>17254.5</v>
      </c>
      <c r="D9890">
        <v>4</v>
      </c>
      <c r="E9890">
        <v>18340.900000000001</v>
      </c>
      <c r="F9890">
        <v>37.009399999999999</v>
      </c>
    </row>
    <row r="9891" spans="1:6" x14ac:dyDescent="0.25">
      <c r="A9891">
        <v>156.78</v>
      </c>
      <c r="B9891">
        <v>182.26</v>
      </c>
      <c r="C9891">
        <v>18800</v>
      </c>
      <c r="D9891">
        <v>1</v>
      </c>
      <c r="E9891">
        <v>6038.15</v>
      </c>
      <c r="F9891">
        <v>28.927499999999998</v>
      </c>
    </row>
    <row r="9892" spans="1:6" x14ac:dyDescent="0.25">
      <c r="A9892">
        <v>156.78</v>
      </c>
      <c r="B9892">
        <v>182.26</v>
      </c>
      <c r="C9892">
        <v>18800</v>
      </c>
      <c r="D9892">
        <v>1.3</v>
      </c>
      <c r="E9892">
        <v>21438.9</v>
      </c>
      <c r="F9892">
        <v>23.514800000000001</v>
      </c>
    </row>
    <row r="9893" spans="1:6" x14ac:dyDescent="0.25">
      <c r="A9893">
        <v>156.78</v>
      </c>
      <c r="B9893">
        <v>182.26</v>
      </c>
      <c r="C9893">
        <v>18800</v>
      </c>
      <c r="D9893">
        <v>1.6</v>
      </c>
      <c r="E9893">
        <v>5325.73</v>
      </c>
      <c r="F9893">
        <v>30.8367</v>
      </c>
    </row>
    <row r="9894" spans="1:6" x14ac:dyDescent="0.25">
      <c r="A9894">
        <v>156.78</v>
      </c>
      <c r="B9894">
        <v>182.26</v>
      </c>
      <c r="C9894">
        <v>18800</v>
      </c>
      <c r="D9894">
        <v>1.9</v>
      </c>
      <c r="E9894">
        <v>20712.900000000001</v>
      </c>
      <c r="F9894">
        <v>34.7089</v>
      </c>
    </row>
    <row r="9895" spans="1:6" x14ac:dyDescent="0.25">
      <c r="A9895">
        <v>156.78</v>
      </c>
      <c r="B9895">
        <v>182.26</v>
      </c>
      <c r="C9895">
        <v>18800</v>
      </c>
      <c r="D9895">
        <v>2.2000000000000002</v>
      </c>
      <c r="E9895">
        <v>20567.400000000001</v>
      </c>
      <c r="F9895">
        <v>34.403599999999997</v>
      </c>
    </row>
    <row r="9896" spans="1:6" x14ac:dyDescent="0.25">
      <c r="A9896">
        <v>156.78</v>
      </c>
      <c r="B9896">
        <v>182.26</v>
      </c>
      <c r="C9896">
        <v>18800</v>
      </c>
      <c r="D9896">
        <v>2.5</v>
      </c>
      <c r="E9896">
        <v>20368.7</v>
      </c>
      <c r="F9896">
        <v>33.310899999999997</v>
      </c>
    </row>
    <row r="9897" spans="1:6" x14ac:dyDescent="0.25">
      <c r="A9897">
        <v>156.78</v>
      </c>
      <c r="B9897">
        <v>182.26</v>
      </c>
      <c r="C9897">
        <v>18800</v>
      </c>
      <c r="D9897">
        <v>2.8</v>
      </c>
      <c r="E9897">
        <v>20178</v>
      </c>
      <c r="F9897">
        <v>32.041699999999999</v>
      </c>
    </row>
    <row r="9898" spans="1:6" x14ac:dyDescent="0.25">
      <c r="A9898">
        <v>156.78</v>
      </c>
      <c r="B9898">
        <v>182.26</v>
      </c>
      <c r="C9898">
        <v>18800</v>
      </c>
      <c r="D9898">
        <v>3.1</v>
      </c>
      <c r="E9898">
        <v>20024.400000000001</v>
      </c>
      <c r="F9898">
        <v>32.408900000000003</v>
      </c>
    </row>
    <row r="9899" spans="1:6" x14ac:dyDescent="0.25">
      <c r="A9899">
        <v>156.78</v>
      </c>
      <c r="B9899">
        <v>182.26</v>
      </c>
      <c r="C9899">
        <v>18800</v>
      </c>
      <c r="D9899">
        <v>3.4</v>
      </c>
      <c r="E9899">
        <v>19970.5</v>
      </c>
      <c r="F9899">
        <v>32.668500000000002</v>
      </c>
    </row>
    <row r="9900" spans="1:6" x14ac:dyDescent="0.25">
      <c r="A9900">
        <v>156.78</v>
      </c>
      <c r="B9900">
        <v>182.26</v>
      </c>
      <c r="C9900">
        <v>18800</v>
      </c>
      <c r="D9900">
        <v>3.7</v>
      </c>
      <c r="E9900">
        <v>19855.900000000001</v>
      </c>
      <c r="F9900">
        <v>32.835799999999999</v>
      </c>
    </row>
    <row r="9901" spans="1:6" x14ac:dyDescent="0.25">
      <c r="A9901">
        <v>156.78</v>
      </c>
      <c r="B9901">
        <v>182.26</v>
      </c>
      <c r="C9901">
        <v>18800</v>
      </c>
      <c r="D9901">
        <v>4</v>
      </c>
      <c r="E9901">
        <v>19915.2</v>
      </c>
      <c r="F9901">
        <v>37.009399999999999</v>
      </c>
    </row>
    <row r="9902" spans="1:6" x14ac:dyDescent="0.25">
      <c r="A9902">
        <v>156.78</v>
      </c>
      <c r="B9902">
        <v>185.89</v>
      </c>
      <c r="C9902">
        <v>1800</v>
      </c>
      <c r="D9902">
        <v>1</v>
      </c>
      <c r="E9902">
        <v>5359.03</v>
      </c>
      <c r="F9902">
        <v>37.424100000000003</v>
      </c>
    </row>
    <row r="9903" spans="1:6" x14ac:dyDescent="0.25">
      <c r="A9903">
        <v>156.78</v>
      </c>
      <c r="B9903">
        <v>185.89</v>
      </c>
      <c r="C9903">
        <v>1800</v>
      </c>
      <c r="D9903">
        <v>1.3</v>
      </c>
      <c r="E9903">
        <v>4796.3500000000004</v>
      </c>
      <c r="F9903">
        <v>45.903599999999997</v>
      </c>
    </row>
    <row r="9904" spans="1:6" x14ac:dyDescent="0.25">
      <c r="A9904">
        <v>156.78</v>
      </c>
      <c r="B9904">
        <v>185.89</v>
      </c>
      <c r="C9904">
        <v>1800</v>
      </c>
      <c r="D9904">
        <v>1.6</v>
      </c>
      <c r="E9904">
        <v>4431.92</v>
      </c>
      <c r="F9904">
        <v>52.076799999999999</v>
      </c>
    </row>
    <row r="9905" spans="1:6" x14ac:dyDescent="0.25">
      <c r="A9905">
        <v>156.78</v>
      </c>
      <c r="B9905">
        <v>185.89</v>
      </c>
      <c r="C9905">
        <v>1800</v>
      </c>
      <c r="D9905">
        <v>1.9</v>
      </c>
      <c r="E9905">
        <v>4150.58</v>
      </c>
      <c r="F9905">
        <v>58.204099999999997</v>
      </c>
    </row>
    <row r="9906" spans="1:6" x14ac:dyDescent="0.25">
      <c r="A9906">
        <v>156.78</v>
      </c>
      <c r="B9906">
        <v>185.89</v>
      </c>
      <c r="C9906">
        <v>1800</v>
      </c>
      <c r="D9906">
        <v>2.2000000000000002</v>
      </c>
      <c r="E9906">
        <v>3992.68</v>
      </c>
      <c r="F9906">
        <v>63.854599999999998</v>
      </c>
    </row>
    <row r="9907" spans="1:6" x14ac:dyDescent="0.25">
      <c r="A9907">
        <v>156.78</v>
      </c>
      <c r="B9907">
        <v>185.89</v>
      </c>
      <c r="C9907">
        <v>1800</v>
      </c>
      <c r="D9907">
        <v>2.5</v>
      </c>
      <c r="E9907">
        <v>3783.75</v>
      </c>
      <c r="F9907">
        <v>67.078900000000004</v>
      </c>
    </row>
    <row r="9908" spans="1:6" x14ac:dyDescent="0.25">
      <c r="A9908">
        <v>156.78</v>
      </c>
      <c r="B9908">
        <v>185.89</v>
      </c>
      <c r="C9908">
        <v>1800</v>
      </c>
      <c r="D9908">
        <v>2.8</v>
      </c>
      <c r="E9908">
        <v>3690.04</v>
      </c>
      <c r="F9908">
        <v>74.140500000000003</v>
      </c>
    </row>
    <row r="9909" spans="1:6" x14ac:dyDescent="0.25">
      <c r="A9909">
        <v>156.78</v>
      </c>
      <c r="B9909">
        <v>185.89</v>
      </c>
      <c r="C9909">
        <v>1800</v>
      </c>
      <c r="D9909">
        <v>3.1</v>
      </c>
      <c r="E9909">
        <v>3611.92</v>
      </c>
      <c r="F9909">
        <v>78.021699999999996</v>
      </c>
    </row>
    <row r="9910" spans="1:6" x14ac:dyDescent="0.25">
      <c r="A9910">
        <v>156.78</v>
      </c>
      <c r="B9910">
        <v>185.89</v>
      </c>
      <c r="C9910">
        <v>1800</v>
      </c>
      <c r="D9910">
        <v>3.4</v>
      </c>
      <c r="E9910">
        <v>3485.65</v>
      </c>
      <c r="F9910">
        <v>81.447000000000003</v>
      </c>
    </row>
    <row r="9911" spans="1:6" x14ac:dyDescent="0.25">
      <c r="A9911">
        <v>156.78</v>
      </c>
      <c r="B9911">
        <v>185.89</v>
      </c>
      <c r="C9911">
        <v>1800</v>
      </c>
      <c r="D9911">
        <v>3.7</v>
      </c>
      <c r="E9911">
        <v>3457.2</v>
      </c>
      <c r="F9911">
        <v>85.519499999999994</v>
      </c>
    </row>
    <row r="9912" spans="1:6" x14ac:dyDescent="0.25">
      <c r="A9912">
        <v>156.78</v>
      </c>
      <c r="B9912">
        <v>185.89</v>
      </c>
      <c r="C9912">
        <v>1800</v>
      </c>
      <c r="D9912">
        <v>4</v>
      </c>
      <c r="E9912">
        <v>3434.43</v>
      </c>
      <c r="F9912">
        <v>84.082099999999997</v>
      </c>
    </row>
    <row r="9913" spans="1:6" x14ac:dyDescent="0.25">
      <c r="A9913">
        <v>156.78</v>
      </c>
      <c r="B9913">
        <v>185.89</v>
      </c>
      <c r="C9913">
        <v>3345.45</v>
      </c>
      <c r="D9913">
        <v>1</v>
      </c>
      <c r="E9913">
        <v>7137.26</v>
      </c>
      <c r="F9913">
        <v>21.537299999999998</v>
      </c>
    </row>
    <row r="9914" spans="1:6" x14ac:dyDescent="0.25">
      <c r="A9914">
        <v>156.78</v>
      </c>
      <c r="B9914">
        <v>185.89</v>
      </c>
      <c r="C9914">
        <v>3345.45</v>
      </c>
      <c r="D9914">
        <v>1.3</v>
      </c>
      <c r="E9914">
        <v>6087.64</v>
      </c>
      <c r="F9914">
        <v>23.681100000000001</v>
      </c>
    </row>
    <row r="9915" spans="1:6" x14ac:dyDescent="0.25">
      <c r="A9915">
        <v>156.78</v>
      </c>
      <c r="B9915">
        <v>185.89</v>
      </c>
      <c r="C9915">
        <v>3345.45</v>
      </c>
      <c r="D9915">
        <v>1.6</v>
      </c>
      <c r="E9915">
        <v>5632.47</v>
      </c>
      <c r="F9915">
        <v>23.314900000000002</v>
      </c>
    </row>
    <row r="9916" spans="1:6" x14ac:dyDescent="0.25">
      <c r="A9916">
        <v>156.78</v>
      </c>
      <c r="B9916">
        <v>185.89</v>
      </c>
      <c r="C9916">
        <v>3345.45</v>
      </c>
      <c r="D9916">
        <v>1.9</v>
      </c>
      <c r="E9916">
        <v>5385.57</v>
      </c>
      <c r="F9916">
        <v>34.7089</v>
      </c>
    </row>
    <row r="9917" spans="1:6" x14ac:dyDescent="0.25">
      <c r="A9917">
        <v>156.78</v>
      </c>
      <c r="B9917">
        <v>185.89</v>
      </c>
      <c r="C9917">
        <v>3345.45</v>
      </c>
      <c r="D9917">
        <v>2.2000000000000002</v>
      </c>
      <c r="E9917">
        <v>5333.26</v>
      </c>
      <c r="F9917">
        <v>33.927199999999999</v>
      </c>
    </row>
    <row r="9918" spans="1:6" x14ac:dyDescent="0.25">
      <c r="A9918">
        <v>156.78</v>
      </c>
      <c r="B9918">
        <v>185.89</v>
      </c>
      <c r="C9918">
        <v>3345.45</v>
      </c>
      <c r="D9918">
        <v>2.5</v>
      </c>
      <c r="E9918">
        <v>5102.12</v>
      </c>
      <c r="F9918">
        <v>26.7746</v>
      </c>
    </row>
    <row r="9919" spans="1:6" x14ac:dyDescent="0.25">
      <c r="A9919">
        <v>156.78</v>
      </c>
      <c r="B9919">
        <v>185.89</v>
      </c>
      <c r="C9919">
        <v>3345.45</v>
      </c>
      <c r="D9919">
        <v>2.8</v>
      </c>
      <c r="E9919">
        <v>5053.37</v>
      </c>
      <c r="F9919">
        <v>23.9085</v>
      </c>
    </row>
    <row r="9920" spans="1:6" x14ac:dyDescent="0.25">
      <c r="A9920">
        <v>156.78</v>
      </c>
      <c r="B9920">
        <v>185.89</v>
      </c>
      <c r="C9920">
        <v>3345.45</v>
      </c>
      <c r="D9920">
        <v>3.1</v>
      </c>
      <c r="E9920">
        <v>4739.67</v>
      </c>
      <c r="F9920">
        <v>24.598500000000001</v>
      </c>
    </row>
    <row r="9921" spans="1:6" x14ac:dyDescent="0.25">
      <c r="A9921">
        <v>156.78</v>
      </c>
      <c r="B9921">
        <v>185.89</v>
      </c>
      <c r="C9921">
        <v>3345.45</v>
      </c>
      <c r="D9921">
        <v>3.4</v>
      </c>
      <c r="E9921">
        <v>4689.53</v>
      </c>
      <c r="F9921">
        <v>25.174499999999998</v>
      </c>
    </row>
    <row r="9922" spans="1:6" x14ac:dyDescent="0.25">
      <c r="A9922">
        <v>156.78</v>
      </c>
      <c r="B9922">
        <v>185.89</v>
      </c>
      <c r="C9922">
        <v>3345.45</v>
      </c>
      <c r="D9922">
        <v>3.7</v>
      </c>
      <c r="E9922">
        <v>4621.84</v>
      </c>
      <c r="F9922">
        <v>25.607199999999999</v>
      </c>
    </row>
    <row r="9923" spans="1:6" x14ac:dyDescent="0.25">
      <c r="A9923">
        <v>156.78</v>
      </c>
      <c r="B9923">
        <v>185.89</v>
      </c>
      <c r="C9923">
        <v>3345.45</v>
      </c>
      <c r="D9923">
        <v>4</v>
      </c>
      <c r="E9923">
        <v>4647.01</v>
      </c>
      <c r="F9923">
        <v>35.855600000000003</v>
      </c>
    </row>
    <row r="9924" spans="1:6" x14ac:dyDescent="0.25">
      <c r="A9924">
        <v>156.78</v>
      </c>
      <c r="B9924">
        <v>185.89</v>
      </c>
      <c r="C9924">
        <v>4890.8999999999996</v>
      </c>
      <c r="D9924">
        <v>1</v>
      </c>
      <c r="E9924">
        <v>6038.15</v>
      </c>
      <c r="F9924">
        <v>28.927499999999998</v>
      </c>
    </row>
    <row r="9925" spans="1:6" x14ac:dyDescent="0.25">
      <c r="A9925">
        <v>156.78</v>
      </c>
      <c r="B9925">
        <v>185.89</v>
      </c>
      <c r="C9925">
        <v>4890.8999999999996</v>
      </c>
      <c r="D9925">
        <v>1.3</v>
      </c>
      <c r="E9925">
        <v>7689.17</v>
      </c>
      <c r="F9925">
        <v>23.514800000000001</v>
      </c>
    </row>
    <row r="9926" spans="1:6" x14ac:dyDescent="0.25">
      <c r="A9926">
        <v>156.78</v>
      </c>
      <c r="B9926">
        <v>185.89</v>
      </c>
      <c r="C9926">
        <v>4890.8999999999996</v>
      </c>
      <c r="D9926">
        <v>1.6</v>
      </c>
      <c r="E9926">
        <v>5325.73</v>
      </c>
      <c r="F9926">
        <v>30.8367</v>
      </c>
    </row>
    <row r="9927" spans="1:6" x14ac:dyDescent="0.25">
      <c r="A9927">
        <v>156.78</v>
      </c>
      <c r="B9927">
        <v>185.89</v>
      </c>
      <c r="C9927">
        <v>4890.8999999999996</v>
      </c>
      <c r="D9927">
        <v>1.9</v>
      </c>
      <c r="E9927">
        <v>6968.68</v>
      </c>
      <c r="F9927">
        <v>34.7089</v>
      </c>
    </row>
    <row r="9928" spans="1:6" x14ac:dyDescent="0.25">
      <c r="A9928">
        <v>156.78</v>
      </c>
      <c r="B9928">
        <v>185.89</v>
      </c>
      <c r="C9928">
        <v>4890.8999999999996</v>
      </c>
      <c r="D9928">
        <v>2.2000000000000002</v>
      </c>
      <c r="E9928">
        <v>6873.61</v>
      </c>
      <c r="F9928">
        <v>34.403599999999997</v>
      </c>
    </row>
    <row r="9929" spans="1:6" x14ac:dyDescent="0.25">
      <c r="A9929">
        <v>156.78</v>
      </c>
      <c r="B9929">
        <v>185.89</v>
      </c>
      <c r="C9929">
        <v>4890.8999999999996</v>
      </c>
      <c r="D9929">
        <v>2.5</v>
      </c>
      <c r="E9929">
        <v>6444.02</v>
      </c>
      <c r="F9929">
        <v>33.310899999999997</v>
      </c>
    </row>
    <row r="9930" spans="1:6" x14ac:dyDescent="0.25">
      <c r="A9930">
        <v>156.78</v>
      </c>
      <c r="B9930">
        <v>185.89</v>
      </c>
      <c r="C9930">
        <v>4890.8999999999996</v>
      </c>
      <c r="D9930">
        <v>2.8</v>
      </c>
      <c r="E9930">
        <v>6464.66</v>
      </c>
      <c r="F9930">
        <v>32.041699999999999</v>
      </c>
    </row>
    <row r="9931" spans="1:6" x14ac:dyDescent="0.25">
      <c r="A9931">
        <v>156.78</v>
      </c>
      <c r="B9931">
        <v>185.89</v>
      </c>
      <c r="C9931">
        <v>4890.8999999999996</v>
      </c>
      <c r="D9931">
        <v>3.1</v>
      </c>
      <c r="E9931">
        <v>6155.34</v>
      </c>
      <c r="F9931">
        <v>32.408900000000003</v>
      </c>
    </row>
    <row r="9932" spans="1:6" x14ac:dyDescent="0.25">
      <c r="A9932">
        <v>156.78</v>
      </c>
      <c r="B9932">
        <v>185.89</v>
      </c>
      <c r="C9932">
        <v>4890.8999999999996</v>
      </c>
      <c r="D9932">
        <v>3.4</v>
      </c>
      <c r="E9932">
        <v>6095.38</v>
      </c>
      <c r="F9932">
        <v>32.668500000000002</v>
      </c>
    </row>
    <row r="9933" spans="1:6" x14ac:dyDescent="0.25">
      <c r="A9933">
        <v>156.78</v>
      </c>
      <c r="B9933">
        <v>185.89</v>
      </c>
      <c r="C9933">
        <v>4890.8999999999996</v>
      </c>
      <c r="D9933">
        <v>3.7</v>
      </c>
      <c r="E9933">
        <v>5970.81</v>
      </c>
      <c r="F9933">
        <v>32.835799999999999</v>
      </c>
    </row>
    <row r="9934" spans="1:6" x14ac:dyDescent="0.25">
      <c r="A9934">
        <v>156.78</v>
      </c>
      <c r="B9934">
        <v>185.89</v>
      </c>
      <c r="C9934">
        <v>4890.8999999999996</v>
      </c>
      <c r="D9934">
        <v>4</v>
      </c>
      <c r="E9934">
        <v>6007.95</v>
      </c>
      <c r="F9934">
        <v>37.009399999999999</v>
      </c>
    </row>
    <row r="9935" spans="1:6" x14ac:dyDescent="0.25">
      <c r="A9935">
        <v>156.78</v>
      </c>
      <c r="B9935">
        <v>185.89</v>
      </c>
      <c r="C9935">
        <v>6436.35</v>
      </c>
      <c r="D9935">
        <v>1</v>
      </c>
      <c r="E9935">
        <v>6038.15</v>
      </c>
      <c r="F9935">
        <v>28.927499999999998</v>
      </c>
    </row>
    <row r="9936" spans="1:6" x14ac:dyDescent="0.25">
      <c r="A9936">
        <v>156.78</v>
      </c>
      <c r="B9936">
        <v>185.89</v>
      </c>
      <c r="C9936">
        <v>6436.35</v>
      </c>
      <c r="D9936">
        <v>1.3</v>
      </c>
      <c r="E9936">
        <v>9639.32</v>
      </c>
      <c r="F9936">
        <v>23.514800000000001</v>
      </c>
    </row>
    <row r="9937" spans="1:6" x14ac:dyDescent="0.25">
      <c r="A9937">
        <v>156.78</v>
      </c>
      <c r="B9937">
        <v>185.89</v>
      </c>
      <c r="C9937">
        <v>6436.35</v>
      </c>
      <c r="D9937">
        <v>1.6</v>
      </c>
      <c r="E9937">
        <v>5325.73</v>
      </c>
      <c r="F9937">
        <v>30.8367</v>
      </c>
    </row>
    <row r="9938" spans="1:6" x14ac:dyDescent="0.25">
      <c r="A9938">
        <v>156.78</v>
      </c>
      <c r="B9938">
        <v>185.89</v>
      </c>
      <c r="C9938">
        <v>6436.35</v>
      </c>
      <c r="D9938">
        <v>1.9</v>
      </c>
      <c r="E9938">
        <v>8464.44</v>
      </c>
      <c r="F9938">
        <v>34.7089</v>
      </c>
    </row>
    <row r="9939" spans="1:6" x14ac:dyDescent="0.25">
      <c r="A9939">
        <v>156.78</v>
      </c>
      <c r="B9939">
        <v>185.89</v>
      </c>
      <c r="C9939">
        <v>6436.35</v>
      </c>
      <c r="D9939">
        <v>2.2000000000000002</v>
      </c>
      <c r="E9939">
        <v>8428.34</v>
      </c>
      <c r="F9939">
        <v>34.403599999999997</v>
      </c>
    </row>
    <row r="9940" spans="1:6" x14ac:dyDescent="0.25">
      <c r="A9940">
        <v>156.78</v>
      </c>
      <c r="B9940">
        <v>185.89</v>
      </c>
      <c r="C9940">
        <v>6436.35</v>
      </c>
      <c r="D9940">
        <v>2.5</v>
      </c>
      <c r="E9940">
        <v>8183.67</v>
      </c>
      <c r="F9940">
        <v>33.310899999999997</v>
      </c>
    </row>
    <row r="9941" spans="1:6" x14ac:dyDescent="0.25">
      <c r="A9941">
        <v>156.78</v>
      </c>
      <c r="B9941">
        <v>185.89</v>
      </c>
      <c r="C9941">
        <v>6436.35</v>
      </c>
      <c r="D9941">
        <v>2.8</v>
      </c>
      <c r="E9941">
        <v>7800.68</v>
      </c>
      <c r="F9941">
        <v>32.041699999999999</v>
      </c>
    </row>
    <row r="9942" spans="1:6" x14ac:dyDescent="0.25">
      <c r="A9942">
        <v>156.78</v>
      </c>
      <c r="B9942">
        <v>185.89</v>
      </c>
      <c r="C9942">
        <v>6436.35</v>
      </c>
      <c r="D9942">
        <v>3.1</v>
      </c>
      <c r="E9942">
        <v>7782.74</v>
      </c>
      <c r="F9942">
        <v>32.408900000000003</v>
      </c>
    </row>
    <row r="9943" spans="1:6" x14ac:dyDescent="0.25">
      <c r="A9943">
        <v>156.78</v>
      </c>
      <c r="B9943">
        <v>185.89</v>
      </c>
      <c r="C9943">
        <v>6436.35</v>
      </c>
      <c r="D9943">
        <v>3.4</v>
      </c>
      <c r="E9943">
        <v>7695.52</v>
      </c>
      <c r="F9943">
        <v>32.668500000000002</v>
      </c>
    </row>
    <row r="9944" spans="1:6" x14ac:dyDescent="0.25">
      <c r="A9944">
        <v>156.78</v>
      </c>
      <c r="B9944">
        <v>185.89</v>
      </c>
      <c r="C9944">
        <v>6436.35</v>
      </c>
      <c r="D9944">
        <v>3.7</v>
      </c>
      <c r="E9944">
        <v>7545.83</v>
      </c>
      <c r="F9944">
        <v>32.835799999999999</v>
      </c>
    </row>
    <row r="9945" spans="1:6" x14ac:dyDescent="0.25">
      <c r="A9945">
        <v>156.78</v>
      </c>
      <c r="B9945">
        <v>185.89</v>
      </c>
      <c r="C9945">
        <v>6436.35</v>
      </c>
      <c r="D9945">
        <v>4</v>
      </c>
      <c r="E9945">
        <v>7616.27</v>
      </c>
      <c r="F9945">
        <v>37.009399999999999</v>
      </c>
    </row>
    <row r="9946" spans="1:6" x14ac:dyDescent="0.25">
      <c r="A9946">
        <v>156.78</v>
      </c>
      <c r="B9946">
        <v>185.89</v>
      </c>
      <c r="C9946">
        <v>7981.8</v>
      </c>
      <c r="D9946">
        <v>1</v>
      </c>
      <c r="E9946">
        <v>6038.15</v>
      </c>
      <c r="F9946">
        <v>28.927499999999998</v>
      </c>
    </row>
    <row r="9947" spans="1:6" x14ac:dyDescent="0.25">
      <c r="A9947">
        <v>156.78</v>
      </c>
      <c r="B9947">
        <v>185.89</v>
      </c>
      <c r="C9947">
        <v>7981.8</v>
      </c>
      <c r="D9947">
        <v>1.3</v>
      </c>
      <c r="E9947">
        <v>10750.2</v>
      </c>
      <c r="F9947">
        <v>23.514800000000001</v>
      </c>
    </row>
    <row r="9948" spans="1:6" x14ac:dyDescent="0.25">
      <c r="A9948">
        <v>156.78</v>
      </c>
      <c r="B9948">
        <v>185.89</v>
      </c>
      <c r="C9948">
        <v>7981.8</v>
      </c>
      <c r="D9948">
        <v>1.6</v>
      </c>
      <c r="E9948">
        <v>5325.73</v>
      </c>
      <c r="F9948">
        <v>30.8367</v>
      </c>
    </row>
    <row r="9949" spans="1:6" x14ac:dyDescent="0.25">
      <c r="A9949">
        <v>156.78</v>
      </c>
      <c r="B9949">
        <v>185.89</v>
      </c>
      <c r="C9949">
        <v>7981.8</v>
      </c>
      <c r="D9949">
        <v>1.9</v>
      </c>
      <c r="E9949">
        <v>10103.799999999999</v>
      </c>
      <c r="F9949">
        <v>34.7089</v>
      </c>
    </row>
    <row r="9950" spans="1:6" x14ac:dyDescent="0.25">
      <c r="A9950">
        <v>156.78</v>
      </c>
      <c r="B9950">
        <v>185.89</v>
      </c>
      <c r="C9950">
        <v>7981.8</v>
      </c>
      <c r="D9950">
        <v>2.2000000000000002</v>
      </c>
      <c r="E9950">
        <v>9739.48</v>
      </c>
      <c r="F9950">
        <v>34.403599999999997</v>
      </c>
    </row>
    <row r="9951" spans="1:6" x14ac:dyDescent="0.25">
      <c r="A9951">
        <v>156.78</v>
      </c>
      <c r="B9951">
        <v>185.89</v>
      </c>
      <c r="C9951">
        <v>7981.8</v>
      </c>
      <c r="D9951">
        <v>2.5</v>
      </c>
      <c r="E9951">
        <v>9579.39</v>
      </c>
      <c r="F9951">
        <v>33.310899999999997</v>
      </c>
    </row>
    <row r="9952" spans="1:6" x14ac:dyDescent="0.25">
      <c r="A9952">
        <v>156.78</v>
      </c>
      <c r="B9952">
        <v>185.89</v>
      </c>
      <c r="C9952">
        <v>7981.8</v>
      </c>
      <c r="D9952">
        <v>2.8</v>
      </c>
      <c r="E9952">
        <v>9413.24</v>
      </c>
      <c r="F9952">
        <v>32.041699999999999</v>
      </c>
    </row>
    <row r="9953" spans="1:6" x14ac:dyDescent="0.25">
      <c r="A9953">
        <v>156.78</v>
      </c>
      <c r="B9953">
        <v>185.89</v>
      </c>
      <c r="C9953">
        <v>7981.8</v>
      </c>
      <c r="D9953">
        <v>3.1</v>
      </c>
      <c r="E9953">
        <v>9256.07</v>
      </c>
      <c r="F9953">
        <v>32.408900000000003</v>
      </c>
    </row>
    <row r="9954" spans="1:6" x14ac:dyDescent="0.25">
      <c r="A9954">
        <v>156.78</v>
      </c>
      <c r="B9954">
        <v>185.89</v>
      </c>
      <c r="C9954">
        <v>7981.8</v>
      </c>
      <c r="D9954">
        <v>3.4</v>
      </c>
      <c r="E9954">
        <v>9124.48</v>
      </c>
      <c r="F9954">
        <v>32.668500000000002</v>
      </c>
    </row>
    <row r="9955" spans="1:6" x14ac:dyDescent="0.25">
      <c r="A9955">
        <v>156.78</v>
      </c>
      <c r="B9955">
        <v>185.89</v>
      </c>
      <c r="C9955">
        <v>7981.8</v>
      </c>
      <c r="D9955">
        <v>3.7</v>
      </c>
      <c r="E9955">
        <v>9015.27</v>
      </c>
      <c r="F9955">
        <v>32.835799999999999</v>
      </c>
    </row>
    <row r="9956" spans="1:6" x14ac:dyDescent="0.25">
      <c r="A9956">
        <v>156.78</v>
      </c>
      <c r="B9956">
        <v>185.89</v>
      </c>
      <c r="C9956">
        <v>7981.8</v>
      </c>
      <c r="D9956">
        <v>4</v>
      </c>
      <c r="E9956">
        <v>9105.41</v>
      </c>
      <c r="F9956">
        <v>37.009399999999999</v>
      </c>
    </row>
    <row r="9957" spans="1:6" x14ac:dyDescent="0.25">
      <c r="A9957">
        <v>156.78</v>
      </c>
      <c r="B9957">
        <v>185.89</v>
      </c>
      <c r="C9957">
        <v>9527.25</v>
      </c>
      <c r="D9957">
        <v>1</v>
      </c>
      <c r="E9957">
        <v>6038.15</v>
      </c>
      <c r="F9957">
        <v>28.927499999999998</v>
      </c>
    </row>
    <row r="9958" spans="1:6" x14ac:dyDescent="0.25">
      <c r="A9958">
        <v>156.78</v>
      </c>
      <c r="B9958">
        <v>185.89</v>
      </c>
      <c r="C9958">
        <v>9527.25</v>
      </c>
      <c r="D9958">
        <v>1.3</v>
      </c>
      <c r="E9958">
        <v>12472.9</v>
      </c>
      <c r="F9958">
        <v>23.514800000000001</v>
      </c>
    </row>
    <row r="9959" spans="1:6" x14ac:dyDescent="0.25">
      <c r="A9959">
        <v>156.78</v>
      </c>
      <c r="B9959">
        <v>185.89</v>
      </c>
      <c r="C9959">
        <v>9527.25</v>
      </c>
      <c r="D9959">
        <v>1.6</v>
      </c>
      <c r="E9959">
        <v>5325.73</v>
      </c>
      <c r="F9959">
        <v>30.8367</v>
      </c>
    </row>
    <row r="9960" spans="1:6" x14ac:dyDescent="0.25">
      <c r="A9960">
        <v>156.78</v>
      </c>
      <c r="B9960">
        <v>185.89</v>
      </c>
      <c r="C9960">
        <v>9527.25</v>
      </c>
      <c r="D9960">
        <v>1.9</v>
      </c>
      <c r="E9960">
        <v>11646</v>
      </c>
      <c r="F9960">
        <v>34.7089</v>
      </c>
    </row>
    <row r="9961" spans="1:6" x14ac:dyDescent="0.25">
      <c r="A9961">
        <v>156.78</v>
      </c>
      <c r="B9961">
        <v>185.89</v>
      </c>
      <c r="C9961">
        <v>9527.25</v>
      </c>
      <c r="D9961">
        <v>2.2000000000000002</v>
      </c>
      <c r="E9961">
        <v>11274.3</v>
      </c>
      <c r="F9961">
        <v>34.403599999999997</v>
      </c>
    </row>
    <row r="9962" spans="1:6" x14ac:dyDescent="0.25">
      <c r="A9962">
        <v>156.78</v>
      </c>
      <c r="B9962">
        <v>185.89</v>
      </c>
      <c r="C9962">
        <v>9527.25</v>
      </c>
      <c r="D9962">
        <v>2.5</v>
      </c>
      <c r="E9962">
        <v>11292.8</v>
      </c>
      <c r="F9962">
        <v>33.310899999999997</v>
      </c>
    </row>
    <row r="9963" spans="1:6" x14ac:dyDescent="0.25">
      <c r="A9963">
        <v>156.78</v>
      </c>
      <c r="B9963">
        <v>185.89</v>
      </c>
      <c r="C9963">
        <v>9527.25</v>
      </c>
      <c r="D9963">
        <v>2.8</v>
      </c>
      <c r="E9963">
        <v>10967.5</v>
      </c>
      <c r="F9963">
        <v>32.041699999999999</v>
      </c>
    </row>
    <row r="9964" spans="1:6" x14ac:dyDescent="0.25">
      <c r="A9964">
        <v>156.78</v>
      </c>
      <c r="B9964">
        <v>185.89</v>
      </c>
      <c r="C9964">
        <v>9527.25</v>
      </c>
      <c r="D9964">
        <v>3.1</v>
      </c>
      <c r="E9964">
        <v>10802.6</v>
      </c>
      <c r="F9964">
        <v>32.408900000000003</v>
      </c>
    </row>
    <row r="9965" spans="1:6" x14ac:dyDescent="0.25">
      <c r="A9965">
        <v>156.78</v>
      </c>
      <c r="B9965">
        <v>185.89</v>
      </c>
      <c r="C9965">
        <v>9527.25</v>
      </c>
      <c r="D9965">
        <v>3.4</v>
      </c>
      <c r="E9965">
        <v>10685.9</v>
      </c>
      <c r="F9965">
        <v>32.668500000000002</v>
      </c>
    </row>
    <row r="9966" spans="1:6" x14ac:dyDescent="0.25">
      <c r="A9966">
        <v>156.78</v>
      </c>
      <c r="B9966">
        <v>185.89</v>
      </c>
      <c r="C9966">
        <v>9527.25</v>
      </c>
      <c r="D9966">
        <v>3.7</v>
      </c>
      <c r="E9966">
        <v>10598.1</v>
      </c>
      <c r="F9966">
        <v>32.835799999999999</v>
      </c>
    </row>
    <row r="9967" spans="1:6" x14ac:dyDescent="0.25">
      <c r="A9967">
        <v>156.78</v>
      </c>
      <c r="B9967">
        <v>185.89</v>
      </c>
      <c r="C9967">
        <v>9527.25</v>
      </c>
      <c r="D9967">
        <v>4</v>
      </c>
      <c r="E9967">
        <v>10639.3</v>
      </c>
      <c r="F9967">
        <v>37.009399999999999</v>
      </c>
    </row>
    <row r="9968" spans="1:6" x14ac:dyDescent="0.25">
      <c r="A9968">
        <v>156.78</v>
      </c>
      <c r="B9968">
        <v>185.89</v>
      </c>
      <c r="C9968">
        <v>11072.7</v>
      </c>
      <c r="D9968">
        <v>1</v>
      </c>
      <c r="E9968">
        <v>6038.15</v>
      </c>
      <c r="F9968">
        <v>28.927499999999998</v>
      </c>
    </row>
    <row r="9969" spans="1:6" x14ac:dyDescent="0.25">
      <c r="A9969">
        <v>156.78</v>
      </c>
      <c r="B9969">
        <v>185.89</v>
      </c>
      <c r="C9969">
        <v>11072.7</v>
      </c>
      <c r="D9969">
        <v>1.3</v>
      </c>
      <c r="E9969">
        <v>14131.5</v>
      </c>
      <c r="F9969">
        <v>23.514800000000001</v>
      </c>
    </row>
    <row r="9970" spans="1:6" x14ac:dyDescent="0.25">
      <c r="A9970">
        <v>156.78</v>
      </c>
      <c r="B9970">
        <v>185.89</v>
      </c>
      <c r="C9970">
        <v>11072.7</v>
      </c>
      <c r="D9970">
        <v>1.6</v>
      </c>
      <c r="E9970">
        <v>5325.73</v>
      </c>
      <c r="F9970">
        <v>30.8367</v>
      </c>
    </row>
    <row r="9971" spans="1:6" x14ac:dyDescent="0.25">
      <c r="A9971">
        <v>156.78</v>
      </c>
      <c r="B9971">
        <v>185.89</v>
      </c>
      <c r="C9971">
        <v>11072.7</v>
      </c>
      <c r="D9971">
        <v>1.9</v>
      </c>
      <c r="E9971">
        <v>13044.4</v>
      </c>
      <c r="F9971">
        <v>34.7089</v>
      </c>
    </row>
    <row r="9972" spans="1:6" x14ac:dyDescent="0.25">
      <c r="A9972">
        <v>156.78</v>
      </c>
      <c r="B9972">
        <v>185.89</v>
      </c>
      <c r="C9972">
        <v>11072.7</v>
      </c>
      <c r="D9972">
        <v>2.2000000000000002</v>
      </c>
      <c r="E9972">
        <v>12868.2</v>
      </c>
      <c r="F9972">
        <v>34.403599999999997</v>
      </c>
    </row>
    <row r="9973" spans="1:6" x14ac:dyDescent="0.25">
      <c r="A9973">
        <v>156.78</v>
      </c>
      <c r="B9973">
        <v>185.89</v>
      </c>
      <c r="C9973">
        <v>11072.7</v>
      </c>
      <c r="D9973">
        <v>2.5</v>
      </c>
      <c r="E9973">
        <v>12756.5</v>
      </c>
      <c r="F9973">
        <v>33.310899999999997</v>
      </c>
    </row>
    <row r="9974" spans="1:6" x14ac:dyDescent="0.25">
      <c r="A9974">
        <v>156.78</v>
      </c>
      <c r="B9974">
        <v>185.89</v>
      </c>
      <c r="C9974">
        <v>11072.7</v>
      </c>
      <c r="D9974">
        <v>2.8</v>
      </c>
      <c r="E9974">
        <v>12504.9</v>
      </c>
      <c r="F9974">
        <v>32.041699999999999</v>
      </c>
    </row>
    <row r="9975" spans="1:6" x14ac:dyDescent="0.25">
      <c r="A9975">
        <v>156.78</v>
      </c>
      <c r="B9975">
        <v>185.89</v>
      </c>
      <c r="C9975">
        <v>11072.7</v>
      </c>
      <c r="D9975">
        <v>3.1</v>
      </c>
      <c r="E9975">
        <v>12311.4</v>
      </c>
      <c r="F9975">
        <v>32.408900000000003</v>
      </c>
    </row>
    <row r="9976" spans="1:6" x14ac:dyDescent="0.25">
      <c r="A9976">
        <v>156.78</v>
      </c>
      <c r="B9976">
        <v>185.89</v>
      </c>
      <c r="C9976">
        <v>11072.7</v>
      </c>
      <c r="D9976">
        <v>3.4</v>
      </c>
      <c r="E9976">
        <v>12178.3</v>
      </c>
      <c r="F9976">
        <v>32.668500000000002</v>
      </c>
    </row>
    <row r="9977" spans="1:6" x14ac:dyDescent="0.25">
      <c r="A9977">
        <v>156.78</v>
      </c>
      <c r="B9977">
        <v>185.89</v>
      </c>
      <c r="C9977">
        <v>11072.7</v>
      </c>
      <c r="D9977">
        <v>3.7</v>
      </c>
      <c r="E9977">
        <v>12247.7</v>
      </c>
      <c r="F9977">
        <v>32.835799999999999</v>
      </c>
    </row>
    <row r="9978" spans="1:6" x14ac:dyDescent="0.25">
      <c r="A9978">
        <v>156.78</v>
      </c>
      <c r="B9978">
        <v>185.89</v>
      </c>
      <c r="C9978">
        <v>11072.7</v>
      </c>
      <c r="D9978">
        <v>4</v>
      </c>
      <c r="E9978">
        <v>12153.3</v>
      </c>
      <c r="F9978">
        <v>37.009399999999999</v>
      </c>
    </row>
    <row r="9979" spans="1:6" x14ac:dyDescent="0.25">
      <c r="A9979">
        <v>156.78</v>
      </c>
      <c r="B9979">
        <v>185.89</v>
      </c>
      <c r="C9979">
        <v>12618.2</v>
      </c>
      <c r="D9979">
        <v>1</v>
      </c>
      <c r="E9979">
        <v>6038.15</v>
      </c>
      <c r="F9979">
        <v>28.927499999999998</v>
      </c>
    </row>
    <row r="9980" spans="1:6" x14ac:dyDescent="0.25">
      <c r="A9980">
        <v>156.78</v>
      </c>
      <c r="B9980">
        <v>185.89</v>
      </c>
      <c r="C9980">
        <v>12618.2</v>
      </c>
      <c r="D9980">
        <v>1.3</v>
      </c>
      <c r="E9980">
        <v>15543.5</v>
      </c>
      <c r="F9980">
        <v>23.514800000000001</v>
      </c>
    </row>
    <row r="9981" spans="1:6" x14ac:dyDescent="0.25">
      <c r="A9981">
        <v>156.78</v>
      </c>
      <c r="B9981">
        <v>185.89</v>
      </c>
      <c r="C9981">
        <v>12618.2</v>
      </c>
      <c r="D9981">
        <v>1.6</v>
      </c>
      <c r="E9981">
        <v>5325.73</v>
      </c>
      <c r="F9981">
        <v>30.8367</v>
      </c>
    </row>
    <row r="9982" spans="1:6" x14ac:dyDescent="0.25">
      <c r="A9982">
        <v>156.78</v>
      </c>
      <c r="B9982">
        <v>185.89</v>
      </c>
      <c r="C9982">
        <v>12618.2</v>
      </c>
      <c r="D9982">
        <v>1.9</v>
      </c>
      <c r="E9982">
        <v>14585.8</v>
      </c>
      <c r="F9982">
        <v>34.7089</v>
      </c>
    </row>
    <row r="9983" spans="1:6" x14ac:dyDescent="0.25">
      <c r="A9983">
        <v>156.78</v>
      </c>
      <c r="B9983">
        <v>185.89</v>
      </c>
      <c r="C9983">
        <v>12618.2</v>
      </c>
      <c r="D9983">
        <v>2.2000000000000002</v>
      </c>
      <c r="E9983">
        <v>14458.8</v>
      </c>
      <c r="F9983">
        <v>34.403599999999997</v>
      </c>
    </row>
    <row r="9984" spans="1:6" x14ac:dyDescent="0.25">
      <c r="A9984">
        <v>156.78</v>
      </c>
      <c r="B9984">
        <v>185.89</v>
      </c>
      <c r="C9984">
        <v>12618.2</v>
      </c>
      <c r="D9984">
        <v>2.5</v>
      </c>
      <c r="E9984">
        <v>14144.5</v>
      </c>
      <c r="F9984">
        <v>33.310899999999997</v>
      </c>
    </row>
    <row r="9985" spans="1:6" x14ac:dyDescent="0.25">
      <c r="A9985">
        <v>156.78</v>
      </c>
      <c r="B9985">
        <v>185.89</v>
      </c>
      <c r="C9985">
        <v>12618.2</v>
      </c>
      <c r="D9985">
        <v>2.8</v>
      </c>
      <c r="E9985">
        <v>14031.6</v>
      </c>
      <c r="F9985">
        <v>32.041699999999999</v>
      </c>
    </row>
    <row r="9986" spans="1:6" x14ac:dyDescent="0.25">
      <c r="A9986">
        <v>156.78</v>
      </c>
      <c r="B9986">
        <v>185.89</v>
      </c>
      <c r="C9986">
        <v>12618.2</v>
      </c>
      <c r="D9986">
        <v>3.1</v>
      </c>
      <c r="E9986">
        <v>14005.9</v>
      </c>
      <c r="F9986">
        <v>32.408900000000003</v>
      </c>
    </row>
    <row r="9987" spans="1:6" x14ac:dyDescent="0.25">
      <c r="A9987">
        <v>156.78</v>
      </c>
      <c r="B9987">
        <v>185.89</v>
      </c>
      <c r="C9987">
        <v>12618.2</v>
      </c>
      <c r="D9987">
        <v>3.4</v>
      </c>
      <c r="E9987">
        <v>13854.7</v>
      </c>
      <c r="F9987">
        <v>32.668500000000002</v>
      </c>
    </row>
    <row r="9988" spans="1:6" x14ac:dyDescent="0.25">
      <c r="A9988">
        <v>156.78</v>
      </c>
      <c r="B9988">
        <v>185.89</v>
      </c>
      <c r="C9988">
        <v>12618.2</v>
      </c>
      <c r="D9988">
        <v>3.7</v>
      </c>
      <c r="E9988">
        <v>13654.9</v>
      </c>
      <c r="F9988">
        <v>32.835799999999999</v>
      </c>
    </row>
    <row r="9989" spans="1:6" x14ac:dyDescent="0.25">
      <c r="A9989">
        <v>156.78</v>
      </c>
      <c r="B9989">
        <v>185.89</v>
      </c>
      <c r="C9989">
        <v>12618.2</v>
      </c>
      <c r="D9989">
        <v>4</v>
      </c>
      <c r="E9989">
        <v>13740.7</v>
      </c>
      <c r="F9989">
        <v>37.009399999999999</v>
      </c>
    </row>
    <row r="9990" spans="1:6" x14ac:dyDescent="0.25">
      <c r="A9990">
        <v>156.78</v>
      </c>
      <c r="B9990">
        <v>185.89</v>
      </c>
      <c r="C9990">
        <v>14163.6</v>
      </c>
      <c r="D9990">
        <v>1</v>
      </c>
      <c r="E9990">
        <v>6038.15</v>
      </c>
      <c r="F9990">
        <v>28.927499999999998</v>
      </c>
    </row>
    <row r="9991" spans="1:6" x14ac:dyDescent="0.25">
      <c r="A9991">
        <v>156.78</v>
      </c>
      <c r="B9991">
        <v>185.89</v>
      </c>
      <c r="C9991">
        <v>14163.6</v>
      </c>
      <c r="D9991">
        <v>1.3</v>
      </c>
      <c r="E9991">
        <v>16864</v>
      </c>
      <c r="F9991">
        <v>23.514800000000001</v>
      </c>
    </row>
    <row r="9992" spans="1:6" x14ac:dyDescent="0.25">
      <c r="A9992">
        <v>156.78</v>
      </c>
      <c r="B9992">
        <v>185.89</v>
      </c>
      <c r="C9992">
        <v>14163.6</v>
      </c>
      <c r="D9992">
        <v>1.6</v>
      </c>
      <c r="E9992">
        <v>5325.73</v>
      </c>
      <c r="F9992">
        <v>30.8367</v>
      </c>
    </row>
    <row r="9993" spans="1:6" x14ac:dyDescent="0.25">
      <c r="A9993">
        <v>156.78</v>
      </c>
      <c r="B9993">
        <v>185.89</v>
      </c>
      <c r="C9993">
        <v>14163.6</v>
      </c>
      <c r="D9993">
        <v>1.9</v>
      </c>
      <c r="E9993">
        <v>16192</v>
      </c>
      <c r="F9993">
        <v>34.7089</v>
      </c>
    </row>
    <row r="9994" spans="1:6" x14ac:dyDescent="0.25">
      <c r="A9994">
        <v>156.78</v>
      </c>
      <c r="B9994">
        <v>185.89</v>
      </c>
      <c r="C9994">
        <v>14163.6</v>
      </c>
      <c r="D9994">
        <v>2.2000000000000002</v>
      </c>
      <c r="E9994">
        <v>15909.9</v>
      </c>
      <c r="F9994">
        <v>34.403599999999997</v>
      </c>
    </row>
    <row r="9995" spans="1:6" x14ac:dyDescent="0.25">
      <c r="A9995">
        <v>156.78</v>
      </c>
      <c r="B9995">
        <v>185.89</v>
      </c>
      <c r="C9995">
        <v>14163.6</v>
      </c>
      <c r="D9995">
        <v>2.5</v>
      </c>
      <c r="E9995">
        <v>15687.5</v>
      </c>
      <c r="F9995">
        <v>33.310899999999997</v>
      </c>
    </row>
    <row r="9996" spans="1:6" x14ac:dyDescent="0.25">
      <c r="A9996">
        <v>156.78</v>
      </c>
      <c r="B9996">
        <v>185.89</v>
      </c>
      <c r="C9996">
        <v>14163.6</v>
      </c>
      <c r="D9996">
        <v>2.8</v>
      </c>
      <c r="E9996">
        <v>15671.1</v>
      </c>
      <c r="F9996">
        <v>32.041699999999999</v>
      </c>
    </row>
    <row r="9997" spans="1:6" x14ac:dyDescent="0.25">
      <c r="A9997">
        <v>156.78</v>
      </c>
      <c r="B9997">
        <v>185.89</v>
      </c>
      <c r="C9997">
        <v>14163.6</v>
      </c>
      <c r="D9997">
        <v>3.1</v>
      </c>
      <c r="E9997">
        <v>15479.4</v>
      </c>
      <c r="F9997">
        <v>32.408900000000003</v>
      </c>
    </row>
    <row r="9998" spans="1:6" x14ac:dyDescent="0.25">
      <c r="A9998">
        <v>156.78</v>
      </c>
      <c r="B9998">
        <v>185.89</v>
      </c>
      <c r="C9998">
        <v>14163.6</v>
      </c>
      <c r="D9998">
        <v>3.4</v>
      </c>
      <c r="E9998">
        <v>15260.5</v>
      </c>
      <c r="F9998">
        <v>32.668500000000002</v>
      </c>
    </row>
    <row r="9999" spans="1:6" x14ac:dyDescent="0.25">
      <c r="A9999">
        <v>156.78</v>
      </c>
      <c r="B9999">
        <v>185.89</v>
      </c>
      <c r="C9999">
        <v>14163.6</v>
      </c>
      <c r="D9999">
        <v>3.7</v>
      </c>
      <c r="E9999">
        <v>15164</v>
      </c>
      <c r="F9999">
        <v>32.835799999999999</v>
      </c>
    </row>
    <row r="10000" spans="1:6" x14ac:dyDescent="0.25">
      <c r="A10000">
        <v>156.78</v>
      </c>
      <c r="B10000">
        <v>185.89</v>
      </c>
      <c r="C10000">
        <v>14163.6</v>
      </c>
      <c r="D10000">
        <v>4</v>
      </c>
      <c r="E10000">
        <v>15328.8</v>
      </c>
      <c r="F10000">
        <v>37.009399999999999</v>
      </c>
    </row>
    <row r="10001" spans="1:6" x14ac:dyDescent="0.25">
      <c r="A10001">
        <v>156.78</v>
      </c>
      <c r="B10001">
        <v>185.89</v>
      </c>
      <c r="C10001">
        <v>15709.1</v>
      </c>
      <c r="D10001">
        <v>1</v>
      </c>
      <c r="E10001">
        <v>6038.15</v>
      </c>
      <c r="F10001">
        <v>28.927499999999998</v>
      </c>
    </row>
    <row r="10002" spans="1:6" x14ac:dyDescent="0.25">
      <c r="A10002">
        <v>156.78</v>
      </c>
      <c r="B10002">
        <v>185.89</v>
      </c>
      <c r="C10002">
        <v>15709.1</v>
      </c>
      <c r="D10002">
        <v>1.3</v>
      </c>
      <c r="E10002">
        <v>18659</v>
      </c>
      <c r="F10002">
        <v>23.514800000000001</v>
      </c>
    </row>
    <row r="10003" spans="1:6" x14ac:dyDescent="0.25">
      <c r="A10003">
        <v>156.78</v>
      </c>
      <c r="B10003">
        <v>185.89</v>
      </c>
      <c r="C10003">
        <v>15709.1</v>
      </c>
      <c r="D10003">
        <v>1.6</v>
      </c>
      <c r="E10003">
        <v>5325.73</v>
      </c>
      <c r="F10003">
        <v>30.8367</v>
      </c>
    </row>
    <row r="10004" spans="1:6" x14ac:dyDescent="0.25">
      <c r="A10004">
        <v>156.78</v>
      </c>
      <c r="B10004">
        <v>185.89</v>
      </c>
      <c r="C10004">
        <v>15709.1</v>
      </c>
      <c r="D10004">
        <v>1.9</v>
      </c>
      <c r="E10004">
        <v>17746</v>
      </c>
      <c r="F10004">
        <v>34.7089</v>
      </c>
    </row>
    <row r="10005" spans="1:6" x14ac:dyDescent="0.25">
      <c r="A10005">
        <v>156.78</v>
      </c>
      <c r="B10005">
        <v>185.89</v>
      </c>
      <c r="C10005">
        <v>15709.1</v>
      </c>
      <c r="D10005">
        <v>2.2000000000000002</v>
      </c>
      <c r="E10005">
        <v>17383.8</v>
      </c>
      <c r="F10005">
        <v>34.403599999999997</v>
      </c>
    </row>
    <row r="10006" spans="1:6" x14ac:dyDescent="0.25">
      <c r="A10006">
        <v>156.78</v>
      </c>
      <c r="B10006">
        <v>185.89</v>
      </c>
      <c r="C10006">
        <v>15709.1</v>
      </c>
      <c r="D10006">
        <v>2.5</v>
      </c>
      <c r="E10006">
        <v>17242.099999999999</v>
      </c>
      <c r="F10006">
        <v>33.310899999999997</v>
      </c>
    </row>
    <row r="10007" spans="1:6" x14ac:dyDescent="0.25">
      <c r="A10007">
        <v>156.78</v>
      </c>
      <c r="B10007">
        <v>185.89</v>
      </c>
      <c r="C10007">
        <v>15709.1</v>
      </c>
      <c r="D10007">
        <v>2.8</v>
      </c>
      <c r="E10007">
        <v>17196</v>
      </c>
      <c r="F10007">
        <v>32.041699999999999</v>
      </c>
    </row>
    <row r="10008" spans="1:6" x14ac:dyDescent="0.25">
      <c r="A10008">
        <v>156.78</v>
      </c>
      <c r="B10008">
        <v>185.89</v>
      </c>
      <c r="C10008">
        <v>15709.1</v>
      </c>
      <c r="D10008">
        <v>3.1</v>
      </c>
      <c r="E10008">
        <v>17004.8</v>
      </c>
      <c r="F10008">
        <v>32.408900000000003</v>
      </c>
    </row>
    <row r="10009" spans="1:6" x14ac:dyDescent="0.25">
      <c r="A10009">
        <v>156.78</v>
      </c>
      <c r="B10009">
        <v>185.89</v>
      </c>
      <c r="C10009">
        <v>15709.1</v>
      </c>
      <c r="D10009">
        <v>3.4</v>
      </c>
      <c r="E10009">
        <v>16868</v>
      </c>
      <c r="F10009">
        <v>32.668500000000002</v>
      </c>
    </row>
    <row r="10010" spans="1:6" x14ac:dyDescent="0.25">
      <c r="A10010">
        <v>156.78</v>
      </c>
      <c r="B10010">
        <v>185.89</v>
      </c>
      <c r="C10010">
        <v>15709.1</v>
      </c>
      <c r="D10010">
        <v>3.7</v>
      </c>
      <c r="E10010">
        <v>16770.8</v>
      </c>
      <c r="F10010">
        <v>32.835799999999999</v>
      </c>
    </row>
    <row r="10011" spans="1:6" x14ac:dyDescent="0.25">
      <c r="A10011">
        <v>156.78</v>
      </c>
      <c r="B10011">
        <v>185.89</v>
      </c>
      <c r="C10011">
        <v>15709.1</v>
      </c>
      <c r="D10011">
        <v>4</v>
      </c>
      <c r="E10011">
        <v>16767.2</v>
      </c>
      <c r="F10011">
        <v>37.009399999999999</v>
      </c>
    </row>
    <row r="10012" spans="1:6" x14ac:dyDescent="0.25">
      <c r="A10012">
        <v>156.78</v>
      </c>
      <c r="B10012">
        <v>185.89</v>
      </c>
      <c r="C10012">
        <v>17254.5</v>
      </c>
      <c r="D10012">
        <v>1</v>
      </c>
      <c r="E10012">
        <v>6038.15</v>
      </c>
      <c r="F10012">
        <v>28.927499999999998</v>
      </c>
    </row>
    <row r="10013" spans="1:6" x14ac:dyDescent="0.25">
      <c r="A10013">
        <v>156.78</v>
      </c>
      <c r="B10013">
        <v>185.89</v>
      </c>
      <c r="C10013">
        <v>17254.5</v>
      </c>
      <c r="D10013">
        <v>1.3</v>
      </c>
      <c r="E10013">
        <v>20203.7</v>
      </c>
      <c r="F10013">
        <v>23.514800000000001</v>
      </c>
    </row>
    <row r="10014" spans="1:6" x14ac:dyDescent="0.25">
      <c r="A10014">
        <v>156.78</v>
      </c>
      <c r="B10014">
        <v>185.89</v>
      </c>
      <c r="C10014">
        <v>17254.5</v>
      </c>
      <c r="D10014">
        <v>1.6</v>
      </c>
      <c r="E10014">
        <v>5325.73</v>
      </c>
      <c r="F10014">
        <v>30.8367</v>
      </c>
    </row>
    <row r="10015" spans="1:6" x14ac:dyDescent="0.25">
      <c r="A10015">
        <v>156.78</v>
      </c>
      <c r="B10015">
        <v>185.89</v>
      </c>
      <c r="C10015">
        <v>17254.5</v>
      </c>
      <c r="D10015">
        <v>1.9</v>
      </c>
      <c r="E10015">
        <v>19251.900000000001</v>
      </c>
      <c r="F10015">
        <v>34.7089</v>
      </c>
    </row>
    <row r="10016" spans="1:6" x14ac:dyDescent="0.25">
      <c r="A10016">
        <v>156.78</v>
      </c>
      <c r="B10016">
        <v>185.89</v>
      </c>
      <c r="C10016">
        <v>17254.5</v>
      </c>
      <c r="D10016">
        <v>2.2000000000000002</v>
      </c>
      <c r="E10016">
        <v>18955.7</v>
      </c>
      <c r="F10016">
        <v>34.403599999999997</v>
      </c>
    </row>
    <row r="10017" spans="1:6" x14ac:dyDescent="0.25">
      <c r="A10017">
        <v>156.78</v>
      </c>
      <c r="B10017">
        <v>185.89</v>
      </c>
      <c r="C10017">
        <v>17254.5</v>
      </c>
      <c r="D10017">
        <v>2.5</v>
      </c>
      <c r="E10017">
        <v>18880.2</v>
      </c>
      <c r="F10017">
        <v>33.310899999999997</v>
      </c>
    </row>
    <row r="10018" spans="1:6" x14ac:dyDescent="0.25">
      <c r="A10018">
        <v>156.78</v>
      </c>
      <c r="B10018">
        <v>185.89</v>
      </c>
      <c r="C10018">
        <v>17254.5</v>
      </c>
      <c r="D10018">
        <v>2.8</v>
      </c>
      <c r="E10018">
        <v>18770.599999999999</v>
      </c>
      <c r="F10018">
        <v>32.041699999999999</v>
      </c>
    </row>
    <row r="10019" spans="1:6" x14ac:dyDescent="0.25">
      <c r="A10019">
        <v>156.78</v>
      </c>
      <c r="B10019">
        <v>185.89</v>
      </c>
      <c r="C10019">
        <v>17254.5</v>
      </c>
      <c r="D10019">
        <v>3.1</v>
      </c>
      <c r="E10019">
        <v>18584.7</v>
      </c>
      <c r="F10019">
        <v>32.408900000000003</v>
      </c>
    </row>
    <row r="10020" spans="1:6" x14ac:dyDescent="0.25">
      <c r="A10020">
        <v>156.78</v>
      </c>
      <c r="B10020">
        <v>185.89</v>
      </c>
      <c r="C10020">
        <v>17254.5</v>
      </c>
      <c r="D10020">
        <v>3.4</v>
      </c>
      <c r="E10020">
        <v>18398.400000000001</v>
      </c>
      <c r="F10020">
        <v>32.668500000000002</v>
      </c>
    </row>
    <row r="10021" spans="1:6" x14ac:dyDescent="0.25">
      <c r="A10021">
        <v>156.78</v>
      </c>
      <c r="B10021">
        <v>185.89</v>
      </c>
      <c r="C10021">
        <v>17254.5</v>
      </c>
      <c r="D10021">
        <v>3.7</v>
      </c>
      <c r="E10021">
        <v>18227.2</v>
      </c>
      <c r="F10021">
        <v>32.835799999999999</v>
      </c>
    </row>
    <row r="10022" spans="1:6" x14ac:dyDescent="0.25">
      <c r="A10022">
        <v>156.78</v>
      </c>
      <c r="B10022">
        <v>185.89</v>
      </c>
      <c r="C10022">
        <v>17254.5</v>
      </c>
      <c r="D10022">
        <v>4</v>
      </c>
      <c r="E10022">
        <v>18252.7</v>
      </c>
      <c r="F10022">
        <v>37.009399999999999</v>
      </c>
    </row>
    <row r="10023" spans="1:6" x14ac:dyDescent="0.25">
      <c r="A10023">
        <v>156.78</v>
      </c>
      <c r="B10023">
        <v>185.89</v>
      </c>
      <c r="C10023">
        <v>18800</v>
      </c>
      <c r="D10023">
        <v>1</v>
      </c>
      <c r="E10023">
        <v>6038.15</v>
      </c>
      <c r="F10023">
        <v>28.927499999999998</v>
      </c>
    </row>
    <row r="10024" spans="1:6" x14ac:dyDescent="0.25">
      <c r="A10024">
        <v>156.78</v>
      </c>
      <c r="B10024">
        <v>185.89</v>
      </c>
      <c r="C10024">
        <v>18800</v>
      </c>
      <c r="D10024">
        <v>1.3</v>
      </c>
      <c r="E10024">
        <v>21445.1</v>
      </c>
      <c r="F10024">
        <v>23.514800000000001</v>
      </c>
    </row>
    <row r="10025" spans="1:6" x14ac:dyDescent="0.25">
      <c r="A10025">
        <v>156.78</v>
      </c>
      <c r="B10025">
        <v>185.89</v>
      </c>
      <c r="C10025">
        <v>18800</v>
      </c>
      <c r="D10025">
        <v>1.6</v>
      </c>
      <c r="E10025">
        <v>5325.73</v>
      </c>
      <c r="F10025">
        <v>30.8367</v>
      </c>
    </row>
    <row r="10026" spans="1:6" x14ac:dyDescent="0.25">
      <c r="A10026">
        <v>156.78</v>
      </c>
      <c r="B10026">
        <v>185.89</v>
      </c>
      <c r="C10026">
        <v>18800</v>
      </c>
      <c r="D10026">
        <v>1.9</v>
      </c>
      <c r="E10026">
        <v>20775.900000000001</v>
      </c>
      <c r="F10026">
        <v>34.7089</v>
      </c>
    </row>
    <row r="10027" spans="1:6" x14ac:dyDescent="0.25">
      <c r="A10027">
        <v>156.78</v>
      </c>
      <c r="B10027">
        <v>185.89</v>
      </c>
      <c r="C10027">
        <v>18800</v>
      </c>
      <c r="D10027">
        <v>2.2000000000000002</v>
      </c>
      <c r="E10027">
        <v>20748</v>
      </c>
      <c r="F10027">
        <v>34.403599999999997</v>
      </c>
    </row>
    <row r="10028" spans="1:6" x14ac:dyDescent="0.25">
      <c r="A10028">
        <v>156.78</v>
      </c>
      <c r="B10028">
        <v>185.89</v>
      </c>
      <c r="C10028">
        <v>18800</v>
      </c>
      <c r="D10028">
        <v>2.5</v>
      </c>
      <c r="E10028">
        <v>20316.099999999999</v>
      </c>
      <c r="F10028">
        <v>33.310899999999997</v>
      </c>
    </row>
    <row r="10029" spans="1:6" x14ac:dyDescent="0.25">
      <c r="A10029">
        <v>156.78</v>
      </c>
      <c r="B10029">
        <v>185.89</v>
      </c>
      <c r="C10029">
        <v>18800</v>
      </c>
      <c r="D10029">
        <v>2.8</v>
      </c>
      <c r="E10029">
        <v>20298</v>
      </c>
      <c r="F10029">
        <v>32.041699999999999</v>
      </c>
    </row>
    <row r="10030" spans="1:6" x14ac:dyDescent="0.25">
      <c r="A10030">
        <v>156.78</v>
      </c>
      <c r="B10030">
        <v>185.89</v>
      </c>
      <c r="C10030">
        <v>18800</v>
      </c>
      <c r="D10030">
        <v>3.1</v>
      </c>
      <c r="E10030">
        <v>19969.3</v>
      </c>
      <c r="F10030">
        <v>32.408900000000003</v>
      </c>
    </row>
    <row r="10031" spans="1:6" x14ac:dyDescent="0.25">
      <c r="A10031">
        <v>156.78</v>
      </c>
      <c r="B10031">
        <v>185.89</v>
      </c>
      <c r="C10031">
        <v>18800</v>
      </c>
      <c r="D10031">
        <v>3.4</v>
      </c>
      <c r="E10031">
        <v>19963.2</v>
      </c>
      <c r="F10031">
        <v>32.668500000000002</v>
      </c>
    </row>
    <row r="10032" spans="1:6" x14ac:dyDescent="0.25">
      <c r="A10032">
        <v>156.78</v>
      </c>
      <c r="B10032">
        <v>185.89</v>
      </c>
      <c r="C10032">
        <v>18800</v>
      </c>
      <c r="D10032">
        <v>3.7</v>
      </c>
      <c r="E10032">
        <v>19842</v>
      </c>
      <c r="F10032">
        <v>32.835799999999999</v>
      </c>
    </row>
    <row r="10033" spans="1:6" x14ac:dyDescent="0.25">
      <c r="A10033">
        <v>156.78</v>
      </c>
      <c r="B10033">
        <v>185.89</v>
      </c>
      <c r="C10033">
        <v>18800</v>
      </c>
      <c r="D10033">
        <v>4</v>
      </c>
      <c r="E10033">
        <v>19879.400000000001</v>
      </c>
      <c r="F10033">
        <v>37.009399999999999</v>
      </c>
    </row>
    <row r="10034" spans="1:6" x14ac:dyDescent="0.25">
      <c r="A10034">
        <v>156.78</v>
      </c>
      <c r="B10034">
        <v>189.52</v>
      </c>
      <c r="C10034">
        <v>1800</v>
      </c>
      <c r="D10034">
        <v>1</v>
      </c>
      <c r="E10034">
        <v>5359.03</v>
      </c>
      <c r="F10034">
        <v>37.424100000000003</v>
      </c>
    </row>
    <row r="10035" spans="1:6" x14ac:dyDescent="0.25">
      <c r="A10035">
        <v>156.78</v>
      </c>
      <c r="B10035">
        <v>189.52</v>
      </c>
      <c r="C10035">
        <v>1800</v>
      </c>
      <c r="D10035">
        <v>1.3</v>
      </c>
      <c r="E10035">
        <v>4798.84</v>
      </c>
      <c r="F10035">
        <v>45.903599999999997</v>
      </c>
    </row>
    <row r="10036" spans="1:6" x14ac:dyDescent="0.25">
      <c r="A10036">
        <v>156.78</v>
      </c>
      <c r="B10036">
        <v>189.52</v>
      </c>
      <c r="C10036">
        <v>1800</v>
      </c>
      <c r="D10036">
        <v>1.6</v>
      </c>
      <c r="E10036">
        <v>4422.3500000000004</v>
      </c>
      <c r="F10036">
        <v>52.076799999999999</v>
      </c>
    </row>
    <row r="10037" spans="1:6" x14ac:dyDescent="0.25">
      <c r="A10037">
        <v>156.78</v>
      </c>
      <c r="B10037">
        <v>189.52</v>
      </c>
      <c r="C10037">
        <v>1800</v>
      </c>
      <c r="D10037">
        <v>1.9</v>
      </c>
      <c r="E10037">
        <v>4162.71</v>
      </c>
      <c r="F10037">
        <v>58.204099999999997</v>
      </c>
    </row>
    <row r="10038" spans="1:6" x14ac:dyDescent="0.25">
      <c r="A10038">
        <v>156.78</v>
      </c>
      <c r="B10038">
        <v>189.52</v>
      </c>
      <c r="C10038">
        <v>1800</v>
      </c>
      <c r="D10038">
        <v>2.2000000000000002</v>
      </c>
      <c r="E10038">
        <v>3929.89</v>
      </c>
      <c r="F10038">
        <v>61.855899999999998</v>
      </c>
    </row>
    <row r="10039" spans="1:6" x14ac:dyDescent="0.25">
      <c r="A10039">
        <v>156.78</v>
      </c>
      <c r="B10039">
        <v>189.52</v>
      </c>
      <c r="C10039">
        <v>1800</v>
      </c>
      <c r="D10039">
        <v>2.5</v>
      </c>
      <c r="E10039">
        <v>3725.04</v>
      </c>
      <c r="F10039">
        <v>63.821100000000001</v>
      </c>
    </row>
    <row r="10040" spans="1:6" x14ac:dyDescent="0.25">
      <c r="A10040">
        <v>156.78</v>
      </c>
      <c r="B10040">
        <v>189.52</v>
      </c>
      <c r="C10040">
        <v>1800</v>
      </c>
      <c r="D10040">
        <v>2.8</v>
      </c>
      <c r="E10040">
        <v>3628.34</v>
      </c>
      <c r="F10040">
        <v>73.517200000000003</v>
      </c>
    </row>
    <row r="10041" spans="1:6" x14ac:dyDescent="0.25">
      <c r="A10041">
        <v>156.78</v>
      </c>
      <c r="B10041">
        <v>189.52</v>
      </c>
      <c r="C10041">
        <v>1800</v>
      </c>
      <c r="D10041">
        <v>3.1</v>
      </c>
      <c r="E10041">
        <v>3543.02</v>
      </c>
      <c r="F10041">
        <v>75.644999999999996</v>
      </c>
    </row>
    <row r="10042" spans="1:6" x14ac:dyDescent="0.25">
      <c r="A10042">
        <v>156.78</v>
      </c>
      <c r="B10042">
        <v>189.52</v>
      </c>
      <c r="C10042">
        <v>1800</v>
      </c>
      <c r="D10042">
        <v>3.4</v>
      </c>
      <c r="E10042">
        <v>3477.56</v>
      </c>
      <c r="F10042">
        <v>80.039100000000005</v>
      </c>
    </row>
    <row r="10043" spans="1:6" x14ac:dyDescent="0.25">
      <c r="A10043">
        <v>156.78</v>
      </c>
      <c r="B10043">
        <v>189.52</v>
      </c>
      <c r="C10043">
        <v>1800</v>
      </c>
      <c r="D10043">
        <v>3.7</v>
      </c>
      <c r="E10043">
        <v>3380.26</v>
      </c>
      <c r="F10043">
        <v>84.499899999999997</v>
      </c>
    </row>
    <row r="10044" spans="1:6" x14ac:dyDescent="0.25">
      <c r="A10044">
        <v>156.78</v>
      </c>
      <c r="B10044">
        <v>189.52</v>
      </c>
      <c r="C10044">
        <v>1800</v>
      </c>
      <c r="D10044">
        <v>4</v>
      </c>
      <c r="E10044">
        <v>3339.87</v>
      </c>
      <c r="F10044">
        <v>84.941599999999994</v>
      </c>
    </row>
    <row r="10045" spans="1:6" x14ac:dyDescent="0.25">
      <c r="A10045">
        <v>156.78</v>
      </c>
      <c r="B10045">
        <v>189.52</v>
      </c>
      <c r="C10045">
        <v>3345.45</v>
      </c>
      <c r="D10045">
        <v>1</v>
      </c>
      <c r="E10045">
        <v>7137.26</v>
      </c>
      <c r="F10045">
        <v>21.537299999999998</v>
      </c>
    </row>
    <row r="10046" spans="1:6" x14ac:dyDescent="0.25">
      <c r="A10046">
        <v>156.78</v>
      </c>
      <c r="B10046">
        <v>189.52</v>
      </c>
      <c r="C10046">
        <v>3345.45</v>
      </c>
      <c r="D10046">
        <v>1.3</v>
      </c>
      <c r="E10046">
        <v>6087.64</v>
      </c>
      <c r="F10046">
        <v>23.681100000000001</v>
      </c>
    </row>
    <row r="10047" spans="1:6" x14ac:dyDescent="0.25">
      <c r="A10047">
        <v>156.78</v>
      </c>
      <c r="B10047">
        <v>189.52</v>
      </c>
      <c r="C10047">
        <v>3345.45</v>
      </c>
      <c r="D10047">
        <v>1.6</v>
      </c>
      <c r="E10047">
        <v>5632.47</v>
      </c>
      <c r="F10047">
        <v>23.314900000000002</v>
      </c>
    </row>
    <row r="10048" spans="1:6" x14ac:dyDescent="0.25">
      <c r="A10048">
        <v>156.78</v>
      </c>
      <c r="B10048">
        <v>189.52</v>
      </c>
      <c r="C10048">
        <v>3345.45</v>
      </c>
      <c r="D10048">
        <v>1.9</v>
      </c>
      <c r="E10048">
        <v>5385.57</v>
      </c>
      <c r="F10048">
        <v>34.7089</v>
      </c>
    </row>
    <row r="10049" spans="1:6" x14ac:dyDescent="0.25">
      <c r="A10049">
        <v>156.78</v>
      </c>
      <c r="B10049">
        <v>189.52</v>
      </c>
      <c r="C10049">
        <v>3345.45</v>
      </c>
      <c r="D10049">
        <v>2.2000000000000002</v>
      </c>
      <c r="E10049">
        <v>5333.26</v>
      </c>
      <c r="F10049">
        <v>33.927199999999999</v>
      </c>
    </row>
    <row r="10050" spans="1:6" x14ac:dyDescent="0.25">
      <c r="A10050">
        <v>156.78</v>
      </c>
      <c r="B10050">
        <v>189.52</v>
      </c>
      <c r="C10050">
        <v>3345.45</v>
      </c>
      <c r="D10050">
        <v>2.5</v>
      </c>
      <c r="E10050">
        <v>5102.12</v>
      </c>
      <c r="F10050">
        <v>26.7746</v>
      </c>
    </row>
    <row r="10051" spans="1:6" x14ac:dyDescent="0.25">
      <c r="A10051">
        <v>156.78</v>
      </c>
      <c r="B10051">
        <v>189.52</v>
      </c>
      <c r="C10051">
        <v>3345.45</v>
      </c>
      <c r="D10051">
        <v>2.8</v>
      </c>
      <c r="E10051">
        <v>5053.37</v>
      </c>
      <c r="F10051">
        <v>23.9085</v>
      </c>
    </row>
    <row r="10052" spans="1:6" x14ac:dyDescent="0.25">
      <c r="A10052">
        <v>156.78</v>
      </c>
      <c r="B10052">
        <v>189.52</v>
      </c>
      <c r="C10052">
        <v>3345.45</v>
      </c>
      <c r="D10052">
        <v>3.1</v>
      </c>
      <c r="E10052">
        <v>4912.0600000000004</v>
      </c>
      <c r="F10052">
        <v>24.598500000000001</v>
      </c>
    </row>
    <row r="10053" spans="1:6" x14ac:dyDescent="0.25">
      <c r="A10053">
        <v>156.78</v>
      </c>
      <c r="B10053">
        <v>189.52</v>
      </c>
      <c r="C10053">
        <v>3345.45</v>
      </c>
      <c r="D10053">
        <v>3.4</v>
      </c>
      <c r="E10053">
        <v>4830.9799999999996</v>
      </c>
      <c r="F10053">
        <v>25.174499999999998</v>
      </c>
    </row>
    <row r="10054" spans="1:6" x14ac:dyDescent="0.25">
      <c r="A10054">
        <v>156.78</v>
      </c>
      <c r="B10054">
        <v>189.52</v>
      </c>
      <c r="C10054">
        <v>3345.45</v>
      </c>
      <c r="D10054">
        <v>3.7</v>
      </c>
      <c r="E10054">
        <v>4610.93</v>
      </c>
      <c r="F10054">
        <v>25.607199999999999</v>
      </c>
    </row>
    <row r="10055" spans="1:6" x14ac:dyDescent="0.25">
      <c r="A10055">
        <v>156.78</v>
      </c>
      <c r="B10055">
        <v>189.52</v>
      </c>
      <c r="C10055">
        <v>3345.45</v>
      </c>
      <c r="D10055">
        <v>4</v>
      </c>
      <c r="E10055">
        <v>4647.01</v>
      </c>
      <c r="F10055">
        <v>35.855600000000003</v>
      </c>
    </row>
    <row r="10056" spans="1:6" x14ac:dyDescent="0.25">
      <c r="A10056">
        <v>156.78</v>
      </c>
      <c r="B10056">
        <v>189.52</v>
      </c>
      <c r="C10056">
        <v>4890.8999999999996</v>
      </c>
      <c r="D10056">
        <v>1</v>
      </c>
      <c r="E10056">
        <v>6038.15</v>
      </c>
      <c r="F10056">
        <v>28.927499999999998</v>
      </c>
    </row>
    <row r="10057" spans="1:6" x14ac:dyDescent="0.25">
      <c r="A10057">
        <v>156.78</v>
      </c>
      <c r="B10057">
        <v>189.52</v>
      </c>
      <c r="C10057">
        <v>4890.8999999999996</v>
      </c>
      <c r="D10057">
        <v>1.3</v>
      </c>
      <c r="E10057">
        <v>7689.17</v>
      </c>
      <c r="F10057">
        <v>23.514800000000001</v>
      </c>
    </row>
    <row r="10058" spans="1:6" x14ac:dyDescent="0.25">
      <c r="A10058">
        <v>156.78</v>
      </c>
      <c r="B10058">
        <v>189.52</v>
      </c>
      <c r="C10058">
        <v>4890.8999999999996</v>
      </c>
      <c r="D10058">
        <v>1.6</v>
      </c>
      <c r="E10058">
        <v>5325.73</v>
      </c>
      <c r="F10058">
        <v>30.8367</v>
      </c>
    </row>
    <row r="10059" spans="1:6" x14ac:dyDescent="0.25">
      <c r="A10059">
        <v>156.78</v>
      </c>
      <c r="B10059">
        <v>189.52</v>
      </c>
      <c r="C10059">
        <v>4890.8999999999996</v>
      </c>
      <c r="D10059">
        <v>1.9</v>
      </c>
      <c r="E10059">
        <v>6968.68</v>
      </c>
      <c r="F10059">
        <v>34.7089</v>
      </c>
    </row>
    <row r="10060" spans="1:6" x14ac:dyDescent="0.25">
      <c r="A10060">
        <v>156.78</v>
      </c>
      <c r="B10060">
        <v>189.52</v>
      </c>
      <c r="C10060">
        <v>4890.8999999999996</v>
      </c>
      <c r="D10060">
        <v>2.2000000000000002</v>
      </c>
      <c r="E10060">
        <v>6873.61</v>
      </c>
      <c r="F10060">
        <v>34.403599999999997</v>
      </c>
    </row>
    <row r="10061" spans="1:6" x14ac:dyDescent="0.25">
      <c r="A10061">
        <v>156.78</v>
      </c>
      <c r="B10061">
        <v>189.52</v>
      </c>
      <c r="C10061">
        <v>4890.8999999999996</v>
      </c>
      <c r="D10061">
        <v>2.5</v>
      </c>
      <c r="E10061">
        <v>6444.02</v>
      </c>
      <c r="F10061">
        <v>33.310899999999997</v>
      </c>
    </row>
    <row r="10062" spans="1:6" x14ac:dyDescent="0.25">
      <c r="A10062">
        <v>156.78</v>
      </c>
      <c r="B10062">
        <v>189.52</v>
      </c>
      <c r="C10062">
        <v>4890.8999999999996</v>
      </c>
      <c r="D10062">
        <v>2.8</v>
      </c>
      <c r="E10062">
        <v>6464.66</v>
      </c>
      <c r="F10062">
        <v>32.041699999999999</v>
      </c>
    </row>
    <row r="10063" spans="1:6" x14ac:dyDescent="0.25">
      <c r="A10063">
        <v>156.78</v>
      </c>
      <c r="B10063">
        <v>189.52</v>
      </c>
      <c r="C10063">
        <v>4890.8999999999996</v>
      </c>
      <c r="D10063">
        <v>3.1</v>
      </c>
      <c r="E10063">
        <v>6155.34</v>
      </c>
      <c r="F10063">
        <v>32.408900000000003</v>
      </c>
    </row>
    <row r="10064" spans="1:6" x14ac:dyDescent="0.25">
      <c r="A10064">
        <v>156.78</v>
      </c>
      <c r="B10064">
        <v>189.52</v>
      </c>
      <c r="C10064">
        <v>4890.8999999999996</v>
      </c>
      <c r="D10064">
        <v>3.4</v>
      </c>
      <c r="E10064">
        <v>6095.38</v>
      </c>
      <c r="F10064">
        <v>32.668500000000002</v>
      </c>
    </row>
    <row r="10065" spans="1:6" x14ac:dyDescent="0.25">
      <c r="A10065">
        <v>156.78</v>
      </c>
      <c r="B10065">
        <v>189.52</v>
      </c>
      <c r="C10065">
        <v>4890.8999999999996</v>
      </c>
      <c r="D10065">
        <v>3.7</v>
      </c>
      <c r="E10065">
        <v>5970.81</v>
      </c>
      <c r="F10065">
        <v>32.835799999999999</v>
      </c>
    </row>
    <row r="10066" spans="1:6" x14ac:dyDescent="0.25">
      <c r="A10066">
        <v>156.78</v>
      </c>
      <c r="B10066">
        <v>189.52</v>
      </c>
      <c r="C10066">
        <v>4890.8999999999996</v>
      </c>
      <c r="D10066">
        <v>4</v>
      </c>
      <c r="E10066">
        <v>6007.95</v>
      </c>
      <c r="F10066">
        <v>37.009399999999999</v>
      </c>
    </row>
    <row r="10067" spans="1:6" x14ac:dyDescent="0.25">
      <c r="A10067">
        <v>156.78</v>
      </c>
      <c r="B10067">
        <v>189.52</v>
      </c>
      <c r="C10067">
        <v>6436.35</v>
      </c>
      <c r="D10067">
        <v>1</v>
      </c>
      <c r="E10067">
        <v>6038.15</v>
      </c>
      <c r="F10067">
        <v>28.927499999999998</v>
      </c>
    </row>
    <row r="10068" spans="1:6" x14ac:dyDescent="0.25">
      <c r="A10068">
        <v>156.78</v>
      </c>
      <c r="B10068">
        <v>189.52</v>
      </c>
      <c r="C10068">
        <v>6436.35</v>
      </c>
      <c r="D10068">
        <v>1.3</v>
      </c>
      <c r="E10068">
        <v>9485.67</v>
      </c>
      <c r="F10068">
        <v>23.514800000000001</v>
      </c>
    </row>
    <row r="10069" spans="1:6" x14ac:dyDescent="0.25">
      <c r="A10069">
        <v>156.78</v>
      </c>
      <c r="B10069">
        <v>189.52</v>
      </c>
      <c r="C10069">
        <v>6436.35</v>
      </c>
      <c r="D10069">
        <v>1.6</v>
      </c>
      <c r="E10069">
        <v>5325.73</v>
      </c>
      <c r="F10069">
        <v>30.8367</v>
      </c>
    </row>
    <row r="10070" spans="1:6" x14ac:dyDescent="0.25">
      <c r="A10070">
        <v>156.78</v>
      </c>
      <c r="B10070">
        <v>189.52</v>
      </c>
      <c r="C10070">
        <v>6436.35</v>
      </c>
      <c r="D10070">
        <v>1.9</v>
      </c>
      <c r="E10070">
        <v>8464.44</v>
      </c>
      <c r="F10070">
        <v>34.7089</v>
      </c>
    </row>
    <row r="10071" spans="1:6" x14ac:dyDescent="0.25">
      <c r="A10071">
        <v>156.78</v>
      </c>
      <c r="B10071">
        <v>189.52</v>
      </c>
      <c r="C10071">
        <v>6436.35</v>
      </c>
      <c r="D10071">
        <v>2.2000000000000002</v>
      </c>
      <c r="E10071">
        <v>8428.34</v>
      </c>
      <c r="F10071">
        <v>34.403599999999997</v>
      </c>
    </row>
    <row r="10072" spans="1:6" x14ac:dyDescent="0.25">
      <c r="A10072">
        <v>156.78</v>
      </c>
      <c r="B10072">
        <v>189.52</v>
      </c>
      <c r="C10072">
        <v>6436.35</v>
      </c>
      <c r="D10072">
        <v>2.5</v>
      </c>
      <c r="E10072">
        <v>8183.67</v>
      </c>
      <c r="F10072">
        <v>33.310899999999997</v>
      </c>
    </row>
    <row r="10073" spans="1:6" x14ac:dyDescent="0.25">
      <c r="A10073">
        <v>156.78</v>
      </c>
      <c r="B10073">
        <v>189.52</v>
      </c>
      <c r="C10073">
        <v>6436.35</v>
      </c>
      <c r="D10073">
        <v>2.8</v>
      </c>
      <c r="E10073">
        <v>7800.68</v>
      </c>
      <c r="F10073">
        <v>32.041699999999999</v>
      </c>
    </row>
    <row r="10074" spans="1:6" x14ac:dyDescent="0.25">
      <c r="A10074">
        <v>156.78</v>
      </c>
      <c r="B10074">
        <v>189.52</v>
      </c>
      <c r="C10074">
        <v>6436.35</v>
      </c>
      <c r="D10074">
        <v>3.1</v>
      </c>
      <c r="E10074">
        <v>7707.98</v>
      </c>
      <c r="F10074">
        <v>32.408900000000003</v>
      </c>
    </row>
    <row r="10075" spans="1:6" x14ac:dyDescent="0.25">
      <c r="A10075">
        <v>156.78</v>
      </c>
      <c r="B10075">
        <v>189.52</v>
      </c>
      <c r="C10075">
        <v>6436.35</v>
      </c>
      <c r="D10075">
        <v>3.4</v>
      </c>
      <c r="E10075">
        <v>7599.42</v>
      </c>
      <c r="F10075">
        <v>32.668500000000002</v>
      </c>
    </row>
    <row r="10076" spans="1:6" x14ac:dyDescent="0.25">
      <c r="A10076">
        <v>156.78</v>
      </c>
      <c r="B10076">
        <v>189.52</v>
      </c>
      <c r="C10076">
        <v>6436.35</v>
      </c>
      <c r="D10076">
        <v>3.7</v>
      </c>
      <c r="E10076">
        <v>7611.82</v>
      </c>
      <c r="F10076">
        <v>32.835799999999999</v>
      </c>
    </row>
    <row r="10077" spans="1:6" x14ac:dyDescent="0.25">
      <c r="A10077">
        <v>156.78</v>
      </c>
      <c r="B10077">
        <v>189.52</v>
      </c>
      <c r="C10077">
        <v>6436.35</v>
      </c>
      <c r="D10077">
        <v>4</v>
      </c>
      <c r="E10077">
        <v>7616.27</v>
      </c>
      <c r="F10077">
        <v>37.009399999999999</v>
      </c>
    </row>
    <row r="10078" spans="1:6" x14ac:dyDescent="0.25">
      <c r="A10078">
        <v>156.78</v>
      </c>
      <c r="B10078">
        <v>189.52</v>
      </c>
      <c r="C10078">
        <v>7981.8</v>
      </c>
      <c r="D10078">
        <v>1</v>
      </c>
      <c r="E10078">
        <v>6038.15</v>
      </c>
      <c r="F10078">
        <v>28.927499999999998</v>
      </c>
    </row>
    <row r="10079" spans="1:6" x14ac:dyDescent="0.25">
      <c r="A10079">
        <v>156.78</v>
      </c>
      <c r="B10079">
        <v>189.52</v>
      </c>
      <c r="C10079">
        <v>7981.8</v>
      </c>
      <c r="D10079">
        <v>1.3</v>
      </c>
      <c r="E10079">
        <v>10750.2</v>
      </c>
      <c r="F10079">
        <v>23.514800000000001</v>
      </c>
    </row>
    <row r="10080" spans="1:6" x14ac:dyDescent="0.25">
      <c r="A10080">
        <v>156.78</v>
      </c>
      <c r="B10080">
        <v>189.52</v>
      </c>
      <c r="C10080">
        <v>7981.8</v>
      </c>
      <c r="D10080">
        <v>1.6</v>
      </c>
      <c r="E10080">
        <v>5325.73</v>
      </c>
      <c r="F10080">
        <v>30.8367</v>
      </c>
    </row>
    <row r="10081" spans="1:6" x14ac:dyDescent="0.25">
      <c r="A10081">
        <v>156.78</v>
      </c>
      <c r="B10081">
        <v>189.52</v>
      </c>
      <c r="C10081">
        <v>7981.8</v>
      </c>
      <c r="D10081">
        <v>1.9</v>
      </c>
      <c r="E10081">
        <v>10120.9</v>
      </c>
      <c r="F10081">
        <v>34.7089</v>
      </c>
    </row>
    <row r="10082" spans="1:6" x14ac:dyDescent="0.25">
      <c r="A10082">
        <v>156.78</v>
      </c>
      <c r="B10082">
        <v>189.52</v>
      </c>
      <c r="C10082">
        <v>7981.8</v>
      </c>
      <c r="D10082">
        <v>2.2000000000000002</v>
      </c>
      <c r="E10082">
        <v>9739.48</v>
      </c>
      <c r="F10082">
        <v>34.403599999999997</v>
      </c>
    </row>
    <row r="10083" spans="1:6" x14ac:dyDescent="0.25">
      <c r="A10083">
        <v>156.78</v>
      </c>
      <c r="B10083">
        <v>189.52</v>
      </c>
      <c r="C10083">
        <v>7981.8</v>
      </c>
      <c r="D10083">
        <v>2.5</v>
      </c>
      <c r="E10083">
        <v>9534.4599999999991</v>
      </c>
      <c r="F10083">
        <v>33.310899999999997</v>
      </c>
    </row>
    <row r="10084" spans="1:6" x14ac:dyDescent="0.25">
      <c r="A10084">
        <v>156.78</v>
      </c>
      <c r="B10084">
        <v>189.52</v>
      </c>
      <c r="C10084">
        <v>7981.8</v>
      </c>
      <c r="D10084">
        <v>2.8</v>
      </c>
      <c r="E10084">
        <v>9413.24</v>
      </c>
      <c r="F10084">
        <v>32.041699999999999</v>
      </c>
    </row>
    <row r="10085" spans="1:6" x14ac:dyDescent="0.25">
      <c r="A10085">
        <v>156.78</v>
      </c>
      <c r="B10085">
        <v>189.52</v>
      </c>
      <c r="C10085">
        <v>7981.8</v>
      </c>
      <c r="D10085">
        <v>3.1</v>
      </c>
      <c r="E10085">
        <v>9256.07</v>
      </c>
      <c r="F10085">
        <v>32.408900000000003</v>
      </c>
    </row>
    <row r="10086" spans="1:6" x14ac:dyDescent="0.25">
      <c r="A10086">
        <v>156.78</v>
      </c>
      <c r="B10086">
        <v>189.52</v>
      </c>
      <c r="C10086">
        <v>7981.8</v>
      </c>
      <c r="D10086">
        <v>3.4</v>
      </c>
      <c r="E10086">
        <v>9124.48</v>
      </c>
      <c r="F10086">
        <v>32.668500000000002</v>
      </c>
    </row>
    <row r="10087" spans="1:6" x14ac:dyDescent="0.25">
      <c r="A10087">
        <v>156.78</v>
      </c>
      <c r="B10087">
        <v>189.52</v>
      </c>
      <c r="C10087">
        <v>7981.8</v>
      </c>
      <c r="D10087">
        <v>3.7</v>
      </c>
      <c r="E10087">
        <v>9015.27</v>
      </c>
      <c r="F10087">
        <v>32.835799999999999</v>
      </c>
    </row>
    <row r="10088" spans="1:6" x14ac:dyDescent="0.25">
      <c r="A10088">
        <v>156.78</v>
      </c>
      <c r="B10088">
        <v>189.52</v>
      </c>
      <c r="C10088">
        <v>7981.8</v>
      </c>
      <c r="D10088">
        <v>4</v>
      </c>
      <c r="E10088">
        <v>9105.41</v>
      </c>
      <c r="F10088">
        <v>37.009399999999999</v>
      </c>
    </row>
    <row r="10089" spans="1:6" x14ac:dyDescent="0.25">
      <c r="A10089">
        <v>156.78</v>
      </c>
      <c r="B10089">
        <v>189.52</v>
      </c>
      <c r="C10089">
        <v>9527.25</v>
      </c>
      <c r="D10089">
        <v>1</v>
      </c>
      <c r="E10089">
        <v>6038.15</v>
      </c>
      <c r="F10089">
        <v>28.927499999999998</v>
      </c>
    </row>
    <row r="10090" spans="1:6" x14ac:dyDescent="0.25">
      <c r="A10090">
        <v>156.78</v>
      </c>
      <c r="B10090">
        <v>189.52</v>
      </c>
      <c r="C10090">
        <v>9527.25</v>
      </c>
      <c r="D10090">
        <v>1.3</v>
      </c>
      <c r="E10090">
        <v>12472.9</v>
      </c>
      <c r="F10090">
        <v>23.514800000000001</v>
      </c>
    </row>
    <row r="10091" spans="1:6" x14ac:dyDescent="0.25">
      <c r="A10091">
        <v>156.78</v>
      </c>
      <c r="B10091">
        <v>189.52</v>
      </c>
      <c r="C10091">
        <v>9527.25</v>
      </c>
      <c r="D10091">
        <v>1.6</v>
      </c>
      <c r="E10091">
        <v>5325.73</v>
      </c>
      <c r="F10091">
        <v>30.8367</v>
      </c>
    </row>
    <row r="10092" spans="1:6" x14ac:dyDescent="0.25">
      <c r="A10092">
        <v>156.78</v>
      </c>
      <c r="B10092">
        <v>189.52</v>
      </c>
      <c r="C10092">
        <v>9527.25</v>
      </c>
      <c r="D10092">
        <v>1.9</v>
      </c>
      <c r="E10092">
        <v>11646</v>
      </c>
      <c r="F10092">
        <v>34.7089</v>
      </c>
    </row>
    <row r="10093" spans="1:6" x14ac:dyDescent="0.25">
      <c r="A10093">
        <v>156.78</v>
      </c>
      <c r="B10093">
        <v>189.52</v>
      </c>
      <c r="C10093">
        <v>9527.25</v>
      </c>
      <c r="D10093">
        <v>2.2000000000000002</v>
      </c>
      <c r="E10093">
        <v>11458.4</v>
      </c>
      <c r="F10093">
        <v>34.403599999999997</v>
      </c>
    </row>
    <row r="10094" spans="1:6" x14ac:dyDescent="0.25">
      <c r="A10094">
        <v>156.78</v>
      </c>
      <c r="B10094">
        <v>189.52</v>
      </c>
      <c r="C10094">
        <v>9527.25</v>
      </c>
      <c r="D10094">
        <v>2.5</v>
      </c>
      <c r="E10094">
        <v>11292.8</v>
      </c>
      <c r="F10094">
        <v>33.310899999999997</v>
      </c>
    </row>
    <row r="10095" spans="1:6" x14ac:dyDescent="0.25">
      <c r="A10095">
        <v>156.78</v>
      </c>
      <c r="B10095">
        <v>189.52</v>
      </c>
      <c r="C10095">
        <v>9527.25</v>
      </c>
      <c r="D10095">
        <v>2.8</v>
      </c>
      <c r="E10095">
        <v>10943.9</v>
      </c>
      <c r="F10095">
        <v>32.041699999999999</v>
      </c>
    </row>
    <row r="10096" spans="1:6" x14ac:dyDescent="0.25">
      <c r="A10096">
        <v>156.78</v>
      </c>
      <c r="B10096">
        <v>189.52</v>
      </c>
      <c r="C10096">
        <v>9527.25</v>
      </c>
      <c r="D10096">
        <v>3.1</v>
      </c>
      <c r="E10096">
        <v>10780.4</v>
      </c>
      <c r="F10096">
        <v>32.408900000000003</v>
      </c>
    </row>
    <row r="10097" spans="1:6" x14ac:dyDescent="0.25">
      <c r="A10097">
        <v>156.78</v>
      </c>
      <c r="B10097">
        <v>189.52</v>
      </c>
      <c r="C10097">
        <v>9527.25</v>
      </c>
      <c r="D10097">
        <v>3.4</v>
      </c>
      <c r="E10097">
        <v>10663.9</v>
      </c>
      <c r="F10097">
        <v>32.668500000000002</v>
      </c>
    </row>
    <row r="10098" spans="1:6" x14ac:dyDescent="0.25">
      <c r="A10098">
        <v>156.78</v>
      </c>
      <c r="B10098">
        <v>189.52</v>
      </c>
      <c r="C10098">
        <v>9527.25</v>
      </c>
      <c r="D10098">
        <v>3.7</v>
      </c>
      <c r="E10098">
        <v>10575.9</v>
      </c>
      <c r="F10098">
        <v>32.835799999999999</v>
      </c>
    </row>
    <row r="10099" spans="1:6" x14ac:dyDescent="0.25">
      <c r="A10099">
        <v>156.78</v>
      </c>
      <c r="B10099">
        <v>189.52</v>
      </c>
      <c r="C10099">
        <v>9527.25</v>
      </c>
      <c r="D10099">
        <v>4</v>
      </c>
      <c r="E10099">
        <v>10562.9</v>
      </c>
      <c r="F10099">
        <v>37.009399999999999</v>
      </c>
    </row>
    <row r="10100" spans="1:6" x14ac:dyDescent="0.25">
      <c r="A10100">
        <v>156.78</v>
      </c>
      <c r="B10100">
        <v>189.52</v>
      </c>
      <c r="C10100">
        <v>11072.7</v>
      </c>
      <c r="D10100">
        <v>1</v>
      </c>
      <c r="E10100">
        <v>6038.15</v>
      </c>
      <c r="F10100">
        <v>28.927499999999998</v>
      </c>
    </row>
    <row r="10101" spans="1:6" x14ac:dyDescent="0.25">
      <c r="A10101">
        <v>156.78</v>
      </c>
      <c r="B10101">
        <v>189.52</v>
      </c>
      <c r="C10101">
        <v>11072.7</v>
      </c>
      <c r="D10101">
        <v>1.3</v>
      </c>
      <c r="E10101">
        <v>14131.5</v>
      </c>
      <c r="F10101">
        <v>23.514800000000001</v>
      </c>
    </row>
    <row r="10102" spans="1:6" x14ac:dyDescent="0.25">
      <c r="A10102">
        <v>156.78</v>
      </c>
      <c r="B10102">
        <v>189.52</v>
      </c>
      <c r="C10102">
        <v>11072.7</v>
      </c>
      <c r="D10102">
        <v>1.6</v>
      </c>
      <c r="E10102">
        <v>5325.73</v>
      </c>
      <c r="F10102">
        <v>30.8367</v>
      </c>
    </row>
    <row r="10103" spans="1:6" x14ac:dyDescent="0.25">
      <c r="A10103">
        <v>156.78</v>
      </c>
      <c r="B10103">
        <v>189.52</v>
      </c>
      <c r="C10103">
        <v>11072.7</v>
      </c>
      <c r="D10103">
        <v>1.9</v>
      </c>
      <c r="E10103">
        <v>13044.4</v>
      </c>
      <c r="F10103">
        <v>34.7089</v>
      </c>
    </row>
    <row r="10104" spans="1:6" x14ac:dyDescent="0.25">
      <c r="A10104">
        <v>156.78</v>
      </c>
      <c r="B10104">
        <v>189.52</v>
      </c>
      <c r="C10104">
        <v>11072.7</v>
      </c>
      <c r="D10104">
        <v>2.2000000000000002</v>
      </c>
      <c r="E10104">
        <v>12806.4</v>
      </c>
      <c r="F10104">
        <v>34.403599999999997</v>
      </c>
    </row>
    <row r="10105" spans="1:6" x14ac:dyDescent="0.25">
      <c r="A10105">
        <v>156.78</v>
      </c>
      <c r="B10105">
        <v>189.52</v>
      </c>
      <c r="C10105">
        <v>11072.7</v>
      </c>
      <c r="D10105">
        <v>2.5</v>
      </c>
      <c r="E10105">
        <v>12680.3</v>
      </c>
      <c r="F10105">
        <v>33.310899999999997</v>
      </c>
    </row>
    <row r="10106" spans="1:6" x14ac:dyDescent="0.25">
      <c r="A10106">
        <v>156.78</v>
      </c>
      <c r="B10106">
        <v>189.52</v>
      </c>
      <c r="C10106">
        <v>11072.7</v>
      </c>
      <c r="D10106">
        <v>2.8</v>
      </c>
      <c r="E10106">
        <v>12444.1</v>
      </c>
      <c r="F10106">
        <v>32.041699999999999</v>
      </c>
    </row>
    <row r="10107" spans="1:6" x14ac:dyDescent="0.25">
      <c r="A10107">
        <v>156.78</v>
      </c>
      <c r="B10107">
        <v>189.52</v>
      </c>
      <c r="C10107">
        <v>11072.7</v>
      </c>
      <c r="D10107">
        <v>3.1</v>
      </c>
      <c r="E10107">
        <v>12404.8</v>
      </c>
      <c r="F10107">
        <v>32.408900000000003</v>
      </c>
    </row>
    <row r="10108" spans="1:6" x14ac:dyDescent="0.25">
      <c r="A10108">
        <v>156.78</v>
      </c>
      <c r="B10108">
        <v>189.52</v>
      </c>
      <c r="C10108">
        <v>11072.7</v>
      </c>
      <c r="D10108">
        <v>3.4</v>
      </c>
      <c r="E10108">
        <v>12218.5</v>
      </c>
      <c r="F10108">
        <v>32.668500000000002</v>
      </c>
    </row>
    <row r="10109" spans="1:6" x14ac:dyDescent="0.25">
      <c r="A10109">
        <v>156.78</v>
      </c>
      <c r="B10109">
        <v>189.52</v>
      </c>
      <c r="C10109">
        <v>11072.7</v>
      </c>
      <c r="D10109">
        <v>3.7</v>
      </c>
      <c r="E10109">
        <v>12123.7</v>
      </c>
      <c r="F10109">
        <v>32.835799999999999</v>
      </c>
    </row>
    <row r="10110" spans="1:6" x14ac:dyDescent="0.25">
      <c r="A10110">
        <v>156.78</v>
      </c>
      <c r="B10110">
        <v>189.52</v>
      </c>
      <c r="C10110">
        <v>11072.7</v>
      </c>
      <c r="D10110">
        <v>4</v>
      </c>
      <c r="E10110">
        <v>12192.7</v>
      </c>
      <c r="F10110">
        <v>37.009399999999999</v>
      </c>
    </row>
    <row r="10111" spans="1:6" x14ac:dyDescent="0.25">
      <c r="A10111">
        <v>156.78</v>
      </c>
      <c r="B10111">
        <v>189.52</v>
      </c>
      <c r="C10111">
        <v>12618.2</v>
      </c>
      <c r="D10111">
        <v>1</v>
      </c>
      <c r="E10111">
        <v>6038.15</v>
      </c>
      <c r="F10111">
        <v>28.927499999999998</v>
      </c>
    </row>
    <row r="10112" spans="1:6" x14ac:dyDescent="0.25">
      <c r="A10112">
        <v>156.78</v>
      </c>
      <c r="B10112">
        <v>189.52</v>
      </c>
      <c r="C10112">
        <v>12618.2</v>
      </c>
      <c r="D10112">
        <v>1.3</v>
      </c>
      <c r="E10112">
        <v>15531</v>
      </c>
      <c r="F10112">
        <v>23.514800000000001</v>
      </c>
    </row>
    <row r="10113" spans="1:6" x14ac:dyDescent="0.25">
      <c r="A10113">
        <v>156.78</v>
      </c>
      <c r="B10113">
        <v>189.52</v>
      </c>
      <c r="C10113">
        <v>12618.2</v>
      </c>
      <c r="D10113">
        <v>1.6</v>
      </c>
      <c r="E10113">
        <v>5325.73</v>
      </c>
      <c r="F10113">
        <v>30.8367</v>
      </c>
    </row>
    <row r="10114" spans="1:6" x14ac:dyDescent="0.25">
      <c r="A10114">
        <v>156.78</v>
      </c>
      <c r="B10114">
        <v>189.52</v>
      </c>
      <c r="C10114">
        <v>12618.2</v>
      </c>
      <c r="D10114">
        <v>1.9</v>
      </c>
      <c r="E10114">
        <v>14712.9</v>
      </c>
      <c r="F10114">
        <v>34.7089</v>
      </c>
    </row>
    <row r="10115" spans="1:6" x14ac:dyDescent="0.25">
      <c r="A10115">
        <v>156.78</v>
      </c>
      <c r="B10115">
        <v>189.52</v>
      </c>
      <c r="C10115">
        <v>12618.2</v>
      </c>
      <c r="D10115">
        <v>2.2000000000000002</v>
      </c>
      <c r="E10115">
        <v>14381</v>
      </c>
      <c r="F10115">
        <v>34.403599999999997</v>
      </c>
    </row>
    <row r="10116" spans="1:6" x14ac:dyDescent="0.25">
      <c r="A10116">
        <v>156.78</v>
      </c>
      <c r="B10116">
        <v>189.52</v>
      </c>
      <c r="C10116">
        <v>12618.2</v>
      </c>
      <c r="D10116">
        <v>2.5</v>
      </c>
      <c r="E10116">
        <v>14144.5</v>
      </c>
      <c r="F10116">
        <v>33.310899999999997</v>
      </c>
    </row>
    <row r="10117" spans="1:6" x14ac:dyDescent="0.25">
      <c r="A10117">
        <v>156.78</v>
      </c>
      <c r="B10117">
        <v>189.52</v>
      </c>
      <c r="C10117">
        <v>12618.2</v>
      </c>
      <c r="D10117">
        <v>2.8</v>
      </c>
      <c r="E10117">
        <v>13957.1</v>
      </c>
      <c r="F10117">
        <v>32.041699999999999</v>
      </c>
    </row>
    <row r="10118" spans="1:6" x14ac:dyDescent="0.25">
      <c r="A10118">
        <v>156.78</v>
      </c>
      <c r="B10118">
        <v>189.52</v>
      </c>
      <c r="C10118">
        <v>12618.2</v>
      </c>
      <c r="D10118">
        <v>3.1</v>
      </c>
      <c r="E10118">
        <v>13863</v>
      </c>
      <c r="F10118">
        <v>32.408900000000003</v>
      </c>
    </row>
    <row r="10119" spans="1:6" x14ac:dyDescent="0.25">
      <c r="A10119">
        <v>156.78</v>
      </c>
      <c r="B10119">
        <v>189.52</v>
      </c>
      <c r="C10119">
        <v>12618.2</v>
      </c>
      <c r="D10119">
        <v>3.4</v>
      </c>
      <c r="E10119">
        <v>13748.2</v>
      </c>
      <c r="F10119">
        <v>32.668500000000002</v>
      </c>
    </row>
    <row r="10120" spans="1:6" x14ac:dyDescent="0.25">
      <c r="A10120">
        <v>156.78</v>
      </c>
      <c r="B10120">
        <v>189.52</v>
      </c>
      <c r="C10120">
        <v>12618.2</v>
      </c>
      <c r="D10120">
        <v>3.7</v>
      </c>
      <c r="E10120">
        <v>13619.3</v>
      </c>
      <c r="F10120">
        <v>32.835799999999999</v>
      </c>
    </row>
    <row r="10121" spans="1:6" x14ac:dyDescent="0.25">
      <c r="A10121">
        <v>156.78</v>
      </c>
      <c r="B10121">
        <v>189.52</v>
      </c>
      <c r="C10121">
        <v>12618.2</v>
      </c>
      <c r="D10121">
        <v>4</v>
      </c>
      <c r="E10121">
        <v>13713.8</v>
      </c>
      <c r="F10121">
        <v>37.009399999999999</v>
      </c>
    </row>
    <row r="10122" spans="1:6" x14ac:dyDescent="0.25">
      <c r="A10122">
        <v>156.78</v>
      </c>
      <c r="B10122">
        <v>189.52</v>
      </c>
      <c r="C10122">
        <v>14163.6</v>
      </c>
      <c r="D10122">
        <v>1</v>
      </c>
      <c r="E10122">
        <v>6038.15</v>
      </c>
      <c r="F10122">
        <v>28.927499999999998</v>
      </c>
    </row>
    <row r="10123" spans="1:6" x14ac:dyDescent="0.25">
      <c r="A10123">
        <v>156.78</v>
      </c>
      <c r="B10123">
        <v>189.52</v>
      </c>
      <c r="C10123">
        <v>14163.6</v>
      </c>
      <c r="D10123">
        <v>1.3</v>
      </c>
      <c r="E10123">
        <v>17180.5</v>
      </c>
      <c r="F10123">
        <v>23.514800000000001</v>
      </c>
    </row>
    <row r="10124" spans="1:6" x14ac:dyDescent="0.25">
      <c r="A10124">
        <v>156.78</v>
      </c>
      <c r="B10124">
        <v>189.52</v>
      </c>
      <c r="C10124">
        <v>14163.6</v>
      </c>
      <c r="D10124">
        <v>1.6</v>
      </c>
      <c r="E10124">
        <v>5325.73</v>
      </c>
      <c r="F10124">
        <v>30.8367</v>
      </c>
    </row>
    <row r="10125" spans="1:6" x14ac:dyDescent="0.25">
      <c r="A10125">
        <v>156.78</v>
      </c>
      <c r="B10125">
        <v>189.52</v>
      </c>
      <c r="C10125">
        <v>14163.6</v>
      </c>
      <c r="D10125">
        <v>1.9</v>
      </c>
      <c r="E10125">
        <v>16192</v>
      </c>
      <c r="F10125">
        <v>34.7089</v>
      </c>
    </row>
    <row r="10126" spans="1:6" x14ac:dyDescent="0.25">
      <c r="A10126">
        <v>156.78</v>
      </c>
      <c r="B10126">
        <v>189.52</v>
      </c>
      <c r="C10126">
        <v>14163.6</v>
      </c>
      <c r="D10126">
        <v>2.2000000000000002</v>
      </c>
      <c r="E10126">
        <v>16142.3</v>
      </c>
      <c r="F10126">
        <v>34.403599999999997</v>
      </c>
    </row>
    <row r="10127" spans="1:6" x14ac:dyDescent="0.25">
      <c r="A10127">
        <v>156.78</v>
      </c>
      <c r="B10127">
        <v>189.52</v>
      </c>
      <c r="C10127">
        <v>14163.6</v>
      </c>
      <c r="D10127">
        <v>2.5</v>
      </c>
      <c r="E10127">
        <v>15693.6</v>
      </c>
      <c r="F10127">
        <v>33.310899999999997</v>
      </c>
    </row>
    <row r="10128" spans="1:6" x14ac:dyDescent="0.25">
      <c r="A10128">
        <v>156.78</v>
      </c>
      <c r="B10128">
        <v>189.52</v>
      </c>
      <c r="C10128">
        <v>14163.6</v>
      </c>
      <c r="D10128">
        <v>2.8</v>
      </c>
      <c r="E10128">
        <v>15543.7</v>
      </c>
      <c r="F10128">
        <v>32.041699999999999</v>
      </c>
    </row>
    <row r="10129" spans="1:6" x14ac:dyDescent="0.25">
      <c r="A10129">
        <v>156.78</v>
      </c>
      <c r="B10129">
        <v>189.52</v>
      </c>
      <c r="C10129">
        <v>14163.6</v>
      </c>
      <c r="D10129">
        <v>3.1</v>
      </c>
      <c r="E10129">
        <v>15403.3</v>
      </c>
      <c r="F10129">
        <v>32.408900000000003</v>
      </c>
    </row>
    <row r="10130" spans="1:6" x14ac:dyDescent="0.25">
      <c r="A10130">
        <v>156.78</v>
      </c>
      <c r="B10130">
        <v>189.52</v>
      </c>
      <c r="C10130">
        <v>14163.6</v>
      </c>
      <c r="D10130">
        <v>3.4</v>
      </c>
      <c r="E10130">
        <v>15339.1</v>
      </c>
      <c r="F10130">
        <v>32.668500000000002</v>
      </c>
    </row>
    <row r="10131" spans="1:6" x14ac:dyDescent="0.25">
      <c r="A10131">
        <v>156.78</v>
      </c>
      <c r="B10131">
        <v>189.52</v>
      </c>
      <c r="C10131">
        <v>14163.6</v>
      </c>
      <c r="D10131">
        <v>3.7</v>
      </c>
      <c r="E10131">
        <v>15223</v>
      </c>
      <c r="F10131">
        <v>32.835799999999999</v>
      </c>
    </row>
    <row r="10132" spans="1:6" x14ac:dyDescent="0.25">
      <c r="A10132">
        <v>156.78</v>
      </c>
      <c r="B10132">
        <v>189.52</v>
      </c>
      <c r="C10132">
        <v>14163.6</v>
      </c>
      <c r="D10132">
        <v>4</v>
      </c>
      <c r="E10132">
        <v>15257</v>
      </c>
      <c r="F10132">
        <v>37.009399999999999</v>
      </c>
    </row>
    <row r="10133" spans="1:6" x14ac:dyDescent="0.25">
      <c r="A10133">
        <v>156.78</v>
      </c>
      <c r="B10133">
        <v>189.52</v>
      </c>
      <c r="C10133">
        <v>15709.1</v>
      </c>
      <c r="D10133">
        <v>1</v>
      </c>
      <c r="E10133">
        <v>6038.15</v>
      </c>
      <c r="F10133">
        <v>28.927499999999998</v>
      </c>
    </row>
    <row r="10134" spans="1:6" x14ac:dyDescent="0.25">
      <c r="A10134">
        <v>156.78</v>
      </c>
      <c r="B10134">
        <v>189.52</v>
      </c>
      <c r="C10134">
        <v>15709.1</v>
      </c>
      <c r="D10134">
        <v>1.3</v>
      </c>
      <c r="E10134">
        <v>18615.3</v>
      </c>
      <c r="F10134">
        <v>23.514800000000001</v>
      </c>
    </row>
    <row r="10135" spans="1:6" x14ac:dyDescent="0.25">
      <c r="A10135">
        <v>156.78</v>
      </c>
      <c r="B10135">
        <v>189.52</v>
      </c>
      <c r="C10135">
        <v>15709.1</v>
      </c>
      <c r="D10135">
        <v>1.6</v>
      </c>
      <c r="E10135">
        <v>5325.73</v>
      </c>
      <c r="F10135">
        <v>30.8367</v>
      </c>
    </row>
    <row r="10136" spans="1:6" x14ac:dyDescent="0.25">
      <c r="A10136">
        <v>156.78</v>
      </c>
      <c r="B10136">
        <v>189.52</v>
      </c>
      <c r="C10136">
        <v>15709.1</v>
      </c>
      <c r="D10136">
        <v>1.9</v>
      </c>
      <c r="E10136">
        <v>17839.599999999999</v>
      </c>
      <c r="F10136">
        <v>34.7089</v>
      </c>
    </row>
    <row r="10137" spans="1:6" x14ac:dyDescent="0.25">
      <c r="A10137">
        <v>156.78</v>
      </c>
      <c r="B10137">
        <v>189.52</v>
      </c>
      <c r="C10137">
        <v>15709.1</v>
      </c>
      <c r="D10137">
        <v>2.2000000000000002</v>
      </c>
      <c r="E10137">
        <v>17549</v>
      </c>
      <c r="F10137">
        <v>34.403599999999997</v>
      </c>
    </row>
    <row r="10138" spans="1:6" x14ac:dyDescent="0.25">
      <c r="A10138">
        <v>156.78</v>
      </c>
      <c r="B10138">
        <v>189.52</v>
      </c>
      <c r="C10138">
        <v>15709.1</v>
      </c>
      <c r="D10138">
        <v>2.5</v>
      </c>
      <c r="E10138">
        <v>17247.099999999999</v>
      </c>
      <c r="F10138">
        <v>33.310899999999997</v>
      </c>
    </row>
    <row r="10139" spans="1:6" x14ac:dyDescent="0.25">
      <c r="A10139">
        <v>156.78</v>
      </c>
      <c r="B10139">
        <v>189.52</v>
      </c>
      <c r="C10139">
        <v>15709.1</v>
      </c>
      <c r="D10139">
        <v>2.8</v>
      </c>
      <c r="E10139">
        <v>17126.3</v>
      </c>
      <c r="F10139">
        <v>32.041699999999999</v>
      </c>
    </row>
    <row r="10140" spans="1:6" x14ac:dyDescent="0.25">
      <c r="A10140">
        <v>156.78</v>
      </c>
      <c r="B10140">
        <v>189.52</v>
      </c>
      <c r="C10140">
        <v>15709.1</v>
      </c>
      <c r="D10140">
        <v>3.1</v>
      </c>
      <c r="E10140">
        <v>17014.900000000001</v>
      </c>
      <c r="F10140">
        <v>32.408900000000003</v>
      </c>
    </row>
    <row r="10141" spans="1:6" x14ac:dyDescent="0.25">
      <c r="A10141">
        <v>156.78</v>
      </c>
      <c r="B10141">
        <v>189.52</v>
      </c>
      <c r="C10141">
        <v>15709.1</v>
      </c>
      <c r="D10141">
        <v>3.4</v>
      </c>
      <c r="E10141">
        <v>16980.900000000001</v>
      </c>
      <c r="F10141">
        <v>32.668500000000002</v>
      </c>
    </row>
    <row r="10142" spans="1:6" x14ac:dyDescent="0.25">
      <c r="A10142">
        <v>156.78</v>
      </c>
      <c r="B10142">
        <v>189.52</v>
      </c>
      <c r="C10142">
        <v>15709.1</v>
      </c>
      <c r="D10142">
        <v>3.7</v>
      </c>
      <c r="E10142">
        <v>16706.8</v>
      </c>
      <c r="F10142">
        <v>32.835799999999999</v>
      </c>
    </row>
    <row r="10143" spans="1:6" x14ac:dyDescent="0.25">
      <c r="A10143">
        <v>156.78</v>
      </c>
      <c r="B10143">
        <v>189.52</v>
      </c>
      <c r="C10143">
        <v>15709.1</v>
      </c>
      <c r="D10143">
        <v>4</v>
      </c>
      <c r="E10143">
        <v>16790</v>
      </c>
      <c r="F10143">
        <v>37.009399999999999</v>
      </c>
    </row>
    <row r="10144" spans="1:6" x14ac:dyDescent="0.25">
      <c r="A10144">
        <v>156.78</v>
      </c>
      <c r="B10144">
        <v>189.52</v>
      </c>
      <c r="C10144">
        <v>17254.5</v>
      </c>
      <c r="D10144">
        <v>1</v>
      </c>
      <c r="E10144">
        <v>6038.15</v>
      </c>
      <c r="F10144">
        <v>28.927499999999998</v>
      </c>
    </row>
    <row r="10145" spans="1:6" x14ac:dyDescent="0.25">
      <c r="A10145">
        <v>156.78</v>
      </c>
      <c r="B10145">
        <v>189.52</v>
      </c>
      <c r="C10145">
        <v>17254.5</v>
      </c>
      <c r="D10145">
        <v>1.3</v>
      </c>
      <c r="E10145">
        <v>20235.900000000001</v>
      </c>
      <c r="F10145">
        <v>23.514800000000001</v>
      </c>
    </row>
    <row r="10146" spans="1:6" x14ac:dyDescent="0.25">
      <c r="A10146">
        <v>156.78</v>
      </c>
      <c r="B10146">
        <v>189.52</v>
      </c>
      <c r="C10146">
        <v>17254.5</v>
      </c>
      <c r="D10146">
        <v>1.6</v>
      </c>
      <c r="E10146">
        <v>5325.73</v>
      </c>
      <c r="F10146">
        <v>30.8367</v>
      </c>
    </row>
    <row r="10147" spans="1:6" x14ac:dyDescent="0.25">
      <c r="A10147">
        <v>156.78</v>
      </c>
      <c r="B10147">
        <v>189.52</v>
      </c>
      <c r="C10147">
        <v>17254.5</v>
      </c>
      <c r="D10147">
        <v>1.9</v>
      </c>
      <c r="E10147">
        <v>19257.400000000001</v>
      </c>
      <c r="F10147">
        <v>34.7089</v>
      </c>
    </row>
    <row r="10148" spans="1:6" x14ac:dyDescent="0.25">
      <c r="A10148">
        <v>156.78</v>
      </c>
      <c r="B10148">
        <v>189.52</v>
      </c>
      <c r="C10148">
        <v>17254.5</v>
      </c>
      <c r="D10148">
        <v>2.2000000000000002</v>
      </c>
      <c r="E10148">
        <v>19231.400000000001</v>
      </c>
      <c r="F10148">
        <v>34.403599999999997</v>
      </c>
    </row>
    <row r="10149" spans="1:6" x14ac:dyDescent="0.25">
      <c r="A10149">
        <v>156.78</v>
      </c>
      <c r="B10149">
        <v>189.52</v>
      </c>
      <c r="C10149">
        <v>17254.5</v>
      </c>
      <c r="D10149">
        <v>2.5</v>
      </c>
      <c r="E10149">
        <v>18809.8</v>
      </c>
      <c r="F10149">
        <v>33.310899999999997</v>
      </c>
    </row>
    <row r="10150" spans="1:6" x14ac:dyDescent="0.25">
      <c r="A10150">
        <v>156.78</v>
      </c>
      <c r="B10150">
        <v>189.52</v>
      </c>
      <c r="C10150">
        <v>17254.5</v>
      </c>
      <c r="D10150">
        <v>2.8</v>
      </c>
      <c r="E10150">
        <v>18675.2</v>
      </c>
      <c r="F10150">
        <v>32.041699999999999</v>
      </c>
    </row>
    <row r="10151" spans="1:6" x14ac:dyDescent="0.25">
      <c r="A10151">
        <v>156.78</v>
      </c>
      <c r="B10151">
        <v>189.52</v>
      </c>
      <c r="C10151">
        <v>17254.5</v>
      </c>
      <c r="D10151">
        <v>3.1</v>
      </c>
      <c r="E10151">
        <v>18576.5</v>
      </c>
      <c r="F10151">
        <v>32.408900000000003</v>
      </c>
    </row>
    <row r="10152" spans="1:6" x14ac:dyDescent="0.25">
      <c r="A10152">
        <v>156.78</v>
      </c>
      <c r="B10152">
        <v>189.52</v>
      </c>
      <c r="C10152">
        <v>17254.5</v>
      </c>
      <c r="D10152">
        <v>3.4</v>
      </c>
      <c r="E10152">
        <v>18439.2</v>
      </c>
      <c r="F10152">
        <v>32.668500000000002</v>
      </c>
    </row>
    <row r="10153" spans="1:6" x14ac:dyDescent="0.25">
      <c r="A10153">
        <v>156.78</v>
      </c>
      <c r="B10153">
        <v>189.52</v>
      </c>
      <c r="C10153">
        <v>17254.5</v>
      </c>
      <c r="D10153">
        <v>3.7</v>
      </c>
      <c r="E10153">
        <v>18337.099999999999</v>
      </c>
      <c r="F10153">
        <v>32.835799999999999</v>
      </c>
    </row>
    <row r="10154" spans="1:6" x14ac:dyDescent="0.25">
      <c r="A10154">
        <v>156.78</v>
      </c>
      <c r="B10154">
        <v>189.52</v>
      </c>
      <c r="C10154">
        <v>17254.5</v>
      </c>
      <c r="D10154">
        <v>4</v>
      </c>
      <c r="E10154">
        <v>18297.400000000001</v>
      </c>
      <c r="F10154">
        <v>37.009399999999999</v>
      </c>
    </row>
    <row r="10155" spans="1:6" x14ac:dyDescent="0.25">
      <c r="A10155">
        <v>156.78</v>
      </c>
      <c r="B10155">
        <v>189.52</v>
      </c>
      <c r="C10155">
        <v>18800</v>
      </c>
      <c r="D10155">
        <v>1</v>
      </c>
      <c r="E10155">
        <v>6038.15</v>
      </c>
      <c r="F10155">
        <v>28.927499999999998</v>
      </c>
    </row>
    <row r="10156" spans="1:6" x14ac:dyDescent="0.25">
      <c r="A10156">
        <v>156.78</v>
      </c>
      <c r="B10156">
        <v>189.52</v>
      </c>
      <c r="C10156">
        <v>18800</v>
      </c>
      <c r="D10156">
        <v>1.3</v>
      </c>
      <c r="E10156">
        <v>21596</v>
      </c>
      <c r="F10156">
        <v>23.514800000000001</v>
      </c>
    </row>
    <row r="10157" spans="1:6" x14ac:dyDescent="0.25">
      <c r="A10157">
        <v>156.78</v>
      </c>
      <c r="B10157">
        <v>189.52</v>
      </c>
      <c r="C10157">
        <v>18800</v>
      </c>
      <c r="D10157">
        <v>1.6</v>
      </c>
      <c r="E10157">
        <v>5325.73</v>
      </c>
      <c r="F10157">
        <v>30.8367</v>
      </c>
    </row>
    <row r="10158" spans="1:6" x14ac:dyDescent="0.25">
      <c r="A10158">
        <v>156.78</v>
      </c>
      <c r="B10158">
        <v>189.52</v>
      </c>
      <c r="C10158">
        <v>18800</v>
      </c>
      <c r="D10158">
        <v>1.9</v>
      </c>
      <c r="E10158">
        <v>20771.2</v>
      </c>
      <c r="F10158">
        <v>34.7089</v>
      </c>
    </row>
    <row r="10159" spans="1:6" x14ac:dyDescent="0.25">
      <c r="A10159">
        <v>156.78</v>
      </c>
      <c r="B10159">
        <v>189.52</v>
      </c>
      <c r="C10159">
        <v>18800</v>
      </c>
      <c r="D10159">
        <v>2.2000000000000002</v>
      </c>
      <c r="E10159">
        <v>20503.099999999999</v>
      </c>
      <c r="F10159">
        <v>34.403599999999997</v>
      </c>
    </row>
    <row r="10160" spans="1:6" x14ac:dyDescent="0.25">
      <c r="A10160">
        <v>156.78</v>
      </c>
      <c r="B10160">
        <v>189.52</v>
      </c>
      <c r="C10160">
        <v>18800</v>
      </c>
      <c r="D10160">
        <v>2.5</v>
      </c>
      <c r="E10160">
        <v>20281.099999999999</v>
      </c>
      <c r="F10160">
        <v>33.310899999999997</v>
      </c>
    </row>
    <row r="10161" spans="1:6" x14ac:dyDescent="0.25">
      <c r="A10161">
        <v>156.78</v>
      </c>
      <c r="B10161">
        <v>189.52</v>
      </c>
      <c r="C10161">
        <v>18800</v>
      </c>
      <c r="D10161">
        <v>2.8</v>
      </c>
      <c r="E10161">
        <v>20146.2</v>
      </c>
      <c r="F10161">
        <v>32.041699999999999</v>
      </c>
    </row>
    <row r="10162" spans="1:6" x14ac:dyDescent="0.25">
      <c r="A10162">
        <v>156.78</v>
      </c>
      <c r="B10162">
        <v>189.52</v>
      </c>
      <c r="C10162">
        <v>18800</v>
      </c>
      <c r="D10162">
        <v>3.1</v>
      </c>
      <c r="E10162">
        <v>20060.7</v>
      </c>
      <c r="F10162">
        <v>32.408900000000003</v>
      </c>
    </row>
    <row r="10163" spans="1:6" x14ac:dyDescent="0.25">
      <c r="A10163">
        <v>156.78</v>
      </c>
      <c r="B10163">
        <v>189.52</v>
      </c>
      <c r="C10163">
        <v>18800</v>
      </c>
      <c r="D10163">
        <v>3.4</v>
      </c>
      <c r="E10163">
        <v>19962.400000000001</v>
      </c>
      <c r="F10163">
        <v>32.668500000000002</v>
      </c>
    </row>
    <row r="10164" spans="1:6" x14ac:dyDescent="0.25">
      <c r="A10164">
        <v>156.78</v>
      </c>
      <c r="B10164">
        <v>189.52</v>
      </c>
      <c r="C10164">
        <v>18800</v>
      </c>
      <c r="D10164">
        <v>3.7</v>
      </c>
      <c r="E10164">
        <v>19837.8</v>
      </c>
      <c r="F10164">
        <v>32.835799999999999</v>
      </c>
    </row>
    <row r="10165" spans="1:6" x14ac:dyDescent="0.25">
      <c r="A10165">
        <v>156.78</v>
      </c>
      <c r="B10165">
        <v>189.52</v>
      </c>
      <c r="C10165">
        <v>18800</v>
      </c>
      <c r="D10165">
        <v>4</v>
      </c>
      <c r="E10165">
        <v>19849.5</v>
      </c>
      <c r="F10165">
        <v>37.009399999999999</v>
      </c>
    </row>
    <row r="10166" spans="1:6" x14ac:dyDescent="0.25">
      <c r="A10166">
        <v>156.78</v>
      </c>
      <c r="B10166">
        <v>193.15</v>
      </c>
      <c r="C10166">
        <v>1800</v>
      </c>
      <c r="D10166">
        <v>1</v>
      </c>
      <c r="E10166">
        <v>5359.03</v>
      </c>
      <c r="F10166">
        <v>37.424100000000003</v>
      </c>
    </row>
    <row r="10167" spans="1:6" x14ac:dyDescent="0.25">
      <c r="A10167">
        <v>156.78</v>
      </c>
      <c r="B10167">
        <v>193.15</v>
      </c>
      <c r="C10167">
        <v>1800</v>
      </c>
      <c r="D10167">
        <v>1.3</v>
      </c>
      <c r="E10167">
        <v>4798.84</v>
      </c>
      <c r="F10167">
        <v>45.903599999999997</v>
      </c>
    </row>
    <row r="10168" spans="1:6" x14ac:dyDescent="0.25">
      <c r="A10168">
        <v>156.78</v>
      </c>
      <c r="B10168">
        <v>193.15</v>
      </c>
      <c r="C10168">
        <v>1800</v>
      </c>
      <c r="D10168">
        <v>1.6</v>
      </c>
      <c r="E10168">
        <v>4422.3500000000004</v>
      </c>
      <c r="F10168">
        <v>52.076799999999999</v>
      </c>
    </row>
    <row r="10169" spans="1:6" x14ac:dyDescent="0.25">
      <c r="A10169">
        <v>156.78</v>
      </c>
      <c r="B10169">
        <v>193.15</v>
      </c>
      <c r="C10169">
        <v>1800</v>
      </c>
      <c r="D10169">
        <v>1.9</v>
      </c>
      <c r="E10169">
        <v>4169.57</v>
      </c>
      <c r="F10169">
        <v>58.204099999999997</v>
      </c>
    </row>
    <row r="10170" spans="1:6" x14ac:dyDescent="0.25">
      <c r="A10170">
        <v>156.78</v>
      </c>
      <c r="B10170">
        <v>193.15</v>
      </c>
      <c r="C10170">
        <v>1800</v>
      </c>
      <c r="D10170">
        <v>2.2000000000000002</v>
      </c>
      <c r="E10170">
        <v>3935.04</v>
      </c>
      <c r="F10170">
        <v>61.855899999999998</v>
      </c>
    </row>
    <row r="10171" spans="1:6" x14ac:dyDescent="0.25">
      <c r="A10171">
        <v>156.78</v>
      </c>
      <c r="B10171">
        <v>193.15</v>
      </c>
      <c r="C10171">
        <v>1800</v>
      </c>
      <c r="D10171">
        <v>2.5</v>
      </c>
      <c r="E10171">
        <v>3729.46</v>
      </c>
      <c r="F10171">
        <v>63.821100000000001</v>
      </c>
    </row>
    <row r="10172" spans="1:6" x14ac:dyDescent="0.25">
      <c r="A10172">
        <v>156.78</v>
      </c>
      <c r="B10172">
        <v>193.15</v>
      </c>
      <c r="C10172">
        <v>1800</v>
      </c>
      <c r="D10172">
        <v>2.8</v>
      </c>
      <c r="E10172">
        <v>3630.82</v>
      </c>
      <c r="F10172">
        <v>70.2286</v>
      </c>
    </row>
    <row r="10173" spans="1:6" x14ac:dyDescent="0.25">
      <c r="A10173">
        <v>156.78</v>
      </c>
      <c r="B10173">
        <v>193.15</v>
      </c>
      <c r="C10173">
        <v>1800</v>
      </c>
      <c r="D10173">
        <v>3.1</v>
      </c>
      <c r="E10173">
        <v>3492.34</v>
      </c>
      <c r="F10173">
        <v>72.503799999999998</v>
      </c>
    </row>
    <row r="10174" spans="1:6" x14ac:dyDescent="0.25">
      <c r="A10174">
        <v>156.78</v>
      </c>
      <c r="B10174">
        <v>193.15</v>
      </c>
      <c r="C10174">
        <v>1800</v>
      </c>
      <c r="D10174">
        <v>3.4</v>
      </c>
      <c r="E10174">
        <v>3421.34</v>
      </c>
      <c r="F10174">
        <v>77.553799999999995</v>
      </c>
    </row>
    <row r="10175" spans="1:6" x14ac:dyDescent="0.25">
      <c r="A10175">
        <v>156.78</v>
      </c>
      <c r="B10175">
        <v>193.15</v>
      </c>
      <c r="C10175">
        <v>1800</v>
      </c>
      <c r="D10175">
        <v>3.7</v>
      </c>
      <c r="E10175">
        <v>3324.58</v>
      </c>
      <c r="F10175">
        <v>82.359300000000005</v>
      </c>
    </row>
    <row r="10176" spans="1:6" x14ac:dyDescent="0.25">
      <c r="A10176">
        <v>156.78</v>
      </c>
      <c r="B10176">
        <v>193.15</v>
      </c>
      <c r="C10176">
        <v>1800</v>
      </c>
      <c r="D10176">
        <v>4</v>
      </c>
      <c r="E10176">
        <v>3274.63</v>
      </c>
      <c r="F10176">
        <v>83.749600000000001</v>
      </c>
    </row>
    <row r="10177" spans="1:6" x14ac:dyDescent="0.25">
      <c r="A10177">
        <v>156.78</v>
      </c>
      <c r="B10177">
        <v>193.15</v>
      </c>
      <c r="C10177">
        <v>3345.45</v>
      </c>
      <c r="D10177">
        <v>1</v>
      </c>
      <c r="E10177">
        <v>7137.26</v>
      </c>
      <c r="F10177">
        <v>21.537299999999998</v>
      </c>
    </row>
    <row r="10178" spans="1:6" x14ac:dyDescent="0.25">
      <c r="A10178">
        <v>156.78</v>
      </c>
      <c r="B10178">
        <v>193.15</v>
      </c>
      <c r="C10178">
        <v>3345.45</v>
      </c>
      <c r="D10178">
        <v>1.3</v>
      </c>
      <c r="E10178">
        <v>6087.64</v>
      </c>
      <c r="F10178">
        <v>23.681100000000001</v>
      </c>
    </row>
    <row r="10179" spans="1:6" x14ac:dyDescent="0.25">
      <c r="A10179">
        <v>156.78</v>
      </c>
      <c r="B10179">
        <v>193.15</v>
      </c>
      <c r="C10179">
        <v>3345.45</v>
      </c>
      <c r="D10179">
        <v>1.6</v>
      </c>
      <c r="E10179">
        <v>5632.47</v>
      </c>
      <c r="F10179">
        <v>23.314900000000002</v>
      </c>
    </row>
    <row r="10180" spans="1:6" x14ac:dyDescent="0.25">
      <c r="A10180">
        <v>156.78</v>
      </c>
      <c r="B10180">
        <v>193.15</v>
      </c>
      <c r="C10180">
        <v>3345.45</v>
      </c>
      <c r="D10180">
        <v>1.9</v>
      </c>
      <c r="E10180">
        <v>5385.57</v>
      </c>
      <c r="F10180">
        <v>34.7089</v>
      </c>
    </row>
    <row r="10181" spans="1:6" x14ac:dyDescent="0.25">
      <c r="A10181">
        <v>156.78</v>
      </c>
      <c r="B10181">
        <v>193.15</v>
      </c>
      <c r="C10181">
        <v>3345.45</v>
      </c>
      <c r="D10181">
        <v>2.2000000000000002</v>
      </c>
      <c r="E10181">
        <v>5227.96</v>
      </c>
      <c r="F10181">
        <v>33.927199999999999</v>
      </c>
    </row>
    <row r="10182" spans="1:6" x14ac:dyDescent="0.25">
      <c r="A10182">
        <v>156.78</v>
      </c>
      <c r="B10182">
        <v>193.15</v>
      </c>
      <c r="C10182">
        <v>3345.45</v>
      </c>
      <c r="D10182">
        <v>2.5</v>
      </c>
      <c r="E10182">
        <v>5022.8</v>
      </c>
      <c r="F10182">
        <v>26.7746</v>
      </c>
    </row>
    <row r="10183" spans="1:6" x14ac:dyDescent="0.25">
      <c r="A10183">
        <v>156.78</v>
      </c>
      <c r="B10183">
        <v>193.15</v>
      </c>
      <c r="C10183">
        <v>3345.45</v>
      </c>
      <c r="D10183">
        <v>2.8</v>
      </c>
      <c r="E10183">
        <v>5053.37</v>
      </c>
      <c r="F10183">
        <v>23.9085</v>
      </c>
    </row>
    <row r="10184" spans="1:6" x14ac:dyDescent="0.25">
      <c r="A10184">
        <v>156.78</v>
      </c>
      <c r="B10184">
        <v>193.15</v>
      </c>
      <c r="C10184">
        <v>3345.45</v>
      </c>
      <c r="D10184">
        <v>3.1</v>
      </c>
      <c r="E10184">
        <v>4848.7700000000004</v>
      </c>
      <c r="F10184">
        <v>24.598500000000001</v>
      </c>
    </row>
    <row r="10185" spans="1:6" x14ac:dyDescent="0.25">
      <c r="A10185">
        <v>156.78</v>
      </c>
      <c r="B10185">
        <v>193.15</v>
      </c>
      <c r="C10185">
        <v>3345.45</v>
      </c>
      <c r="D10185">
        <v>3.4</v>
      </c>
      <c r="E10185">
        <v>4805.33</v>
      </c>
      <c r="F10185">
        <v>25.174499999999998</v>
      </c>
    </row>
    <row r="10186" spans="1:6" x14ac:dyDescent="0.25">
      <c r="A10186">
        <v>156.78</v>
      </c>
      <c r="B10186">
        <v>193.15</v>
      </c>
      <c r="C10186">
        <v>3345.45</v>
      </c>
      <c r="D10186">
        <v>3.7</v>
      </c>
      <c r="E10186">
        <v>4735.59</v>
      </c>
      <c r="F10186">
        <v>25.607199999999999</v>
      </c>
    </row>
    <row r="10187" spans="1:6" x14ac:dyDescent="0.25">
      <c r="A10187">
        <v>156.78</v>
      </c>
      <c r="B10187">
        <v>193.15</v>
      </c>
      <c r="C10187">
        <v>3345.45</v>
      </c>
      <c r="D10187">
        <v>4</v>
      </c>
      <c r="E10187">
        <v>4605.3999999999996</v>
      </c>
      <c r="F10187">
        <v>35.855600000000003</v>
      </c>
    </row>
    <row r="10188" spans="1:6" x14ac:dyDescent="0.25">
      <c r="A10188">
        <v>156.78</v>
      </c>
      <c r="B10188">
        <v>193.15</v>
      </c>
      <c r="C10188">
        <v>4890.8999999999996</v>
      </c>
      <c r="D10188">
        <v>1</v>
      </c>
      <c r="E10188">
        <v>6038.15</v>
      </c>
      <c r="F10188">
        <v>28.927499999999998</v>
      </c>
    </row>
    <row r="10189" spans="1:6" x14ac:dyDescent="0.25">
      <c r="A10189">
        <v>156.78</v>
      </c>
      <c r="B10189">
        <v>193.15</v>
      </c>
      <c r="C10189">
        <v>4890.8999999999996</v>
      </c>
      <c r="D10189">
        <v>1.3</v>
      </c>
      <c r="E10189">
        <v>7689.17</v>
      </c>
      <c r="F10189">
        <v>23.514800000000001</v>
      </c>
    </row>
    <row r="10190" spans="1:6" x14ac:dyDescent="0.25">
      <c r="A10190">
        <v>156.78</v>
      </c>
      <c r="B10190">
        <v>193.15</v>
      </c>
      <c r="C10190">
        <v>4890.8999999999996</v>
      </c>
      <c r="D10190">
        <v>1.6</v>
      </c>
      <c r="E10190">
        <v>5325.73</v>
      </c>
      <c r="F10190">
        <v>30.8367</v>
      </c>
    </row>
    <row r="10191" spans="1:6" x14ac:dyDescent="0.25">
      <c r="A10191">
        <v>156.78</v>
      </c>
      <c r="B10191">
        <v>193.15</v>
      </c>
      <c r="C10191">
        <v>4890.8999999999996</v>
      </c>
      <c r="D10191">
        <v>1.9</v>
      </c>
      <c r="E10191">
        <v>6968.68</v>
      </c>
      <c r="F10191">
        <v>34.7089</v>
      </c>
    </row>
    <row r="10192" spans="1:6" x14ac:dyDescent="0.25">
      <c r="A10192">
        <v>156.78</v>
      </c>
      <c r="B10192">
        <v>193.15</v>
      </c>
      <c r="C10192">
        <v>4890.8999999999996</v>
      </c>
      <c r="D10192">
        <v>2.2000000000000002</v>
      </c>
      <c r="E10192">
        <v>6766.54</v>
      </c>
      <c r="F10192">
        <v>34.403599999999997</v>
      </c>
    </row>
    <row r="10193" spans="1:6" x14ac:dyDescent="0.25">
      <c r="A10193">
        <v>156.78</v>
      </c>
      <c r="B10193">
        <v>193.15</v>
      </c>
      <c r="C10193">
        <v>4890.8999999999996</v>
      </c>
      <c r="D10193">
        <v>2.5</v>
      </c>
      <c r="E10193">
        <v>6444.02</v>
      </c>
      <c r="F10193">
        <v>33.310899999999997</v>
      </c>
    </row>
    <row r="10194" spans="1:6" x14ac:dyDescent="0.25">
      <c r="A10194">
        <v>156.78</v>
      </c>
      <c r="B10194">
        <v>193.15</v>
      </c>
      <c r="C10194">
        <v>4890.8999999999996</v>
      </c>
      <c r="D10194">
        <v>2.8</v>
      </c>
      <c r="E10194">
        <v>6380.44</v>
      </c>
      <c r="F10194">
        <v>32.041699999999999</v>
      </c>
    </row>
    <row r="10195" spans="1:6" x14ac:dyDescent="0.25">
      <c r="A10195">
        <v>156.78</v>
      </c>
      <c r="B10195">
        <v>193.15</v>
      </c>
      <c r="C10195">
        <v>4890.8999999999996</v>
      </c>
      <c r="D10195">
        <v>3.1</v>
      </c>
      <c r="E10195">
        <v>6155.34</v>
      </c>
      <c r="F10195">
        <v>32.408900000000003</v>
      </c>
    </row>
    <row r="10196" spans="1:6" x14ac:dyDescent="0.25">
      <c r="A10196">
        <v>156.78</v>
      </c>
      <c r="B10196">
        <v>193.15</v>
      </c>
      <c r="C10196">
        <v>4890.8999999999996</v>
      </c>
      <c r="D10196">
        <v>3.4</v>
      </c>
      <c r="E10196">
        <v>6095.38</v>
      </c>
      <c r="F10196">
        <v>32.668500000000002</v>
      </c>
    </row>
    <row r="10197" spans="1:6" x14ac:dyDescent="0.25">
      <c r="A10197">
        <v>156.78</v>
      </c>
      <c r="B10197">
        <v>193.15</v>
      </c>
      <c r="C10197">
        <v>4890.8999999999996</v>
      </c>
      <c r="D10197">
        <v>3.7</v>
      </c>
      <c r="E10197">
        <v>5970.81</v>
      </c>
      <c r="F10197">
        <v>32.835799999999999</v>
      </c>
    </row>
    <row r="10198" spans="1:6" x14ac:dyDescent="0.25">
      <c r="A10198">
        <v>156.78</v>
      </c>
      <c r="B10198">
        <v>193.15</v>
      </c>
      <c r="C10198">
        <v>4890.8999999999996</v>
      </c>
      <c r="D10198">
        <v>4</v>
      </c>
      <c r="E10198">
        <v>6007.95</v>
      </c>
      <c r="F10198">
        <v>37.009399999999999</v>
      </c>
    </row>
    <row r="10199" spans="1:6" x14ac:dyDescent="0.25">
      <c r="A10199">
        <v>156.78</v>
      </c>
      <c r="B10199">
        <v>193.15</v>
      </c>
      <c r="C10199">
        <v>6436.35</v>
      </c>
      <c r="D10199">
        <v>1</v>
      </c>
      <c r="E10199">
        <v>6038.15</v>
      </c>
      <c r="F10199">
        <v>28.927499999999998</v>
      </c>
    </row>
    <row r="10200" spans="1:6" x14ac:dyDescent="0.25">
      <c r="A10200">
        <v>156.78</v>
      </c>
      <c r="B10200">
        <v>193.15</v>
      </c>
      <c r="C10200">
        <v>6436.35</v>
      </c>
      <c r="D10200">
        <v>1.3</v>
      </c>
      <c r="E10200">
        <v>9485.67</v>
      </c>
      <c r="F10200">
        <v>23.514800000000001</v>
      </c>
    </row>
    <row r="10201" spans="1:6" x14ac:dyDescent="0.25">
      <c r="A10201">
        <v>156.78</v>
      </c>
      <c r="B10201">
        <v>193.15</v>
      </c>
      <c r="C10201">
        <v>6436.35</v>
      </c>
      <c r="D10201">
        <v>1.6</v>
      </c>
      <c r="E10201">
        <v>5325.73</v>
      </c>
      <c r="F10201">
        <v>30.8367</v>
      </c>
    </row>
    <row r="10202" spans="1:6" x14ac:dyDescent="0.25">
      <c r="A10202">
        <v>156.78</v>
      </c>
      <c r="B10202">
        <v>193.15</v>
      </c>
      <c r="C10202">
        <v>6436.35</v>
      </c>
      <c r="D10202">
        <v>1.9</v>
      </c>
      <c r="E10202">
        <v>8464.44</v>
      </c>
      <c r="F10202">
        <v>34.7089</v>
      </c>
    </row>
    <row r="10203" spans="1:6" x14ac:dyDescent="0.25">
      <c r="A10203">
        <v>156.78</v>
      </c>
      <c r="B10203">
        <v>193.15</v>
      </c>
      <c r="C10203">
        <v>6436.35</v>
      </c>
      <c r="D10203">
        <v>2.2000000000000002</v>
      </c>
      <c r="E10203">
        <v>8323.18</v>
      </c>
      <c r="F10203">
        <v>34.403599999999997</v>
      </c>
    </row>
    <row r="10204" spans="1:6" x14ac:dyDescent="0.25">
      <c r="A10204">
        <v>156.78</v>
      </c>
      <c r="B10204">
        <v>193.15</v>
      </c>
      <c r="C10204">
        <v>6436.35</v>
      </c>
      <c r="D10204">
        <v>2.5</v>
      </c>
      <c r="E10204">
        <v>8092.32</v>
      </c>
      <c r="F10204">
        <v>33.310899999999997</v>
      </c>
    </row>
    <row r="10205" spans="1:6" x14ac:dyDescent="0.25">
      <c r="A10205">
        <v>156.78</v>
      </c>
      <c r="B10205">
        <v>193.15</v>
      </c>
      <c r="C10205">
        <v>6436.35</v>
      </c>
      <c r="D10205">
        <v>2.8</v>
      </c>
      <c r="E10205">
        <v>7800.68</v>
      </c>
      <c r="F10205">
        <v>32.041699999999999</v>
      </c>
    </row>
    <row r="10206" spans="1:6" x14ac:dyDescent="0.25">
      <c r="A10206">
        <v>156.78</v>
      </c>
      <c r="B10206">
        <v>193.15</v>
      </c>
      <c r="C10206">
        <v>6436.35</v>
      </c>
      <c r="D10206">
        <v>3.1</v>
      </c>
      <c r="E10206">
        <v>7707.52</v>
      </c>
      <c r="F10206">
        <v>32.408900000000003</v>
      </c>
    </row>
    <row r="10207" spans="1:6" x14ac:dyDescent="0.25">
      <c r="A10207">
        <v>156.78</v>
      </c>
      <c r="B10207">
        <v>193.15</v>
      </c>
      <c r="C10207">
        <v>6436.35</v>
      </c>
      <c r="D10207">
        <v>3.4</v>
      </c>
      <c r="E10207">
        <v>7599.42</v>
      </c>
      <c r="F10207">
        <v>32.668500000000002</v>
      </c>
    </row>
    <row r="10208" spans="1:6" x14ac:dyDescent="0.25">
      <c r="A10208">
        <v>156.78</v>
      </c>
      <c r="B10208">
        <v>193.15</v>
      </c>
      <c r="C10208">
        <v>6436.35</v>
      </c>
      <c r="D10208">
        <v>3.7</v>
      </c>
      <c r="E10208">
        <v>7524.81</v>
      </c>
      <c r="F10208">
        <v>32.835799999999999</v>
      </c>
    </row>
    <row r="10209" spans="1:6" x14ac:dyDescent="0.25">
      <c r="A10209">
        <v>156.78</v>
      </c>
      <c r="B10209">
        <v>193.15</v>
      </c>
      <c r="C10209">
        <v>6436.35</v>
      </c>
      <c r="D10209">
        <v>4</v>
      </c>
      <c r="E10209">
        <v>7616.27</v>
      </c>
      <c r="F10209">
        <v>37.009399999999999</v>
      </c>
    </row>
    <row r="10210" spans="1:6" x14ac:dyDescent="0.25">
      <c r="A10210">
        <v>156.78</v>
      </c>
      <c r="B10210">
        <v>193.15</v>
      </c>
      <c r="C10210">
        <v>7981.8</v>
      </c>
      <c r="D10210">
        <v>1</v>
      </c>
      <c r="E10210">
        <v>6038.15</v>
      </c>
      <c r="F10210">
        <v>28.927499999999998</v>
      </c>
    </row>
    <row r="10211" spans="1:6" x14ac:dyDescent="0.25">
      <c r="A10211">
        <v>156.78</v>
      </c>
      <c r="B10211">
        <v>193.15</v>
      </c>
      <c r="C10211">
        <v>7981.8</v>
      </c>
      <c r="D10211">
        <v>1.3</v>
      </c>
      <c r="E10211">
        <v>10750.2</v>
      </c>
      <c r="F10211">
        <v>23.514800000000001</v>
      </c>
    </row>
    <row r="10212" spans="1:6" x14ac:dyDescent="0.25">
      <c r="A10212">
        <v>156.78</v>
      </c>
      <c r="B10212">
        <v>193.15</v>
      </c>
      <c r="C10212">
        <v>7981.8</v>
      </c>
      <c r="D10212">
        <v>1.6</v>
      </c>
      <c r="E10212">
        <v>5325.73</v>
      </c>
      <c r="F10212">
        <v>30.8367</v>
      </c>
    </row>
    <row r="10213" spans="1:6" x14ac:dyDescent="0.25">
      <c r="A10213">
        <v>156.78</v>
      </c>
      <c r="B10213">
        <v>193.15</v>
      </c>
      <c r="C10213">
        <v>7981.8</v>
      </c>
      <c r="D10213">
        <v>1.9</v>
      </c>
      <c r="E10213">
        <v>10102.6</v>
      </c>
      <c r="F10213">
        <v>34.7089</v>
      </c>
    </row>
    <row r="10214" spans="1:6" x14ac:dyDescent="0.25">
      <c r="A10214">
        <v>156.78</v>
      </c>
      <c r="B10214">
        <v>193.15</v>
      </c>
      <c r="C10214">
        <v>7981.8</v>
      </c>
      <c r="D10214">
        <v>2.2000000000000002</v>
      </c>
      <c r="E10214">
        <v>9739.48</v>
      </c>
      <c r="F10214">
        <v>34.403599999999997</v>
      </c>
    </row>
    <row r="10215" spans="1:6" x14ac:dyDescent="0.25">
      <c r="A10215">
        <v>156.78</v>
      </c>
      <c r="B10215">
        <v>193.15</v>
      </c>
      <c r="C10215">
        <v>7981.8</v>
      </c>
      <c r="D10215">
        <v>2.5</v>
      </c>
      <c r="E10215">
        <v>9607.2099999999991</v>
      </c>
      <c r="F10215">
        <v>33.310899999999997</v>
      </c>
    </row>
    <row r="10216" spans="1:6" x14ac:dyDescent="0.25">
      <c r="A10216">
        <v>156.78</v>
      </c>
      <c r="B10216">
        <v>193.15</v>
      </c>
      <c r="C10216">
        <v>7981.8</v>
      </c>
      <c r="D10216">
        <v>2.8</v>
      </c>
      <c r="E10216">
        <v>9413.24</v>
      </c>
      <c r="F10216">
        <v>32.041699999999999</v>
      </c>
    </row>
    <row r="10217" spans="1:6" x14ac:dyDescent="0.25">
      <c r="A10217">
        <v>156.78</v>
      </c>
      <c r="B10217">
        <v>193.15</v>
      </c>
      <c r="C10217">
        <v>7981.8</v>
      </c>
      <c r="D10217">
        <v>3.1</v>
      </c>
      <c r="E10217">
        <v>9256.07</v>
      </c>
      <c r="F10217">
        <v>32.408900000000003</v>
      </c>
    </row>
    <row r="10218" spans="1:6" x14ac:dyDescent="0.25">
      <c r="A10218">
        <v>156.78</v>
      </c>
      <c r="B10218">
        <v>193.15</v>
      </c>
      <c r="C10218">
        <v>7981.8</v>
      </c>
      <c r="D10218">
        <v>3.4</v>
      </c>
      <c r="E10218">
        <v>9124.48</v>
      </c>
      <c r="F10218">
        <v>32.668500000000002</v>
      </c>
    </row>
    <row r="10219" spans="1:6" x14ac:dyDescent="0.25">
      <c r="A10219">
        <v>156.78</v>
      </c>
      <c r="B10219">
        <v>193.15</v>
      </c>
      <c r="C10219">
        <v>7981.8</v>
      </c>
      <c r="D10219">
        <v>3.7</v>
      </c>
      <c r="E10219">
        <v>9015.27</v>
      </c>
      <c r="F10219">
        <v>32.835799999999999</v>
      </c>
    </row>
    <row r="10220" spans="1:6" x14ac:dyDescent="0.25">
      <c r="A10220">
        <v>156.78</v>
      </c>
      <c r="B10220">
        <v>193.15</v>
      </c>
      <c r="C10220">
        <v>7981.8</v>
      </c>
      <c r="D10220">
        <v>4</v>
      </c>
      <c r="E10220">
        <v>9068.0300000000007</v>
      </c>
      <c r="F10220">
        <v>37.009399999999999</v>
      </c>
    </row>
    <row r="10221" spans="1:6" x14ac:dyDescent="0.25">
      <c r="A10221">
        <v>156.78</v>
      </c>
      <c r="B10221">
        <v>193.15</v>
      </c>
      <c r="C10221">
        <v>9527.25</v>
      </c>
      <c r="D10221">
        <v>1</v>
      </c>
      <c r="E10221">
        <v>6038.15</v>
      </c>
      <c r="F10221">
        <v>28.927499999999998</v>
      </c>
    </row>
    <row r="10222" spans="1:6" x14ac:dyDescent="0.25">
      <c r="A10222">
        <v>156.78</v>
      </c>
      <c r="B10222">
        <v>193.15</v>
      </c>
      <c r="C10222">
        <v>9527.25</v>
      </c>
      <c r="D10222">
        <v>1.3</v>
      </c>
      <c r="E10222">
        <v>12472.9</v>
      </c>
      <c r="F10222">
        <v>23.514800000000001</v>
      </c>
    </row>
    <row r="10223" spans="1:6" x14ac:dyDescent="0.25">
      <c r="A10223">
        <v>156.78</v>
      </c>
      <c r="B10223">
        <v>193.15</v>
      </c>
      <c r="C10223">
        <v>9527.25</v>
      </c>
      <c r="D10223">
        <v>1.6</v>
      </c>
      <c r="E10223">
        <v>5325.73</v>
      </c>
      <c r="F10223">
        <v>30.8367</v>
      </c>
    </row>
    <row r="10224" spans="1:6" x14ac:dyDescent="0.25">
      <c r="A10224">
        <v>156.78</v>
      </c>
      <c r="B10224">
        <v>193.15</v>
      </c>
      <c r="C10224">
        <v>9527.25</v>
      </c>
      <c r="D10224">
        <v>1.9</v>
      </c>
      <c r="E10224">
        <v>11646</v>
      </c>
      <c r="F10224">
        <v>34.7089</v>
      </c>
    </row>
    <row r="10225" spans="1:6" x14ac:dyDescent="0.25">
      <c r="A10225">
        <v>156.78</v>
      </c>
      <c r="B10225">
        <v>193.15</v>
      </c>
      <c r="C10225">
        <v>9527.25</v>
      </c>
      <c r="D10225">
        <v>2.2000000000000002</v>
      </c>
      <c r="E10225">
        <v>11412.9</v>
      </c>
      <c r="F10225">
        <v>34.403599999999997</v>
      </c>
    </row>
    <row r="10226" spans="1:6" x14ac:dyDescent="0.25">
      <c r="A10226">
        <v>156.78</v>
      </c>
      <c r="B10226">
        <v>193.15</v>
      </c>
      <c r="C10226">
        <v>9527.25</v>
      </c>
      <c r="D10226">
        <v>2.5</v>
      </c>
      <c r="E10226">
        <v>11208.1</v>
      </c>
      <c r="F10226">
        <v>33.310899999999997</v>
      </c>
    </row>
    <row r="10227" spans="1:6" x14ac:dyDescent="0.25">
      <c r="A10227">
        <v>156.78</v>
      </c>
      <c r="B10227">
        <v>193.15</v>
      </c>
      <c r="C10227">
        <v>9527.25</v>
      </c>
      <c r="D10227">
        <v>2.8</v>
      </c>
      <c r="E10227">
        <v>10926.3</v>
      </c>
      <c r="F10227">
        <v>32.041699999999999</v>
      </c>
    </row>
    <row r="10228" spans="1:6" x14ac:dyDescent="0.25">
      <c r="A10228">
        <v>156.78</v>
      </c>
      <c r="B10228">
        <v>193.15</v>
      </c>
      <c r="C10228">
        <v>9527.25</v>
      </c>
      <c r="D10228">
        <v>3.1</v>
      </c>
      <c r="E10228">
        <v>10764.2</v>
      </c>
      <c r="F10228">
        <v>32.408900000000003</v>
      </c>
    </row>
    <row r="10229" spans="1:6" x14ac:dyDescent="0.25">
      <c r="A10229">
        <v>156.78</v>
      </c>
      <c r="B10229">
        <v>193.15</v>
      </c>
      <c r="C10229">
        <v>9527.25</v>
      </c>
      <c r="D10229">
        <v>3.4</v>
      </c>
      <c r="E10229">
        <v>10729.8</v>
      </c>
      <c r="F10229">
        <v>32.668500000000002</v>
      </c>
    </row>
    <row r="10230" spans="1:6" x14ac:dyDescent="0.25">
      <c r="A10230">
        <v>156.78</v>
      </c>
      <c r="B10230">
        <v>193.15</v>
      </c>
      <c r="C10230">
        <v>9527.25</v>
      </c>
      <c r="D10230">
        <v>3.7</v>
      </c>
      <c r="E10230">
        <v>10559.5</v>
      </c>
      <c r="F10230">
        <v>32.835799999999999</v>
      </c>
    </row>
    <row r="10231" spans="1:6" x14ac:dyDescent="0.25">
      <c r="A10231">
        <v>156.78</v>
      </c>
      <c r="B10231">
        <v>193.15</v>
      </c>
      <c r="C10231">
        <v>9527.25</v>
      </c>
      <c r="D10231">
        <v>4</v>
      </c>
      <c r="E10231">
        <v>10678.5</v>
      </c>
      <c r="F10231">
        <v>37.009399999999999</v>
      </c>
    </row>
    <row r="10232" spans="1:6" x14ac:dyDescent="0.25">
      <c r="A10232">
        <v>156.78</v>
      </c>
      <c r="B10232">
        <v>193.15</v>
      </c>
      <c r="C10232">
        <v>11072.7</v>
      </c>
      <c r="D10232">
        <v>1</v>
      </c>
      <c r="E10232">
        <v>6038.15</v>
      </c>
      <c r="F10232">
        <v>28.927499999999998</v>
      </c>
    </row>
    <row r="10233" spans="1:6" x14ac:dyDescent="0.25">
      <c r="A10233">
        <v>156.78</v>
      </c>
      <c r="B10233">
        <v>193.15</v>
      </c>
      <c r="C10233">
        <v>11072.7</v>
      </c>
      <c r="D10233">
        <v>1.3</v>
      </c>
      <c r="E10233">
        <v>14131.5</v>
      </c>
      <c r="F10233">
        <v>23.514800000000001</v>
      </c>
    </row>
    <row r="10234" spans="1:6" x14ac:dyDescent="0.25">
      <c r="A10234">
        <v>156.78</v>
      </c>
      <c r="B10234">
        <v>193.15</v>
      </c>
      <c r="C10234">
        <v>11072.7</v>
      </c>
      <c r="D10234">
        <v>1.6</v>
      </c>
      <c r="E10234">
        <v>5325.73</v>
      </c>
      <c r="F10234">
        <v>30.8367</v>
      </c>
    </row>
    <row r="10235" spans="1:6" x14ac:dyDescent="0.25">
      <c r="A10235">
        <v>156.78</v>
      </c>
      <c r="B10235">
        <v>193.15</v>
      </c>
      <c r="C10235">
        <v>11072.7</v>
      </c>
      <c r="D10235">
        <v>1.9</v>
      </c>
      <c r="E10235">
        <v>13044.4</v>
      </c>
      <c r="F10235">
        <v>34.7089</v>
      </c>
    </row>
    <row r="10236" spans="1:6" x14ac:dyDescent="0.25">
      <c r="A10236">
        <v>156.78</v>
      </c>
      <c r="B10236">
        <v>193.15</v>
      </c>
      <c r="C10236">
        <v>11072.7</v>
      </c>
      <c r="D10236">
        <v>2.2000000000000002</v>
      </c>
      <c r="E10236">
        <v>12939.4</v>
      </c>
      <c r="F10236">
        <v>34.403599999999997</v>
      </c>
    </row>
    <row r="10237" spans="1:6" x14ac:dyDescent="0.25">
      <c r="A10237">
        <v>156.78</v>
      </c>
      <c r="B10237">
        <v>193.15</v>
      </c>
      <c r="C10237">
        <v>11072.7</v>
      </c>
      <c r="D10237">
        <v>2.5</v>
      </c>
      <c r="E10237">
        <v>12671.2</v>
      </c>
      <c r="F10237">
        <v>33.310899999999997</v>
      </c>
    </row>
    <row r="10238" spans="1:6" x14ac:dyDescent="0.25">
      <c r="A10238">
        <v>156.78</v>
      </c>
      <c r="B10238">
        <v>193.15</v>
      </c>
      <c r="C10238">
        <v>11072.7</v>
      </c>
      <c r="D10238">
        <v>2.8</v>
      </c>
      <c r="E10238">
        <v>12539.4</v>
      </c>
      <c r="F10238">
        <v>32.041699999999999</v>
      </c>
    </row>
    <row r="10239" spans="1:6" x14ac:dyDescent="0.25">
      <c r="A10239">
        <v>156.78</v>
      </c>
      <c r="B10239">
        <v>193.15</v>
      </c>
      <c r="C10239">
        <v>11072.7</v>
      </c>
      <c r="D10239">
        <v>3.1</v>
      </c>
      <c r="E10239">
        <v>12335.4</v>
      </c>
      <c r="F10239">
        <v>32.408900000000003</v>
      </c>
    </row>
    <row r="10240" spans="1:6" x14ac:dyDescent="0.25">
      <c r="A10240">
        <v>156.78</v>
      </c>
      <c r="B10240">
        <v>193.15</v>
      </c>
      <c r="C10240">
        <v>11072.7</v>
      </c>
      <c r="D10240">
        <v>3.4</v>
      </c>
      <c r="E10240">
        <v>12234.9</v>
      </c>
      <c r="F10240">
        <v>32.668500000000002</v>
      </c>
    </row>
    <row r="10241" spans="1:6" x14ac:dyDescent="0.25">
      <c r="A10241">
        <v>156.78</v>
      </c>
      <c r="B10241">
        <v>193.15</v>
      </c>
      <c r="C10241">
        <v>11072.7</v>
      </c>
      <c r="D10241">
        <v>3.7</v>
      </c>
      <c r="E10241">
        <v>12136.4</v>
      </c>
      <c r="F10241">
        <v>32.835799999999999</v>
      </c>
    </row>
    <row r="10242" spans="1:6" x14ac:dyDescent="0.25">
      <c r="A10242">
        <v>156.78</v>
      </c>
      <c r="B10242">
        <v>193.15</v>
      </c>
      <c r="C10242">
        <v>11072.7</v>
      </c>
      <c r="D10242">
        <v>4</v>
      </c>
      <c r="E10242">
        <v>12155.6</v>
      </c>
      <c r="F10242">
        <v>37.009399999999999</v>
      </c>
    </row>
    <row r="10243" spans="1:6" x14ac:dyDescent="0.25">
      <c r="A10243">
        <v>156.78</v>
      </c>
      <c r="B10243">
        <v>193.15</v>
      </c>
      <c r="C10243">
        <v>12618.2</v>
      </c>
      <c r="D10243">
        <v>1</v>
      </c>
      <c r="E10243">
        <v>6038.15</v>
      </c>
      <c r="F10243">
        <v>28.927499999999998</v>
      </c>
    </row>
    <row r="10244" spans="1:6" x14ac:dyDescent="0.25">
      <c r="A10244">
        <v>156.78</v>
      </c>
      <c r="B10244">
        <v>193.15</v>
      </c>
      <c r="C10244">
        <v>12618.2</v>
      </c>
      <c r="D10244">
        <v>1.3</v>
      </c>
      <c r="E10244">
        <v>15531</v>
      </c>
      <c r="F10244">
        <v>23.514800000000001</v>
      </c>
    </row>
    <row r="10245" spans="1:6" x14ac:dyDescent="0.25">
      <c r="A10245">
        <v>156.78</v>
      </c>
      <c r="B10245">
        <v>193.15</v>
      </c>
      <c r="C10245">
        <v>12618.2</v>
      </c>
      <c r="D10245">
        <v>1.6</v>
      </c>
      <c r="E10245">
        <v>5325.73</v>
      </c>
      <c r="F10245">
        <v>30.8367</v>
      </c>
    </row>
    <row r="10246" spans="1:6" x14ac:dyDescent="0.25">
      <c r="A10246">
        <v>156.78</v>
      </c>
      <c r="B10246">
        <v>193.15</v>
      </c>
      <c r="C10246">
        <v>12618.2</v>
      </c>
      <c r="D10246">
        <v>1.9</v>
      </c>
      <c r="E10246">
        <v>14722</v>
      </c>
      <c r="F10246">
        <v>34.7089</v>
      </c>
    </row>
    <row r="10247" spans="1:6" x14ac:dyDescent="0.25">
      <c r="A10247">
        <v>156.78</v>
      </c>
      <c r="B10247">
        <v>193.15</v>
      </c>
      <c r="C10247">
        <v>12618.2</v>
      </c>
      <c r="D10247">
        <v>2.2000000000000002</v>
      </c>
      <c r="E10247">
        <v>14498.7</v>
      </c>
      <c r="F10247">
        <v>34.403599999999997</v>
      </c>
    </row>
    <row r="10248" spans="1:6" x14ac:dyDescent="0.25">
      <c r="A10248">
        <v>156.78</v>
      </c>
      <c r="B10248">
        <v>193.15</v>
      </c>
      <c r="C10248">
        <v>12618.2</v>
      </c>
      <c r="D10248">
        <v>2.5</v>
      </c>
      <c r="E10248">
        <v>14144.5</v>
      </c>
      <c r="F10248">
        <v>33.310899999999997</v>
      </c>
    </row>
    <row r="10249" spans="1:6" x14ac:dyDescent="0.25">
      <c r="A10249">
        <v>156.78</v>
      </c>
      <c r="B10249">
        <v>193.15</v>
      </c>
      <c r="C10249">
        <v>12618.2</v>
      </c>
      <c r="D10249">
        <v>2.8</v>
      </c>
      <c r="E10249">
        <v>14044.9</v>
      </c>
      <c r="F10249">
        <v>32.041699999999999</v>
      </c>
    </row>
    <row r="10250" spans="1:6" x14ac:dyDescent="0.25">
      <c r="A10250">
        <v>156.78</v>
      </c>
      <c r="B10250">
        <v>193.15</v>
      </c>
      <c r="C10250">
        <v>12618.2</v>
      </c>
      <c r="D10250">
        <v>3.1</v>
      </c>
      <c r="E10250">
        <v>13874.9</v>
      </c>
      <c r="F10250">
        <v>32.408900000000003</v>
      </c>
    </row>
    <row r="10251" spans="1:6" x14ac:dyDescent="0.25">
      <c r="A10251">
        <v>156.78</v>
      </c>
      <c r="B10251">
        <v>193.15</v>
      </c>
      <c r="C10251">
        <v>12618.2</v>
      </c>
      <c r="D10251">
        <v>3.4</v>
      </c>
      <c r="E10251">
        <v>13752.8</v>
      </c>
      <c r="F10251">
        <v>32.668500000000002</v>
      </c>
    </row>
    <row r="10252" spans="1:6" x14ac:dyDescent="0.25">
      <c r="A10252">
        <v>156.78</v>
      </c>
      <c r="B10252">
        <v>193.15</v>
      </c>
      <c r="C10252">
        <v>12618.2</v>
      </c>
      <c r="D10252">
        <v>3.7</v>
      </c>
      <c r="E10252">
        <v>13655.9</v>
      </c>
      <c r="F10252">
        <v>32.835799999999999</v>
      </c>
    </row>
    <row r="10253" spans="1:6" x14ac:dyDescent="0.25">
      <c r="A10253">
        <v>156.78</v>
      </c>
      <c r="B10253">
        <v>193.15</v>
      </c>
      <c r="C10253">
        <v>12618.2</v>
      </c>
      <c r="D10253">
        <v>4</v>
      </c>
      <c r="E10253">
        <v>13659.9</v>
      </c>
      <c r="F10253">
        <v>37.009399999999999</v>
      </c>
    </row>
    <row r="10254" spans="1:6" x14ac:dyDescent="0.25">
      <c r="A10254">
        <v>156.78</v>
      </c>
      <c r="B10254">
        <v>193.15</v>
      </c>
      <c r="C10254">
        <v>14163.6</v>
      </c>
      <c r="D10254">
        <v>1</v>
      </c>
      <c r="E10254">
        <v>6038.15</v>
      </c>
      <c r="F10254">
        <v>28.927499999999998</v>
      </c>
    </row>
    <row r="10255" spans="1:6" x14ac:dyDescent="0.25">
      <c r="A10255">
        <v>156.78</v>
      </c>
      <c r="B10255">
        <v>193.15</v>
      </c>
      <c r="C10255">
        <v>14163.6</v>
      </c>
      <c r="D10255">
        <v>1.3</v>
      </c>
      <c r="E10255">
        <v>17138.599999999999</v>
      </c>
      <c r="F10255">
        <v>23.514800000000001</v>
      </c>
    </row>
    <row r="10256" spans="1:6" x14ac:dyDescent="0.25">
      <c r="A10256">
        <v>156.78</v>
      </c>
      <c r="B10256">
        <v>193.15</v>
      </c>
      <c r="C10256">
        <v>14163.6</v>
      </c>
      <c r="D10256">
        <v>1.6</v>
      </c>
      <c r="E10256">
        <v>5325.73</v>
      </c>
      <c r="F10256">
        <v>30.8367</v>
      </c>
    </row>
    <row r="10257" spans="1:6" x14ac:dyDescent="0.25">
      <c r="A10257">
        <v>156.78</v>
      </c>
      <c r="B10257">
        <v>193.15</v>
      </c>
      <c r="C10257">
        <v>14163.6</v>
      </c>
      <c r="D10257">
        <v>1.9</v>
      </c>
      <c r="E10257">
        <v>16192</v>
      </c>
      <c r="F10257">
        <v>34.7089</v>
      </c>
    </row>
    <row r="10258" spans="1:6" x14ac:dyDescent="0.25">
      <c r="A10258">
        <v>156.78</v>
      </c>
      <c r="B10258">
        <v>193.15</v>
      </c>
      <c r="C10258">
        <v>14163.6</v>
      </c>
      <c r="D10258">
        <v>2.2000000000000002</v>
      </c>
      <c r="E10258">
        <v>16009.6</v>
      </c>
      <c r="F10258">
        <v>34.403599999999997</v>
      </c>
    </row>
    <row r="10259" spans="1:6" x14ac:dyDescent="0.25">
      <c r="A10259">
        <v>156.78</v>
      </c>
      <c r="B10259">
        <v>193.15</v>
      </c>
      <c r="C10259">
        <v>14163.6</v>
      </c>
      <c r="D10259">
        <v>2.5</v>
      </c>
      <c r="E10259">
        <v>15738.5</v>
      </c>
      <c r="F10259">
        <v>33.310899999999997</v>
      </c>
    </row>
    <row r="10260" spans="1:6" x14ac:dyDescent="0.25">
      <c r="A10260">
        <v>156.78</v>
      </c>
      <c r="B10260">
        <v>193.15</v>
      </c>
      <c r="C10260">
        <v>14163.6</v>
      </c>
      <c r="D10260">
        <v>2.8</v>
      </c>
      <c r="E10260">
        <v>15558</v>
      </c>
      <c r="F10260">
        <v>32.041699999999999</v>
      </c>
    </row>
    <row r="10261" spans="1:6" x14ac:dyDescent="0.25">
      <c r="A10261">
        <v>156.78</v>
      </c>
      <c r="B10261">
        <v>193.15</v>
      </c>
      <c r="C10261">
        <v>14163.6</v>
      </c>
      <c r="D10261">
        <v>3.1</v>
      </c>
      <c r="E10261">
        <v>15421.8</v>
      </c>
      <c r="F10261">
        <v>32.408900000000003</v>
      </c>
    </row>
    <row r="10262" spans="1:6" x14ac:dyDescent="0.25">
      <c r="A10262">
        <v>156.78</v>
      </c>
      <c r="B10262">
        <v>193.15</v>
      </c>
      <c r="C10262">
        <v>14163.6</v>
      </c>
      <c r="D10262">
        <v>3.4</v>
      </c>
      <c r="E10262">
        <v>15254.3</v>
      </c>
      <c r="F10262">
        <v>32.668500000000002</v>
      </c>
    </row>
    <row r="10263" spans="1:6" x14ac:dyDescent="0.25">
      <c r="A10263">
        <v>156.78</v>
      </c>
      <c r="B10263">
        <v>193.15</v>
      </c>
      <c r="C10263">
        <v>14163.6</v>
      </c>
      <c r="D10263">
        <v>3.7</v>
      </c>
      <c r="E10263">
        <v>15243.7</v>
      </c>
      <c r="F10263">
        <v>32.835799999999999</v>
      </c>
    </row>
    <row r="10264" spans="1:6" x14ac:dyDescent="0.25">
      <c r="A10264">
        <v>156.78</v>
      </c>
      <c r="B10264">
        <v>193.15</v>
      </c>
      <c r="C10264">
        <v>14163.6</v>
      </c>
      <c r="D10264">
        <v>4</v>
      </c>
      <c r="E10264">
        <v>15230.7</v>
      </c>
      <c r="F10264">
        <v>37.009399999999999</v>
      </c>
    </row>
    <row r="10265" spans="1:6" x14ac:dyDescent="0.25">
      <c r="A10265">
        <v>156.78</v>
      </c>
      <c r="B10265">
        <v>193.15</v>
      </c>
      <c r="C10265">
        <v>15709.1</v>
      </c>
      <c r="D10265">
        <v>1</v>
      </c>
      <c r="E10265">
        <v>6038.15</v>
      </c>
      <c r="F10265">
        <v>28.927499999999998</v>
      </c>
    </row>
    <row r="10266" spans="1:6" x14ac:dyDescent="0.25">
      <c r="A10266">
        <v>156.78</v>
      </c>
      <c r="B10266">
        <v>193.15</v>
      </c>
      <c r="C10266">
        <v>15709.1</v>
      </c>
      <c r="D10266">
        <v>1.3</v>
      </c>
      <c r="E10266">
        <v>18615.3</v>
      </c>
      <c r="F10266">
        <v>23.514800000000001</v>
      </c>
    </row>
    <row r="10267" spans="1:6" x14ac:dyDescent="0.25">
      <c r="A10267">
        <v>156.78</v>
      </c>
      <c r="B10267">
        <v>193.15</v>
      </c>
      <c r="C10267">
        <v>15709.1</v>
      </c>
      <c r="D10267">
        <v>1.6</v>
      </c>
      <c r="E10267">
        <v>5325.73</v>
      </c>
      <c r="F10267">
        <v>30.8367</v>
      </c>
    </row>
    <row r="10268" spans="1:6" x14ac:dyDescent="0.25">
      <c r="A10268">
        <v>156.78</v>
      </c>
      <c r="B10268">
        <v>193.15</v>
      </c>
      <c r="C10268">
        <v>15709.1</v>
      </c>
      <c r="D10268">
        <v>1.9</v>
      </c>
      <c r="E10268">
        <v>17756.099999999999</v>
      </c>
      <c r="F10268">
        <v>34.7089</v>
      </c>
    </row>
    <row r="10269" spans="1:6" x14ac:dyDescent="0.25">
      <c r="A10269">
        <v>156.78</v>
      </c>
      <c r="B10269">
        <v>193.15</v>
      </c>
      <c r="C10269">
        <v>15709.1</v>
      </c>
      <c r="D10269">
        <v>2.2000000000000002</v>
      </c>
      <c r="E10269">
        <v>17543.8</v>
      </c>
      <c r="F10269">
        <v>34.403599999999997</v>
      </c>
    </row>
    <row r="10270" spans="1:6" x14ac:dyDescent="0.25">
      <c r="A10270">
        <v>156.78</v>
      </c>
      <c r="B10270">
        <v>193.15</v>
      </c>
      <c r="C10270">
        <v>15709.1</v>
      </c>
      <c r="D10270">
        <v>2.5</v>
      </c>
      <c r="E10270">
        <v>17258.400000000001</v>
      </c>
      <c r="F10270">
        <v>33.310899999999997</v>
      </c>
    </row>
    <row r="10271" spans="1:6" x14ac:dyDescent="0.25">
      <c r="A10271">
        <v>156.78</v>
      </c>
      <c r="B10271">
        <v>193.15</v>
      </c>
      <c r="C10271">
        <v>15709.1</v>
      </c>
      <c r="D10271">
        <v>2.8</v>
      </c>
      <c r="E10271">
        <v>17128.400000000001</v>
      </c>
      <c r="F10271">
        <v>32.041699999999999</v>
      </c>
    </row>
    <row r="10272" spans="1:6" x14ac:dyDescent="0.25">
      <c r="A10272">
        <v>156.78</v>
      </c>
      <c r="B10272">
        <v>193.15</v>
      </c>
      <c r="C10272">
        <v>15709.1</v>
      </c>
      <c r="D10272">
        <v>3.1</v>
      </c>
      <c r="E10272">
        <v>16936.7</v>
      </c>
      <c r="F10272">
        <v>32.408900000000003</v>
      </c>
    </row>
    <row r="10273" spans="1:6" x14ac:dyDescent="0.25">
      <c r="A10273">
        <v>156.78</v>
      </c>
      <c r="B10273">
        <v>193.15</v>
      </c>
      <c r="C10273">
        <v>15709.1</v>
      </c>
      <c r="D10273">
        <v>3.4</v>
      </c>
      <c r="E10273">
        <v>16827.900000000001</v>
      </c>
      <c r="F10273">
        <v>32.668500000000002</v>
      </c>
    </row>
    <row r="10274" spans="1:6" x14ac:dyDescent="0.25">
      <c r="A10274">
        <v>156.78</v>
      </c>
      <c r="B10274">
        <v>193.15</v>
      </c>
      <c r="C10274">
        <v>15709.1</v>
      </c>
      <c r="D10274">
        <v>3.7</v>
      </c>
      <c r="E10274">
        <v>16786.5</v>
      </c>
      <c r="F10274">
        <v>32.835799999999999</v>
      </c>
    </row>
    <row r="10275" spans="1:6" x14ac:dyDescent="0.25">
      <c r="A10275">
        <v>156.78</v>
      </c>
      <c r="B10275">
        <v>193.15</v>
      </c>
      <c r="C10275">
        <v>15709.1</v>
      </c>
      <c r="D10275">
        <v>4</v>
      </c>
      <c r="E10275">
        <v>16737.099999999999</v>
      </c>
      <c r="F10275">
        <v>37.009399999999999</v>
      </c>
    </row>
    <row r="10276" spans="1:6" x14ac:dyDescent="0.25">
      <c r="A10276">
        <v>156.78</v>
      </c>
      <c r="B10276">
        <v>193.15</v>
      </c>
      <c r="C10276">
        <v>17254.5</v>
      </c>
      <c r="D10276">
        <v>1</v>
      </c>
      <c r="E10276">
        <v>6038.15</v>
      </c>
      <c r="F10276">
        <v>28.927499999999998</v>
      </c>
    </row>
    <row r="10277" spans="1:6" x14ac:dyDescent="0.25">
      <c r="A10277">
        <v>156.78</v>
      </c>
      <c r="B10277">
        <v>193.15</v>
      </c>
      <c r="C10277">
        <v>17254.5</v>
      </c>
      <c r="D10277">
        <v>1.3</v>
      </c>
      <c r="E10277">
        <v>20257.2</v>
      </c>
      <c r="F10277">
        <v>23.514800000000001</v>
      </c>
    </row>
    <row r="10278" spans="1:6" x14ac:dyDescent="0.25">
      <c r="A10278">
        <v>156.78</v>
      </c>
      <c r="B10278">
        <v>193.15</v>
      </c>
      <c r="C10278">
        <v>17254.5</v>
      </c>
      <c r="D10278">
        <v>1.6</v>
      </c>
      <c r="E10278">
        <v>5325.73</v>
      </c>
      <c r="F10278">
        <v>30.8367</v>
      </c>
    </row>
    <row r="10279" spans="1:6" x14ac:dyDescent="0.25">
      <c r="A10279">
        <v>156.78</v>
      </c>
      <c r="B10279">
        <v>193.15</v>
      </c>
      <c r="C10279">
        <v>17254.5</v>
      </c>
      <c r="D10279">
        <v>1.9</v>
      </c>
      <c r="E10279">
        <v>19262.5</v>
      </c>
      <c r="F10279">
        <v>34.7089</v>
      </c>
    </row>
    <row r="10280" spans="1:6" x14ac:dyDescent="0.25">
      <c r="A10280">
        <v>156.78</v>
      </c>
      <c r="B10280">
        <v>193.15</v>
      </c>
      <c r="C10280">
        <v>17254.5</v>
      </c>
      <c r="D10280">
        <v>2.2000000000000002</v>
      </c>
      <c r="E10280">
        <v>19001.099999999999</v>
      </c>
      <c r="F10280">
        <v>34.403599999999997</v>
      </c>
    </row>
    <row r="10281" spans="1:6" x14ac:dyDescent="0.25">
      <c r="A10281">
        <v>156.78</v>
      </c>
      <c r="B10281">
        <v>193.15</v>
      </c>
      <c r="C10281">
        <v>17254.5</v>
      </c>
      <c r="D10281">
        <v>2.5</v>
      </c>
      <c r="E10281">
        <v>18756.400000000001</v>
      </c>
      <c r="F10281">
        <v>33.310899999999997</v>
      </c>
    </row>
    <row r="10282" spans="1:6" x14ac:dyDescent="0.25">
      <c r="A10282">
        <v>156.78</v>
      </c>
      <c r="B10282">
        <v>193.15</v>
      </c>
      <c r="C10282">
        <v>17254.5</v>
      </c>
      <c r="D10282">
        <v>2.8</v>
      </c>
      <c r="E10282">
        <v>18577.7</v>
      </c>
      <c r="F10282">
        <v>32.041699999999999</v>
      </c>
    </row>
    <row r="10283" spans="1:6" x14ac:dyDescent="0.25">
      <c r="A10283">
        <v>156.78</v>
      </c>
      <c r="B10283">
        <v>193.15</v>
      </c>
      <c r="C10283">
        <v>17254.5</v>
      </c>
      <c r="D10283">
        <v>3.1</v>
      </c>
      <c r="E10283">
        <v>18579.599999999999</v>
      </c>
      <c r="F10283">
        <v>32.408900000000003</v>
      </c>
    </row>
    <row r="10284" spans="1:6" x14ac:dyDescent="0.25">
      <c r="A10284">
        <v>156.78</v>
      </c>
      <c r="B10284">
        <v>193.15</v>
      </c>
      <c r="C10284">
        <v>17254.5</v>
      </c>
      <c r="D10284">
        <v>3.4</v>
      </c>
      <c r="E10284">
        <v>18439.2</v>
      </c>
      <c r="F10284">
        <v>32.668500000000002</v>
      </c>
    </row>
    <row r="10285" spans="1:6" x14ac:dyDescent="0.25">
      <c r="A10285">
        <v>156.78</v>
      </c>
      <c r="B10285">
        <v>193.15</v>
      </c>
      <c r="C10285">
        <v>17254.5</v>
      </c>
      <c r="D10285">
        <v>3.7</v>
      </c>
      <c r="E10285">
        <v>18331.900000000001</v>
      </c>
      <c r="F10285">
        <v>32.835799999999999</v>
      </c>
    </row>
    <row r="10286" spans="1:6" x14ac:dyDescent="0.25">
      <c r="A10286">
        <v>156.78</v>
      </c>
      <c r="B10286">
        <v>193.15</v>
      </c>
      <c r="C10286">
        <v>17254.5</v>
      </c>
      <c r="D10286">
        <v>4</v>
      </c>
      <c r="E10286">
        <v>18271</v>
      </c>
      <c r="F10286">
        <v>37.009399999999999</v>
      </c>
    </row>
    <row r="10287" spans="1:6" x14ac:dyDescent="0.25">
      <c r="A10287">
        <v>156.78</v>
      </c>
      <c r="B10287">
        <v>193.15</v>
      </c>
      <c r="C10287">
        <v>18800</v>
      </c>
      <c r="D10287">
        <v>1</v>
      </c>
      <c r="E10287">
        <v>6038.15</v>
      </c>
      <c r="F10287">
        <v>28.927499999999998</v>
      </c>
    </row>
    <row r="10288" spans="1:6" x14ac:dyDescent="0.25">
      <c r="A10288">
        <v>156.78</v>
      </c>
      <c r="B10288">
        <v>193.15</v>
      </c>
      <c r="C10288">
        <v>18800</v>
      </c>
      <c r="D10288">
        <v>1.3</v>
      </c>
      <c r="E10288">
        <v>21500.1</v>
      </c>
      <c r="F10288">
        <v>23.514800000000001</v>
      </c>
    </row>
    <row r="10289" spans="1:6" x14ac:dyDescent="0.25">
      <c r="A10289">
        <v>156.78</v>
      </c>
      <c r="B10289">
        <v>193.15</v>
      </c>
      <c r="C10289">
        <v>18800</v>
      </c>
      <c r="D10289">
        <v>1.6</v>
      </c>
      <c r="E10289">
        <v>5325.73</v>
      </c>
      <c r="F10289">
        <v>30.8367</v>
      </c>
    </row>
    <row r="10290" spans="1:6" x14ac:dyDescent="0.25">
      <c r="A10290">
        <v>156.78</v>
      </c>
      <c r="B10290">
        <v>193.15</v>
      </c>
      <c r="C10290">
        <v>18800</v>
      </c>
      <c r="D10290">
        <v>1.9</v>
      </c>
      <c r="E10290">
        <v>20861.5</v>
      </c>
      <c r="F10290">
        <v>34.7089</v>
      </c>
    </row>
    <row r="10291" spans="1:6" x14ac:dyDescent="0.25">
      <c r="A10291">
        <v>156.78</v>
      </c>
      <c r="B10291">
        <v>193.15</v>
      </c>
      <c r="C10291">
        <v>18800</v>
      </c>
      <c r="D10291">
        <v>2.2000000000000002</v>
      </c>
      <c r="E10291">
        <v>20621.2</v>
      </c>
      <c r="F10291">
        <v>34.403599999999997</v>
      </c>
    </row>
    <row r="10292" spans="1:6" x14ac:dyDescent="0.25">
      <c r="A10292">
        <v>156.78</v>
      </c>
      <c r="B10292">
        <v>193.15</v>
      </c>
      <c r="C10292">
        <v>18800</v>
      </c>
      <c r="D10292">
        <v>2.5</v>
      </c>
      <c r="E10292">
        <v>20426.900000000001</v>
      </c>
      <c r="F10292">
        <v>33.310899999999997</v>
      </c>
    </row>
    <row r="10293" spans="1:6" x14ac:dyDescent="0.25">
      <c r="A10293">
        <v>156.78</v>
      </c>
      <c r="B10293">
        <v>193.15</v>
      </c>
      <c r="C10293">
        <v>18800</v>
      </c>
      <c r="D10293">
        <v>2.8</v>
      </c>
      <c r="E10293">
        <v>20151.900000000001</v>
      </c>
      <c r="F10293">
        <v>32.041699999999999</v>
      </c>
    </row>
    <row r="10294" spans="1:6" x14ac:dyDescent="0.25">
      <c r="A10294">
        <v>156.78</v>
      </c>
      <c r="B10294">
        <v>193.15</v>
      </c>
      <c r="C10294">
        <v>18800</v>
      </c>
      <c r="D10294">
        <v>3.1</v>
      </c>
      <c r="E10294">
        <v>20078.2</v>
      </c>
      <c r="F10294">
        <v>32.408900000000003</v>
      </c>
    </row>
    <row r="10295" spans="1:6" x14ac:dyDescent="0.25">
      <c r="A10295">
        <v>156.78</v>
      </c>
      <c r="B10295">
        <v>193.15</v>
      </c>
      <c r="C10295">
        <v>18800</v>
      </c>
      <c r="D10295">
        <v>3.4</v>
      </c>
      <c r="E10295">
        <v>19976.5</v>
      </c>
      <c r="F10295">
        <v>32.668500000000002</v>
      </c>
    </row>
    <row r="10296" spans="1:6" x14ac:dyDescent="0.25">
      <c r="A10296">
        <v>156.78</v>
      </c>
      <c r="B10296">
        <v>193.15</v>
      </c>
      <c r="C10296">
        <v>18800</v>
      </c>
      <c r="D10296">
        <v>3.7</v>
      </c>
      <c r="E10296">
        <v>19816.400000000001</v>
      </c>
      <c r="F10296">
        <v>32.835799999999999</v>
      </c>
    </row>
    <row r="10297" spans="1:6" x14ac:dyDescent="0.25">
      <c r="A10297">
        <v>156.78</v>
      </c>
      <c r="B10297">
        <v>193.15</v>
      </c>
      <c r="C10297">
        <v>18800</v>
      </c>
      <c r="D10297">
        <v>4</v>
      </c>
      <c r="E10297">
        <v>19840.2</v>
      </c>
      <c r="F10297">
        <v>37.009399999999999</v>
      </c>
    </row>
    <row r="10298" spans="1:6" x14ac:dyDescent="0.25">
      <c r="A10298">
        <v>156.78</v>
      </c>
      <c r="B10298">
        <v>196.78</v>
      </c>
      <c r="C10298">
        <v>1800</v>
      </c>
      <c r="D10298">
        <v>1</v>
      </c>
      <c r="E10298">
        <v>5359.03</v>
      </c>
      <c r="F10298">
        <v>37.424100000000003</v>
      </c>
    </row>
    <row r="10299" spans="1:6" x14ac:dyDescent="0.25">
      <c r="A10299">
        <v>156.78</v>
      </c>
      <c r="B10299">
        <v>196.78</v>
      </c>
      <c r="C10299">
        <v>1800</v>
      </c>
      <c r="D10299">
        <v>1.3</v>
      </c>
      <c r="E10299">
        <v>4798.84</v>
      </c>
      <c r="F10299">
        <v>45.903599999999997</v>
      </c>
    </row>
    <row r="10300" spans="1:6" x14ac:dyDescent="0.25">
      <c r="A10300">
        <v>156.78</v>
      </c>
      <c r="B10300">
        <v>196.78</v>
      </c>
      <c r="C10300">
        <v>1800</v>
      </c>
      <c r="D10300">
        <v>1.6</v>
      </c>
      <c r="E10300">
        <v>4422.3500000000004</v>
      </c>
      <c r="F10300">
        <v>52.076799999999999</v>
      </c>
    </row>
    <row r="10301" spans="1:6" x14ac:dyDescent="0.25">
      <c r="A10301">
        <v>156.78</v>
      </c>
      <c r="B10301">
        <v>196.78</v>
      </c>
      <c r="C10301">
        <v>1800</v>
      </c>
      <c r="D10301">
        <v>1.9</v>
      </c>
      <c r="E10301">
        <v>4176.43</v>
      </c>
      <c r="F10301">
        <v>58.204099999999997</v>
      </c>
    </row>
    <row r="10302" spans="1:6" x14ac:dyDescent="0.25">
      <c r="A10302">
        <v>156.78</v>
      </c>
      <c r="B10302">
        <v>196.78</v>
      </c>
      <c r="C10302">
        <v>1800</v>
      </c>
      <c r="D10302">
        <v>2.2000000000000002</v>
      </c>
      <c r="E10302">
        <v>3959.57</v>
      </c>
      <c r="F10302">
        <v>61.855899999999998</v>
      </c>
    </row>
    <row r="10303" spans="1:6" x14ac:dyDescent="0.25">
      <c r="A10303">
        <v>156.78</v>
      </c>
      <c r="B10303">
        <v>196.78</v>
      </c>
      <c r="C10303">
        <v>1800</v>
      </c>
      <c r="D10303">
        <v>2.5</v>
      </c>
      <c r="E10303">
        <v>3752.49</v>
      </c>
      <c r="F10303">
        <v>63.821100000000001</v>
      </c>
    </row>
    <row r="10304" spans="1:6" x14ac:dyDescent="0.25">
      <c r="A10304">
        <v>156.78</v>
      </c>
      <c r="B10304">
        <v>196.78</v>
      </c>
      <c r="C10304">
        <v>1800</v>
      </c>
      <c r="D10304">
        <v>2.8</v>
      </c>
      <c r="E10304">
        <v>3573.1</v>
      </c>
      <c r="F10304">
        <v>68.980999999999995</v>
      </c>
    </row>
    <row r="10305" spans="1:6" x14ac:dyDescent="0.25">
      <c r="A10305">
        <v>156.78</v>
      </c>
      <c r="B10305">
        <v>196.78</v>
      </c>
      <c r="C10305">
        <v>1800</v>
      </c>
      <c r="D10305">
        <v>3.1</v>
      </c>
      <c r="E10305">
        <v>3495.2</v>
      </c>
      <c r="F10305">
        <v>69.831100000000006</v>
      </c>
    </row>
    <row r="10306" spans="1:6" x14ac:dyDescent="0.25">
      <c r="A10306">
        <v>156.78</v>
      </c>
      <c r="B10306">
        <v>196.78</v>
      </c>
      <c r="C10306">
        <v>1800</v>
      </c>
      <c r="D10306">
        <v>3.4</v>
      </c>
      <c r="E10306">
        <v>3374.4</v>
      </c>
      <c r="F10306">
        <v>74.415800000000004</v>
      </c>
    </row>
    <row r="10307" spans="1:6" x14ac:dyDescent="0.25">
      <c r="A10307">
        <v>156.78</v>
      </c>
      <c r="B10307">
        <v>196.78</v>
      </c>
      <c r="C10307">
        <v>1800</v>
      </c>
      <c r="D10307">
        <v>3.7</v>
      </c>
      <c r="E10307">
        <v>3280.16</v>
      </c>
      <c r="F10307">
        <v>79.444299999999998</v>
      </c>
    </row>
    <row r="10308" spans="1:6" x14ac:dyDescent="0.25">
      <c r="A10308">
        <v>156.78</v>
      </c>
      <c r="B10308">
        <v>196.78</v>
      </c>
      <c r="C10308">
        <v>1800</v>
      </c>
      <c r="D10308">
        <v>4</v>
      </c>
      <c r="E10308">
        <v>3238.59</v>
      </c>
      <c r="F10308">
        <v>81.612099999999998</v>
      </c>
    </row>
    <row r="10309" spans="1:6" x14ac:dyDescent="0.25">
      <c r="A10309">
        <v>156.78</v>
      </c>
      <c r="B10309">
        <v>196.78</v>
      </c>
      <c r="C10309">
        <v>3345.45</v>
      </c>
      <c r="D10309">
        <v>1</v>
      </c>
      <c r="E10309">
        <v>7137.26</v>
      </c>
      <c r="F10309">
        <v>21.537299999999998</v>
      </c>
    </row>
    <row r="10310" spans="1:6" x14ac:dyDescent="0.25">
      <c r="A10310">
        <v>156.78</v>
      </c>
      <c r="B10310">
        <v>196.78</v>
      </c>
      <c r="C10310">
        <v>3345.45</v>
      </c>
      <c r="D10310">
        <v>1.3</v>
      </c>
      <c r="E10310">
        <v>6087.64</v>
      </c>
      <c r="F10310">
        <v>23.681100000000001</v>
      </c>
    </row>
    <row r="10311" spans="1:6" x14ac:dyDescent="0.25">
      <c r="A10311">
        <v>156.78</v>
      </c>
      <c r="B10311">
        <v>196.78</v>
      </c>
      <c r="C10311">
        <v>3345.45</v>
      </c>
      <c r="D10311">
        <v>1.6</v>
      </c>
      <c r="E10311">
        <v>5632.47</v>
      </c>
      <c r="F10311">
        <v>23.314900000000002</v>
      </c>
    </row>
    <row r="10312" spans="1:6" x14ac:dyDescent="0.25">
      <c r="A10312">
        <v>156.78</v>
      </c>
      <c r="B10312">
        <v>196.78</v>
      </c>
      <c r="C10312">
        <v>3345.45</v>
      </c>
      <c r="D10312">
        <v>1.9</v>
      </c>
      <c r="E10312">
        <v>5385.57</v>
      </c>
      <c r="F10312">
        <v>34.7089</v>
      </c>
    </row>
    <row r="10313" spans="1:6" x14ac:dyDescent="0.25">
      <c r="A10313">
        <v>156.78</v>
      </c>
      <c r="B10313">
        <v>196.78</v>
      </c>
      <c r="C10313">
        <v>3345.45</v>
      </c>
      <c r="D10313">
        <v>2.2000000000000002</v>
      </c>
      <c r="E10313">
        <v>5227.96</v>
      </c>
      <c r="F10313">
        <v>33.927199999999999</v>
      </c>
    </row>
    <row r="10314" spans="1:6" x14ac:dyDescent="0.25">
      <c r="A10314">
        <v>156.78</v>
      </c>
      <c r="B10314">
        <v>196.78</v>
      </c>
      <c r="C10314">
        <v>3345.45</v>
      </c>
      <c r="D10314">
        <v>2.5</v>
      </c>
      <c r="E10314">
        <v>5022.12</v>
      </c>
      <c r="F10314">
        <v>26.7746</v>
      </c>
    </row>
    <row r="10315" spans="1:6" x14ac:dyDescent="0.25">
      <c r="A10315">
        <v>156.78</v>
      </c>
      <c r="B10315">
        <v>196.78</v>
      </c>
      <c r="C10315">
        <v>3345.45</v>
      </c>
      <c r="D10315">
        <v>2.8</v>
      </c>
      <c r="E10315">
        <v>5053.37</v>
      </c>
      <c r="F10315">
        <v>23.9085</v>
      </c>
    </row>
    <row r="10316" spans="1:6" x14ac:dyDescent="0.25">
      <c r="A10316">
        <v>156.78</v>
      </c>
      <c r="B10316">
        <v>196.78</v>
      </c>
      <c r="C10316">
        <v>3345.45</v>
      </c>
      <c r="D10316">
        <v>3.1</v>
      </c>
      <c r="E10316">
        <v>4848.7700000000004</v>
      </c>
      <c r="F10316">
        <v>24.598500000000001</v>
      </c>
    </row>
    <row r="10317" spans="1:6" x14ac:dyDescent="0.25">
      <c r="A10317">
        <v>156.78</v>
      </c>
      <c r="B10317">
        <v>196.78</v>
      </c>
      <c r="C10317">
        <v>3345.45</v>
      </c>
      <c r="D10317">
        <v>3.4</v>
      </c>
      <c r="E10317">
        <v>4731.34</v>
      </c>
      <c r="F10317">
        <v>25.174499999999998</v>
      </c>
    </row>
    <row r="10318" spans="1:6" x14ac:dyDescent="0.25">
      <c r="A10318">
        <v>156.78</v>
      </c>
      <c r="B10318">
        <v>196.78</v>
      </c>
      <c r="C10318">
        <v>3345.45</v>
      </c>
      <c r="D10318">
        <v>3.7</v>
      </c>
      <c r="E10318">
        <v>4714.25</v>
      </c>
      <c r="F10318">
        <v>25.607199999999999</v>
      </c>
    </row>
    <row r="10319" spans="1:6" x14ac:dyDescent="0.25">
      <c r="A10319">
        <v>156.78</v>
      </c>
      <c r="B10319">
        <v>196.78</v>
      </c>
      <c r="C10319">
        <v>3345.45</v>
      </c>
      <c r="D10319">
        <v>4</v>
      </c>
      <c r="E10319">
        <v>4605.3999999999996</v>
      </c>
      <c r="F10319">
        <v>35.855600000000003</v>
      </c>
    </row>
    <row r="10320" spans="1:6" x14ac:dyDescent="0.25">
      <c r="A10320">
        <v>156.78</v>
      </c>
      <c r="B10320">
        <v>196.78</v>
      </c>
      <c r="C10320">
        <v>4890.8999999999996</v>
      </c>
      <c r="D10320">
        <v>1</v>
      </c>
      <c r="E10320">
        <v>6038.15</v>
      </c>
      <c r="F10320">
        <v>28.927499999999998</v>
      </c>
    </row>
    <row r="10321" spans="1:6" x14ac:dyDescent="0.25">
      <c r="A10321">
        <v>156.78</v>
      </c>
      <c r="B10321">
        <v>196.78</v>
      </c>
      <c r="C10321">
        <v>4890.8999999999996</v>
      </c>
      <c r="D10321">
        <v>1.3</v>
      </c>
      <c r="E10321">
        <v>7689.17</v>
      </c>
      <c r="F10321">
        <v>23.514800000000001</v>
      </c>
    </row>
    <row r="10322" spans="1:6" x14ac:dyDescent="0.25">
      <c r="A10322">
        <v>156.78</v>
      </c>
      <c r="B10322">
        <v>196.78</v>
      </c>
      <c r="C10322">
        <v>4890.8999999999996</v>
      </c>
      <c r="D10322">
        <v>1.6</v>
      </c>
      <c r="E10322">
        <v>5325.73</v>
      </c>
      <c r="F10322">
        <v>30.8367</v>
      </c>
    </row>
    <row r="10323" spans="1:6" x14ac:dyDescent="0.25">
      <c r="A10323">
        <v>156.78</v>
      </c>
      <c r="B10323">
        <v>196.78</v>
      </c>
      <c r="C10323">
        <v>4890.8999999999996</v>
      </c>
      <c r="D10323">
        <v>1.9</v>
      </c>
      <c r="E10323">
        <v>6968.68</v>
      </c>
      <c r="F10323">
        <v>34.7089</v>
      </c>
    </row>
    <row r="10324" spans="1:6" x14ac:dyDescent="0.25">
      <c r="A10324">
        <v>156.78</v>
      </c>
      <c r="B10324">
        <v>196.78</v>
      </c>
      <c r="C10324">
        <v>4890.8999999999996</v>
      </c>
      <c r="D10324">
        <v>2.2000000000000002</v>
      </c>
      <c r="E10324">
        <v>6766.54</v>
      </c>
      <c r="F10324">
        <v>34.403599999999997</v>
      </c>
    </row>
    <row r="10325" spans="1:6" x14ac:dyDescent="0.25">
      <c r="A10325">
        <v>156.78</v>
      </c>
      <c r="B10325">
        <v>196.78</v>
      </c>
      <c r="C10325">
        <v>4890.8999999999996</v>
      </c>
      <c r="D10325">
        <v>2.5</v>
      </c>
      <c r="E10325">
        <v>6444.02</v>
      </c>
      <c r="F10325">
        <v>33.310899999999997</v>
      </c>
    </row>
    <row r="10326" spans="1:6" x14ac:dyDescent="0.25">
      <c r="A10326">
        <v>156.78</v>
      </c>
      <c r="B10326">
        <v>196.78</v>
      </c>
      <c r="C10326">
        <v>4890.8999999999996</v>
      </c>
      <c r="D10326">
        <v>2.8</v>
      </c>
      <c r="E10326">
        <v>6377</v>
      </c>
      <c r="F10326">
        <v>32.041699999999999</v>
      </c>
    </row>
    <row r="10327" spans="1:6" x14ac:dyDescent="0.25">
      <c r="A10327">
        <v>156.78</v>
      </c>
      <c r="B10327">
        <v>196.78</v>
      </c>
      <c r="C10327">
        <v>4890.8999999999996</v>
      </c>
      <c r="D10327">
        <v>3.1</v>
      </c>
      <c r="E10327">
        <v>6155.34</v>
      </c>
      <c r="F10327">
        <v>32.408900000000003</v>
      </c>
    </row>
    <row r="10328" spans="1:6" x14ac:dyDescent="0.25">
      <c r="A10328">
        <v>156.78</v>
      </c>
      <c r="B10328">
        <v>196.78</v>
      </c>
      <c r="C10328">
        <v>4890.8999999999996</v>
      </c>
      <c r="D10328">
        <v>3.4</v>
      </c>
      <c r="E10328">
        <v>6095.38</v>
      </c>
      <c r="F10328">
        <v>32.668500000000002</v>
      </c>
    </row>
    <row r="10329" spans="1:6" x14ac:dyDescent="0.25">
      <c r="A10329">
        <v>156.78</v>
      </c>
      <c r="B10329">
        <v>196.78</v>
      </c>
      <c r="C10329">
        <v>4890.8999999999996</v>
      </c>
      <c r="D10329">
        <v>3.7</v>
      </c>
      <c r="E10329">
        <v>5970.81</v>
      </c>
      <c r="F10329">
        <v>32.835799999999999</v>
      </c>
    </row>
    <row r="10330" spans="1:6" x14ac:dyDescent="0.25">
      <c r="A10330">
        <v>156.78</v>
      </c>
      <c r="B10330">
        <v>196.78</v>
      </c>
      <c r="C10330">
        <v>4890.8999999999996</v>
      </c>
      <c r="D10330">
        <v>4</v>
      </c>
      <c r="E10330">
        <v>6007.95</v>
      </c>
      <c r="F10330">
        <v>37.009399999999999</v>
      </c>
    </row>
    <row r="10331" spans="1:6" x14ac:dyDescent="0.25">
      <c r="A10331">
        <v>156.78</v>
      </c>
      <c r="B10331">
        <v>196.78</v>
      </c>
      <c r="C10331">
        <v>6436.35</v>
      </c>
      <c r="D10331">
        <v>1</v>
      </c>
      <c r="E10331">
        <v>6038.15</v>
      </c>
      <c r="F10331">
        <v>28.927499999999998</v>
      </c>
    </row>
    <row r="10332" spans="1:6" x14ac:dyDescent="0.25">
      <c r="A10332">
        <v>156.78</v>
      </c>
      <c r="B10332">
        <v>196.78</v>
      </c>
      <c r="C10332">
        <v>6436.35</v>
      </c>
      <c r="D10332">
        <v>1.3</v>
      </c>
      <c r="E10332">
        <v>9485.67</v>
      </c>
      <c r="F10332">
        <v>23.514800000000001</v>
      </c>
    </row>
    <row r="10333" spans="1:6" x14ac:dyDescent="0.25">
      <c r="A10333">
        <v>156.78</v>
      </c>
      <c r="B10333">
        <v>196.78</v>
      </c>
      <c r="C10333">
        <v>6436.35</v>
      </c>
      <c r="D10333">
        <v>1.6</v>
      </c>
      <c r="E10333">
        <v>5325.73</v>
      </c>
      <c r="F10333">
        <v>30.8367</v>
      </c>
    </row>
    <row r="10334" spans="1:6" x14ac:dyDescent="0.25">
      <c r="A10334">
        <v>156.78</v>
      </c>
      <c r="B10334">
        <v>196.78</v>
      </c>
      <c r="C10334">
        <v>6436.35</v>
      </c>
      <c r="D10334">
        <v>1.9</v>
      </c>
      <c r="E10334">
        <v>8464.44</v>
      </c>
      <c r="F10334">
        <v>34.7089</v>
      </c>
    </row>
    <row r="10335" spans="1:6" x14ac:dyDescent="0.25">
      <c r="A10335">
        <v>156.78</v>
      </c>
      <c r="B10335">
        <v>196.78</v>
      </c>
      <c r="C10335">
        <v>6436.35</v>
      </c>
      <c r="D10335">
        <v>2.2000000000000002</v>
      </c>
      <c r="E10335">
        <v>8323.18</v>
      </c>
      <c r="F10335">
        <v>34.403599999999997</v>
      </c>
    </row>
    <row r="10336" spans="1:6" x14ac:dyDescent="0.25">
      <c r="A10336">
        <v>156.78</v>
      </c>
      <c r="B10336">
        <v>196.78</v>
      </c>
      <c r="C10336">
        <v>6436.35</v>
      </c>
      <c r="D10336">
        <v>2.5</v>
      </c>
      <c r="E10336">
        <v>8092.32</v>
      </c>
      <c r="F10336">
        <v>33.310899999999997</v>
      </c>
    </row>
    <row r="10337" spans="1:6" x14ac:dyDescent="0.25">
      <c r="A10337">
        <v>156.78</v>
      </c>
      <c r="B10337">
        <v>196.78</v>
      </c>
      <c r="C10337">
        <v>6436.35</v>
      </c>
      <c r="D10337">
        <v>2.8</v>
      </c>
      <c r="E10337">
        <v>7800.68</v>
      </c>
      <c r="F10337">
        <v>32.041699999999999</v>
      </c>
    </row>
    <row r="10338" spans="1:6" x14ac:dyDescent="0.25">
      <c r="A10338">
        <v>156.78</v>
      </c>
      <c r="B10338">
        <v>196.78</v>
      </c>
      <c r="C10338">
        <v>6436.35</v>
      </c>
      <c r="D10338">
        <v>3.1</v>
      </c>
      <c r="E10338">
        <v>7707.52</v>
      </c>
      <c r="F10338">
        <v>32.408900000000003</v>
      </c>
    </row>
    <row r="10339" spans="1:6" x14ac:dyDescent="0.25">
      <c r="A10339">
        <v>156.78</v>
      </c>
      <c r="B10339">
        <v>196.78</v>
      </c>
      <c r="C10339">
        <v>6436.35</v>
      </c>
      <c r="D10339">
        <v>3.4</v>
      </c>
      <c r="E10339">
        <v>7599.42</v>
      </c>
      <c r="F10339">
        <v>32.668500000000002</v>
      </c>
    </row>
    <row r="10340" spans="1:6" x14ac:dyDescent="0.25">
      <c r="A10340">
        <v>156.78</v>
      </c>
      <c r="B10340">
        <v>196.78</v>
      </c>
      <c r="C10340">
        <v>6436.35</v>
      </c>
      <c r="D10340">
        <v>3.7</v>
      </c>
      <c r="E10340">
        <v>7524.81</v>
      </c>
      <c r="F10340">
        <v>32.835799999999999</v>
      </c>
    </row>
    <row r="10341" spans="1:6" x14ac:dyDescent="0.25">
      <c r="A10341">
        <v>156.78</v>
      </c>
      <c r="B10341">
        <v>196.78</v>
      </c>
      <c r="C10341">
        <v>6436.35</v>
      </c>
      <c r="D10341">
        <v>4</v>
      </c>
      <c r="E10341">
        <v>7578.97</v>
      </c>
      <c r="F10341">
        <v>37.009399999999999</v>
      </c>
    </row>
    <row r="10342" spans="1:6" x14ac:dyDescent="0.25">
      <c r="A10342">
        <v>156.78</v>
      </c>
      <c r="B10342">
        <v>196.78</v>
      </c>
      <c r="C10342">
        <v>7981.8</v>
      </c>
      <c r="D10342">
        <v>1</v>
      </c>
      <c r="E10342">
        <v>6038.15</v>
      </c>
      <c r="F10342">
        <v>28.927499999999998</v>
      </c>
    </row>
    <row r="10343" spans="1:6" x14ac:dyDescent="0.25">
      <c r="A10343">
        <v>156.78</v>
      </c>
      <c r="B10343">
        <v>196.78</v>
      </c>
      <c r="C10343">
        <v>7981.8</v>
      </c>
      <c r="D10343">
        <v>1.3</v>
      </c>
      <c r="E10343">
        <v>10750.2</v>
      </c>
      <c r="F10343">
        <v>23.514800000000001</v>
      </c>
    </row>
    <row r="10344" spans="1:6" x14ac:dyDescent="0.25">
      <c r="A10344">
        <v>156.78</v>
      </c>
      <c r="B10344">
        <v>196.78</v>
      </c>
      <c r="C10344">
        <v>7981.8</v>
      </c>
      <c r="D10344">
        <v>1.6</v>
      </c>
      <c r="E10344">
        <v>5325.73</v>
      </c>
      <c r="F10344">
        <v>30.8367</v>
      </c>
    </row>
    <row r="10345" spans="1:6" x14ac:dyDescent="0.25">
      <c r="A10345">
        <v>156.78</v>
      </c>
      <c r="B10345">
        <v>196.78</v>
      </c>
      <c r="C10345">
        <v>7981.8</v>
      </c>
      <c r="D10345">
        <v>1.9</v>
      </c>
      <c r="E10345">
        <v>10102.6</v>
      </c>
      <c r="F10345">
        <v>34.7089</v>
      </c>
    </row>
    <row r="10346" spans="1:6" x14ac:dyDescent="0.25">
      <c r="A10346">
        <v>156.78</v>
      </c>
      <c r="B10346">
        <v>196.78</v>
      </c>
      <c r="C10346">
        <v>7981.8</v>
      </c>
      <c r="D10346">
        <v>2.2000000000000002</v>
      </c>
      <c r="E10346">
        <v>9739.48</v>
      </c>
      <c r="F10346">
        <v>34.403599999999997</v>
      </c>
    </row>
    <row r="10347" spans="1:6" x14ac:dyDescent="0.25">
      <c r="A10347">
        <v>156.78</v>
      </c>
      <c r="B10347">
        <v>196.78</v>
      </c>
      <c r="C10347">
        <v>7981.8</v>
      </c>
      <c r="D10347">
        <v>2.5</v>
      </c>
      <c r="E10347">
        <v>9562.31</v>
      </c>
      <c r="F10347">
        <v>33.310899999999997</v>
      </c>
    </row>
    <row r="10348" spans="1:6" x14ac:dyDescent="0.25">
      <c r="A10348">
        <v>156.78</v>
      </c>
      <c r="B10348">
        <v>196.78</v>
      </c>
      <c r="C10348">
        <v>7981.8</v>
      </c>
      <c r="D10348">
        <v>2.8</v>
      </c>
      <c r="E10348">
        <v>9413.24</v>
      </c>
      <c r="F10348">
        <v>32.041699999999999</v>
      </c>
    </row>
    <row r="10349" spans="1:6" x14ac:dyDescent="0.25">
      <c r="A10349">
        <v>156.78</v>
      </c>
      <c r="B10349">
        <v>196.78</v>
      </c>
      <c r="C10349">
        <v>7981.8</v>
      </c>
      <c r="D10349">
        <v>3.1</v>
      </c>
      <c r="E10349">
        <v>9256.07</v>
      </c>
      <c r="F10349">
        <v>32.408900000000003</v>
      </c>
    </row>
    <row r="10350" spans="1:6" x14ac:dyDescent="0.25">
      <c r="A10350">
        <v>156.78</v>
      </c>
      <c r="B10350">
        <v>196.78</v>
      </c>
      <c r="C10350">
        <v>7981.8</v>
      </c>
      <c r="D10350">
        <v>3.4</v>
      </c>
      <c r="E10350">
        <v>9124.48</v>
      </c>
      <c r="F10350">
        <v>32.668500000000002</v>
      </c>
    </row>
    <row r="10351" spans="1:6" x14ac:dyDescent="0.25">
      <c r="A10351">
        <v>156.78</v>
      </c>
      <c r="B10351">
        <v>196.78</v>
      </c>
      <c r="C10351">
        <v>7981.8</v>
      </c>
      <c r="D10351">
        <v>3.7</v>
      </c>
      <c r="E10351">
        <v>9015.27</v>
      </c>
      <c r="F10351">
        <v>32.835799999999999</v>
      </c>
    </row>
    <row r="10352" spans="1:6" x14ac:dyDescent="0.25">
      <c r="A10352">
        <v>156.78</v>
      </c>
      <c r="B10352">
        <v>196.78</v>
      </c>
      <c r="C10352">
        <v>7981.8</v>
      </c>
      <c r="D10352">
        <v>4</v>
      </c>
      <c r="E10352">
        <v>9051.36</v>
      </c>
      <c r="F10352">
        <v>37.009399999999999</v>
      </c>
    </row>
    <row r="10353" spans="1:6" x14ac:dyDescent="0.25">
      <c r="A10353">
        <v>156.78</v>
      </c>
      <c r="B10353">
        <v>196.78</v>
      </c>
      <c r="C10353">
        <v>9527.25</v>
      </c>
      <c r="D10353">
        <v>1</v>
      </c>
      <c r="E10353">
        <v>6038.15</v>
      </c>
      <c r="F10353">
        <v>28.927499999999998</v>
      </c>
    </row>
    <row r="10354" spans="1:6" x14ac:dyDescent="0.25">
      <c r="A10354">
        <v>156.78</v>
      </c>
      <c r="B10354">
        <v>196.78</v>
      </c>
      <c r="C10354">
        <v>9527.25</v>
      </c>
      <c r="D10354">
        <v>1.3</v>
      </c>
      <c r="E10354">
        <v>12472.9</v>
      </c>
      <c r="F10354">
        <v>23.514800000000001</v>
      </c>
    </row>
    <row r="10355" spans="1:6" x14ac:dyDescent="0.25">
      <c r="A10355">
        <v>156.78</v>
      </c>
      <c r="B10355">
        <v>196.78</v>
      </c>
      <c r="C10355">
        <v>9527.25</v>
      </c>
      <c r="D10355">
        <v>1.6</v>
      </c>
      <c r="E10355">
        <v>5325.73</v>
      </c>
      <c r="F10355">
        <v>30.8367</v>
      </c>
    </row>
    <row r="10356" spans="1:6" x14ac:dyDescent="0.25">
      <c r="A10356">
        <v>156.78</v>
      </c>
      <c r="B10356">
        <v>196.78</v>
      </c>
      <c r="C10356">
        <v>9527.25</v>
      </c>
      <c r="D10356">
        <v>1.9</v>
      </c>
      <c r="E10356">
        <v>11646</v>
      </c>
      <c r="F10356">
        <v>34.7089</v>
      </c>
    </row>
    <row r="10357" spans="1:6" x14ac:dyDescent="0.25">
      <c r="A10357">
        <v>156.78</v>
      </c>
      <c r="B10357">
        <v>196.78</v>
      </c>
      <c r="C10357">
        <v>9527.25</v>
      </c>
      <c r="D10357">
        <v>2.2000000000000002</v>
      </c>
      <c r="E10357">
        <v>11385.8</v>
      </c>
      <c r="F10357">
        <v>34.403599999999997</v>
      </c>
    </row>
    <row r="10358" spans="1:6" x14ac:dyDescent="0.25">
      <c r="A10358">
        <v>156.78</v>
      </c>
      <c r="B10358">
        <v>196.78</v>
      </c>
      <c r="C10358">
        <v>9527.25</v>
      </c>
      <c r="D10358">
        <v>2.5</v>
      </c>
      <c r="E10358">
        <v>11202.5</v>
      </c>
      <c r="F10358">
        <v>33.310899999999997</v>
      </c>
    </row>
    <row r="10359" spans="1:6" x14ac:dyDescent="0.25">
      <c r="A10359">
        <v>156.78</v>
      </c>
      <c r="B10359">
        <v>196.78</v>
      </c>
      <c r="C10359">
        <v>9527.25</v>
      </c>
      <c r="D10359">
        <v>2.8</v>
      </c>
      <c r="E10359">
        <v>10900</v>
      </c>
      <c r="F10359">
        <v>32.041699999999999</v>
      </c>
    </row>
    <row r="10360" spans="1:6" x14ac:dyDescent="0.25">
      <c r="A10360">
        <v>156.78</v>
      </c>
      <c r="B10360">
        <v>196.78</v>
      </c>
      <c r="C10360">
        <v>9527.25</v>
      </c>
      <c r="D10360">
        <v>3.1</v>
      </c>
      <c r="E10360">
        <v>10839.5</v>
      </c>
      <c r="F10360">
        <v>32.408900000000003</v>
      </c>
    </row>
    <row r="10361" spans="1:6" x14ac:dyDescent="0.25">
      <c r="A10361">
        <v>156.78</v>
      </c>
      <c r="B10361">
        <v>196.78</v>
      </c>
      <c r="C10361">
        <v>9527.25</v>
      </c>
      <c r="D10361">
        <v>3.4</v>
      </c>
      <c r="E10361">
        <v>10715.8</v>
      </c>
      <c r="F10361">
        <v>32.668500000000002</v>
      </c>
    </row>
    <row r="10362" spans="1:6" x14ac:dyDescent="0.25">
      <c r="A10362">
        <v>156.78</v>
      </c>
      <c r="B10362">
        <v>196.78</v>
      </c>
      <c r="C10362">
        <v>9527.25</v>
      </c>
      <c r="D10362">
        <v>3.7</v>
      </c>
      <c r="E10362">
        <v>10621.6</v>
      </c>
      <c r="F10362">
        <v>32.835799999999999</v>
      </c>
    </row>
    <row r="10363" spans="1:6" x14ac:dyDescent="0.25">
      <c r="A10363">
        <v>156.78</v>
      </c>
      <c r="B10363">
        <v>196.78</v>
      </c>
      <c r="C10363">
        <v>9527.25</v>
      </c>
      <c r="D10363">
        <v>4</v>
      </c>
      <c r="E10363">
        <v>10592.3</v>
      </c>
      <c r="F10363">
        <v>37.009399999999999</v>
      </c>
    </row>
    <row r="10364" spans="1:6" x14ac:dyDescent="0.25">
      <c r="A10364">
        <v>156.78</v>
      </c>
      <c r="B10364">
        <v>196.78</v>
      </c>
      <c r="C10364">
        <v>11072.7</v>
      </c>
      <c r="D10364">
        <v>1</v>
      </c>
      <c r="E10364">
        <v>6038.15</v>
      </c>
      <c r="F10364">
        <v>28.927499999999998</v>
      </c>
    </row>
    <row r="10365" spans="1:6" x14ac:dyDescent="0.25">
      <c r="A10365">
        <v>156.78</v>
      </c>
      <c r="B10365">
        <v>196.78</v>
      </c>
      <c r="C10365">
        <v>11072.7</v>
      </c>
      <c r="D10365">
        <v>1.3</v>
      </c>
      <c r="E10365">
        <v>14131.5</v>
      </c>
      <c r="F10365">
        <v>23.514800000000001</v>
      </c>
    </row>
    <row r="10366" spans="1:6" x14ac:dyDescent="0.25">
      <c r="A10366">
        <v>156.78</v>
      </c>
      <c r="B10366">
        <v>196.78</v>
      </c>
      <c r="C10366">
        <v>11072.7</v>
      </c>
      <c r="D10366">
        <v>1.6</v>
      </c>
      <c r="E10366">
        <v>5325.73</v>
      </c>
      <c r="F10366">
        <v>30.8367</v>
      </c>
    </row>
    <row r="10367" spans="1:6" x14ac:dyDescent="0.25">
      <c r="A10367">
        <v>156.78</v>
      </c>
      <c r="B10367">
        <v>196.78</v>
      </c>
      <c r="C10367">
        <v>11072.7</v>
      </c>
      <c r="D10367">
        <v>1.9</v>
      </c>
      <c r="E10367">
        <v>13044.4</v>
      </c>
      <c r="F10367">
        <v>34.7089</v>
      </c>
    </row>
    <row r="10368" spans="1:6" x14ac:dyDescent="0.25">
      <c r="A10368">
        <v>156.78</v>
      </c>
      <c r="B10368">
        <v>196.78</v>
      </c>
      <c r="C10368">
        <v>11072.7</v>
      </c>
      <c r="D10368">
        <v>2.2000000000000002</v>
      </c>
      <c r="E10368">
        <v>12939.4</v>
      </c>
      <c r="F10368">
        <v>34.403599999999997</v>
      </c>
    </row>
    <row r="10369" spans="1:6" x14ac:dyDescent="0.25">
      <c r="A10369">
        <v>156.78</v>
      </c>
      <c r="B10369">
        <v>196.78</v>
      </c>
      <c r="C10369">
        <v>11072.7</v>
      </c>
      <c r="D10369">
        <v>2.5</v>
      </c>
      <c r="E10369">
        <v>12671.2</v>
      </c>
      <c r="F10369">
        <v>33.310899999999997</v>
      </c>
    </row>
    <row r="10370" spans="1:6" x14ac:dyDescent="0.25">
      <c r="A10370">
        <v>156.78</v>
      </c>
      <c r="B10370">
        <v>196.78</v>
      </c>
      <c r="C10370">
        <v>11072.7</v>
      </c>
      <c r="D10370">
        <v>2.8</v>
      </c>
      <c r="E10370">
        <v>12469.2</v>
      </c>
      <c r="F10370">
        <v>32.041699999999999</v>
      </c>
    </row>
    <row r="10371" spans="1:6" x14ac:dyDescent="0.25">
      <c r="A10371">
        <v>156.78</v>
      </c>
      <c r="B10371">
        <v>196.78</v>
      </c>
      <c r="C10371">
        <v>11072.7</v>
      </c>
      <c r="D10371">
        <v>3.1</v>
      </c>
      <c r="E10371">
        <v>12352.9</v>
      </c>
      <c r="F10371">
        <v>32.408900000000003</v>
      </c>
    </row>
    <row r="10372" spans="1:6" x14ac:dyDescent="0.25">
      <c r="A10372">
        <v>156.78</v>
      </c>
      <c r="B10372">
        <v>196.78</v>
      </c>
      <c r="C10372">
        <v>11072.7</v>
      </c>
      <c r="D10372">
        <v>3.4</v>
      </c>
      <c r="E10372">
        <v>12272.6</v>
      </c>
      <c r="F10372">
        <v>32.668500000000002</v>
      </c>
    </row>
    <row r="10373" spans="1:6" x14ac:dyDescent="0.25">
      <c r="A10373">
        <v>156.78</v>
      </c>
      <c r="B10373">
        <v>196.78</v>
      </c>
      <c r="C10373">
        <v>11072.7</v>
      </c>
      <c r="D10373">
        <v>3.7</v>
      </c>
      <c r="E10373">
        <v>12175</v>
      </c>
      <c r="F10373">
        <v>32.835799999999999</v>
      </c>
    </row>
    <row r="10374" spans="1:6" x14ac:dyDescent="0.25">
      <c r="A10374">
        <v>156.78</v>
      </c>
      <c r="B10374">
        <v>196.78</v>
      </c>
      <c r="C10374">
        <v>11072.7</v>
      </c>
      <c r="D10374">
        <v>4</v>
      </c>
      <c r="E10374">
        <v>12178.1</v>
      </c>
      <c r="F10374">
        <v>37.009399999999999</v>
      </c>
    </row>
    <row r="10375" spans="1:6" x14ac:dyDescent="0.25">
      <c r="A10375">
        <v>156.78</v>
      </c>
      <c r="B10375">
        <v>196.78</v>
      </c>
      <c r="C10375">
        <v>12618.2</v>
      </c>
      <c r="D10375">
        <v>1</v>
      </c>
      <c r="E10375">
        <v>6038.15</v>
      </c>
      <c r="F10375">
        <v>28.927499999999998</v>
      </c>
    </row>
    <row r="10376" spans="1:6" x14ac:dyDescent="0.25">
      <c r="A10376">
        <v>156.78</v>
      </c>
      <c r="B10376">
        <v>196.78</v>
      </c>
      <c r="C10376">
        <v>12618.2</v>
      </c>
      <c r="D10376">
        <v>1.3</v>
      </c>
      <c r="E10376">
        <v>15531</v>
      </c>
      <c r="F10376">
        <v>23.514800000000001</v>
      </c>
    </row>
    <row r="10377" spans="1:6" x14ac:dyDescent="0.25">
      <c r="A10377">
        <v>156.78</v>
      </c>
      <c r="B10377">
        <v>196.78</v>
      </c>
      <c r="C10377">
        <v>12618.2</v>
      </c>
      <c r="D10377">
        <v>1.6</v>
      </c>
      <c r="E10377">
        <v>5325.73</v>
      </c>
      <c r="F10377">
        <v>30.8367</v>
      </c>
    </row>
    <row r="10378" spans="1:6" x14ac:dyDescent="0.25">
      <c r="A10378">
        <v>156.78</v>
      </c>
      <c r="B10378">
        <v>196.78</v>
      </c>
      <c r="C10378">
        <v>12618.2</v>
      </c>
      <c r="D10378">
        <v>1.9</v>
      </c>
      <c r="E10378">
        <v>14722</v>
      </c>
      <c r="F10378">
        <v>34.7089</v>
      </c>
    </row>
    <row r="10379" spans="1:6" x14ac:dyDescent="0.25">
      <c r="A10379">
        <v>156.78</v>
      </c>
      <c r="B10379">
        <v>196.78</v>
      </c>
      <c r="C10379">
        <v>12618.2</v>
      </c>
      <c r="D10379">
        <v>2.2000000000000002</v>
      </c>
      <c r="E10379">
        <v>14454</v>
      </c>
      <c r="F10379">
        <v>34.403599999999997</v>
      </c>
    </row>
    <row r="10380" spans="1:6" x14ac:dyDescent="0.25">
      <c r="A10380">
        <v>156.78</v>
      </c>
      <c r="B10380">
        <v>196.78</v>
      </c>
      <c r="C10380">
        <v>12618.2</v>
      </c>
      <c r="D10380">
        <v>2.5</v>
      </c>
      <c r="E10380">
        <v>14144.5</v>
      </c>
      <c r="F10380">
        <v>33.310899999999997</v>
      </c>
    </row>
    <row r="10381" spans="1:6" x14ac:dyDescent="0.25">
      <c r="A10381">
        <v>156.78</v>
      </c>
      <c r="B10381">
        <v>196.78</v>
      </c>
      <c r="C10381">
        <v>12618.2</v>
      </c>
      <c r="D10381">
        <v>2.8</v>
      </c>
      <c r="E10381">
        <v>14016.1</v>
      </c>
      <c r="F10381">
        <v>32.041699999999999</v>
      </c>
    </row>
    <row r="10382" spans="1:6" x14ac:dyDescent="0.25">
      <c r="A10382">
        <v>156.78</v>
      </c>
      <c r="B10382">
        <v>196.78</v>
      </c>
      <c r="C10382">
        <v>12618.2</v>
      </c>
      <c r="D10382">
        <v>3.1</v>
      </c>
      <c r="E10382">
        <v>13924.8</v>
      </c>
      <c r="F10382">
        <v>32.408900000000003</v>
      </c>
    </row>
    <row r="10383" spans="1:6" x14ac:dyDescent="0.25">
      <c r="A10383">
        <v>156.78</v>
      </c>
      <c r="B10383">
        <v>196.78</v>
      </c>
      <c r="C10383">
        <v>12618.2</v>
      </c>
      <c r="D10383">
        <v>3.4</v>
      </c>
      <c r="E10383">
        <v>13774.5</v>
      </c>
      <c r="F10383">
        <v>32.668500000000002</v>
      </c>
    </row>
    <row r="10384" spans="1:6" x14ac:dyDescent="0.25">
      <c r="A10384">
        <v>156.78</v>
      </c>
      <c r="B10384">
        <v>196.78</v>
      </c>
      <c r="C10384">
        <v>12618.2</v>
      </c>
      <c r="D10384">
        <v>3.7</v>
      </c>
      <c r="E10384">
        <v>13666.1</v>
      </c>
      <c r="F10384">
        <v>32.835799999999999</v>
      </c>
    </row>
    <row r="10385" spans="1:6" x14ac:dyDescent="0.25">
      <c r="A10385">
        <v>156.78</v>
      </c>
      <c r="B10385">
        <v>196.78</v>
      </c>
      <c r="C10385">
        <v>12618.2</v>
      </c>
      <c r="D10385">
        <v>4</v>
      </c>
      <c r="E10385">
        <v>13705.8</v>
      </c>
      <c r="F10385">
        <v>37.009399999999999</v>
      </c>
    </row>
    <row r="10386" spans="1:6" x14ac:dyDescent="0.25">
      <c r="A10386">
        <v>156.78</v>
      </c>
      <c r="B10386">
        <v>196.78</v>
      </c>
      <c r="C10386">
        <v>14163.6</v>
      </c>
      <c r="D10386">
        <v>1</v>
      </c>
      <c r="E10386">
        <v>6038.15</v>
      </c>
      <c r="F10386">
        <v>28.927499999999998</v>
      </c>
    </row>
    <row r="10387" spans="1:6" x14ac:dyDescent="0.25">
      <c r="A10387">
        <v>156.78</v>
      </c>
      <c r="B10387">
        <v>196.78</v>
      </c>
      <c r="C10387">
        <v>14163.6</v>
      </c>
      <c r="D10387">
        <v>1.3</v>
      </c>
      <c r="E10387">
        <v>17106.900000000001</v>
      </c>
      <c r="F10387">
        <v>23.514800000000001</v>
      </c>
    </row>
    <row r="10388" spans="1:6" x14ac:dyDescent="0.25">
      <c r="A10388">
        <v>156.78</v>
      </c>
      <c r="B10388">
        <v>196.78</v>
      </c>
      <c r="C10388">
        <v>14163.6</v>
      </c>
      <c r="D10388">
        <v>1.6</v>
      </c>
      <c r="E10388">
        <v>5325.73</v>
      </c>
      <c r="F10388">
        <v>30.8367</v>
      </c>
    </row>
    <row r="10389" spans="1:6" x14ac:dyDescent="0.25">
      <c r="A10389">
        <v>156.78</v>
      </c>
      <c r="B10389">
        <v>196.78</v>
      </c>
      <c r="C10389">
        <v>14163.6</v>
      </c>
      <c r="D10389">
        <v>1.9</v>
      </c>
      <c r="E10389">
        <v>16192</v>
      </c>
      <c r="F10389">
        <v>34.7089</v>
      </c>
    </row>
    <row r="10390" spans="1:6" x14ac:dyDescent="0.25">
      <c r="A10390">
        <v>156.78</v>
      </c>
      <c r="B10390">
        <v>196.78</v>
      </c>
      <c r="C10390">
        <v>14163.6</v>
      </c>
      <c r="D10390">
        <v>2.2000000000000002</v>
      </c>
      <c r="E10390">
        <v>15984.7</v>
      </c>
      <c r="F10390">
        <v>34.403599999999997</v>
      </c>
    </row>
    <row r="10391" spans="1:6" x14ac:dyDescent="0.25">
      <c r="A10391">
        <v>156.78</v>
      </c>
      <c r="B10391">
        <v>196.78</v>
      </c>
      <c r="C10391">
        <v>14163.6</v>
      </c>
      <c r="D10391">
        <v>2.5</v>
      </c>
      <c r="E10391">
        <v>15803.7</v>
      </c>
      <c r="F10391">
        <v>33.310899999999997</v>
      </c>
    </row>
    <row r="10392" spans="1:6" x14ac:dyDescent="0.25">
      <c r="A10392">
        <v>156.78</v>
      </c>
      <c r="B10392">
        <v>196.78</v>
      </c>
      <c r="C10392">
        <v>14163.6</v>
      </c>
      <c r="D10392">
        <v>2.8</v>
      </c>
      <c r="E10392">
        <v>15613.3</v>
      </c>
      <c r="F10392">
        <v>32.041699999999999</v>
      </c>
    </row>
    <row r="10393" spans="1:6" x14ac:dyDescent="0.25">
      <c r="A10393">
        <v>156.78</v>
      </c>
      <c r="B10393">
        <v>196.78</v>
      </c>
      <c r="C10393">
        <v>14163.6</v>
      </c>
      <c r="D10393">
        <v>3.1</v>
      </c>
      <c r="E10393">
        <v>15492.8</v>
      </c>
      <c r="F10393">
        <v>32.408900000000003</v>
      </c>
    </row>
    <row r="10394" spans="1:6" x14ac:dyDescent="0.25">
      <c r="A10394">
        <v>156.78</v>
      </c>
      <c r="B10394">
        <v>196.78</v>
      </c>
      <c r="C10394">
        <v>14163.6</v>
      </c>
      <c r="D10394">
        <v>3.4</v>
      </c>
      <c r="E10394">
        <v>15302.4</v>
      </c>
      <c r="F10394">
        <v>32.668500000000002</v>
      </c>
    </row>
    <row r="10395" spans="1:6" x14ac:dyDescent="0.25">
      <c r="A10395">
        <v>156.78</v>
      </c>
      <c r="B10395">
        <v>196.78</v>
      </c>
      <c r="C10395">
        <v>14163.6</v>
      </c>
      <c r="D10395">
        <v>3.7</v>
      </c>
      <c r="E10395">
        <v>15201.6</v>
      </c>
      <c r="F10395">
        <v>32.835799999999999</v>
      </c>
    </row>
    <row r="10396" spans="1:6" x14ac:dyDescent="0.25">
      <c r="A10396">
        <v>156.78</v>
      </c>
      <c r="B10396">
        <v>196.78</v>
      </c>
      <c r="C10396">
        <v>14163.6</v>
      </c>
      <c r="D10396">
        <v>4</v>
      </c>
      <c r="E10396">
        <v>15173.1</v>
      </c>
      <c r="F10396">
        <v>37.009399999999999</v>
      </c>
    </row>
    <row r="10397" spans="1:6" x14ac:dyDescent="0.25">
      <c r="A10397">
        <v>156.78</v>
      </c>
      <c r="B10397">
        <v>196.78</v>
      </c>
      <c r="C10397">
        <v>15709.1</v>
      </c>
      <c r="D10397">
        <v>1</v>
      </c>
      <c r="E10397">
        <v>6038.15</v>
      </c>
      <c r="F10397">
        <v>28.927499999999998</v>
      </c>
    </row>
    <row r="10398" spans="1:6" x14ac:dyDescent="0.25">
      <c r="A10398">
        <v>156.78</v>
      </c>
      <c r="B10398">
        <v>196.78</v>
      </c>
      <c r="C10398">
        <v>15709.1</v>
      </c>
      <c r="D10398">
        <v>1.3</v>
      </c>
      <c r="E10398">
        <v>18615.3</v>
      </c>
      <c r="F10398">
        <v>23.514800000000001</v>
      </c>
    </row>
    <row r="10399" spans="1:6" x14ac:dyDescent="0.25">
      <c r="A10399">
        <v>156.78</v>
      </c>
      <c r="B10399">
        <v>196.78</v>
      </c>
      <c r="C10399">
        <v>15709.1</v>
      </c>
      <c r="D10399">
        <v>1.6</v>
      </c>
      <c r="E10399">
        <v>5325.73</v>
      </c>
      <c r="F10399">
        <v>30.8367</v>
      </c>
    </row>
    <row r="10400" spans="1:6" x14ac:dyDescent="0.25">
      <c r="A10400">
        <v>156.78</v>
      </c>
      <c r="B10400">
        <v>196.78</v>
      </c>
      <c r="C10400">
        <v>15709.1</v>
      </c>
      <c r="D10400">
        <v>1.9</v>
      </c>
      <c r="E10400">
        <v>17690.5</v>
      </c>
      <c r="F10400">
        <v>34.7089</v>
      </c>
    </row>
    <row r="10401" spans="1:6" x14ac:dyDescent="0.25">
      <c r="A10401">
        <v>156.78</v>
      </c>
      <c r="B10401">
        <v>196.78</v>
      </c>
      <c r="C10401">
        <v>15709.1</v>
      </c>
      <c r="D10401">
        <v>2.2000000000000002</v>
      </c>
      <c r="E10401">
        <v>17548.2</v>
      </c>
      <c r="F10401">
        <v>34.403599999999997</v>
      </c>
    </row>
    <row r="10402" spans="1:6" x14ac:dyDescent="0.25">
      <c r="A10402">
        <v>156.78</v>
      </c>
      <c r="B10402">
        <v>196.78</v>
      </c>
      <c r="C10402">
        <v>15709.1</v>
      </c>
      <c r="D10402">
        <v>2.5</v>
      </c>
      <c r="E10402">
        <v>17323.099999999999</v>
      </c>
      <c r="F10402">
        <v>33.310899999999997</v>
      </c>
    </row>
    <row r="10403" spans="1:6" x14ac:dyDescent="0.25">
      <c r="A10403">
        <v>156.78</v>
      </c>
      <c r="B10403">
        <v>196.78</v>
      </c>
      <c r="C10403">
        <v>15709.1</v>
      </c>
      <c r="D10403">
        <v>2.8</v>
      </c>
      <c r="E10403">
        <v>17132.400000000001</v>
      </c>
      <c r="F10403">
        <v>32.041699999999999</v>
      </c>
    </row>
    <row r="10404" spans="1:6" x14ac:dyDescent="0.25">
      <c r="A10404">
        <v>156.78</v>
      </c>
      <c r="B10404">
        <v>196.78</v>
      </c>
      <c r="C10404">
        <v>15709.1</v>
      </c>
      <c r="D10404">
        <v>3.1</v>
      </c>
      <c r="E10404">
        <v>16949</v>
      </c>
      <c r="F10404">
        <v>32.408900000000003</v>
      </c>
    </row>
    <row r="10405" spans="1:6" x14ac:dyDescent="0.25">
      <c r="A10405">
        <v>156.78</v>
      </c>
      <c r="B10405">
        <v>196.78</v>
      </c>
      <c r="C10405">
        <v>15709.1</v>
      </c>
      <c r="D10405">
        <v>3.4</v>
      </c>
      <c r="E10405">
        <v>16883.400000000001</v>
      </c>
      <c r="F10405">
        <v>32.668500000000002</v>
      </c>
    </row>
    <row r="10406" spans="1:6" x14ac:dyDescent="0.25">
      <c r="A10406">
        <v>156.78</v>
      </c>
      <c r="B10406">
        <v>196.78</v>
      </c>
      <c r="C10406">
        <v>15709.1</v>
      </c>
      <c r="D10406">
        <v>3.7</v>
      </c>
      <c r="E10406">
        <v>16752.8</v>
      </c>
      <c r="F10406">
        <v>32.835799999999999</v>
      </c>
    </row>
    <row r="10407" spans="1:6" x14ac:dyDescent="0.25">
      <c r="A10407">
        <v>156.78</v>
      </c>
      <c r="B10407">
        <v>196.78</v>
      </c>
      <c r="C10407">
        <v>15709.1</v>
      </c>
      <c r="D10407">
        <v>4</v>
      </c>
      <c r="E10407">
        <v>16707.099999999999</v>
      </c>
      <c r="F10407">
        <v>37.009399999999999</v>
      </c>
    </row>
    <row r="10408" spans="1:6" x14ac:dyDescent="0.25">
      <c r="A10408">
        <v>156.78</v>
      </c>
      <c r="B10408">
        <v>196.78</v>
      </c>
      <c r="C10408">
        <v>17254.5</v>
      </c>
      <c r="D10408">
        <v>1</v>
      </c>
      <c r="E10408">
        <v>6038.15</v>
      </c>
      <c r="F10408">
        <v>28.927499999999998</v>
      </c>
    </row>
    <row r="10409" spans="1:6" x14ac:dyDescent="0.25">
      <c r="A10409">
        <v>156.78</v>
      </c>
      <c r="B10409">
        <v>196.78</v>
      </c>
      <c r="C10409">
        <v>17254.5</v>
      </c>
      <c r="D10409">
        <v>1.3</v>
      </c>
      <c r="E10409">
        <v>20171.900000000001</v>
      </c>
      <c r="F10409">
        <v>23.514800000000001</v>
      </c>
    </row>
    <row r="10410" spans="1:6" x14ac:dyDescent="0.25">
      <c r="A10410">
        <v>156.78</v>
      </c>
      <c r="B10410">
        <v>196.78</v>
      </c>
      <c r="C10410">
        <v>17254.5</v>
      </c>
      <c r="D10410">
        <v>1.6</v>
      </c>
      <c r="E10410">
        <v>5325.73</v>
      </c>
      <c r="F10410">
        <v>30.8367</v>
      </c>
    </row>
    <row r="10411" spans="1:6" x14ac:dyDescent="0.25">
      <c r="A10411">
        <v>156.78</v>
      </c>
      <c r="B10411">
        <v>196.78</v>
      </c>
      <c r="C10411">
        <v>17254.5</v>
      </c>
      <c r="D10411">
        <v>1.9</v>
      </c>
      <c r="E10411">
        <v>19267.5</v>
      </c>
      <c r="F10411">
        <v>34.7089</v>
      </c>
    </row>
    <row r="10412" spans="1:6" x14ac:dyDescent="0.25">
      <c r="A10412">
        <v>156.78</v>
      </c>
      <c r="B10412">
        <v>196.78</v>
      </c>
      <c r="C10412">
        <v>17254.5</v>
      </c>
      <c r="D10412">
        <v>2.2000000000000002</v>
      </c>
      <c r="E10412">
        <v>19057.900000000001</v>
      </c>
      <c r="F10412">
        <v>34.403599999999997</v>
      </c>
    </row>
    <row r="10413" spans="1:6" x14ac:dyDescent="0.25">
      <c r="A10413">
        <v>156.78</v>
      </c>
      <c r="B10413">
        <v>196.78</v>
      </c>
      <c r="C10413">
        <v>17254.5</v>
      </c>
      <c r="D10413">
        <v>2.5</v>
      </c>
      <c r="E10413">
        <v>18872.599999999999</v>
      </c>
      <c r="F10413">
        <v>33.310899999999997</v>
      </c>
    </row>
    <row r="10414" spans="1:6" x14ac:dyDescent="0.25">
      <c r="A10414">
        <v>156.78</v>
      </c>
      <c r="B10414">
        <v>196.78</v>
      </c>
      <c r="C10414">
        <v>17254.5</v>
      </c>
      <c r="D10414">
        <v>2.8</v>
      </c>
      <c r="E10414">
        <v>18702.400000000001</v>
      </c>
      <c r="F10414">
        <v>32.041699999999999</v>
      </c>
    </row>
    <row r="10415" spans="1:6" x14ac:dyDescent="0.25">
      <c r="A10415">
        <v>156.78</v>
      </c>
      <c r="B10415">
        <v>196.78</v>
      </c>
      <c r="C10415">
        <v>17254.5</v>
      </c>
      <c r="D10415">
        <v>3.1</v>
      </c>
      <c r="E10415">
        <v>18579.599999999999</v>
      </c>
      <c r="F10415">
        <v>32.408900000000003</v>
      </c>
    </row>
    <row r="10416" spans="1:6" x14ac:dyDescent="0.25">
      <c r="A10416">
        <v>156.78</v>
      </c>
      <c r="B10416">
        <v>196.78</v>
      </c>
      <c r="C10416">
        <v>17254.5</v>
      </c>
      <c r="D10416">
        <v>3.4</v>
      </c>
      <c r="E10416">
        <v>18439.2</v>
      </c>
      <c r="F10416">
        <v>32.668500000000002</v>
      </c>
    </row>
    <row r="10417" spans="1:6" x14ac:dyDescent="0.25">
      <c r="A10417">
        <v>156.78</v>
      </c>
      <c r="B10417">
        <v>196.78</v>
      </c>
      <c r="C10417">
        <v>17254.5</v>
      </c>
      <c r="D10417">
        <v>3.7</v>
      </c>
      <c r="E10417">
        <v>18331.900000000001</v>
      </c>
      <c r="F10417">
        <v>32.835799999999999</v>
      </c>
    </row>
    <row r="10418" spans="1:6" x14ac:dyDescent="0.25">
      <c r="A10418">
        <v>156.78</v>
      </c>
      <c r="B10418">
        <v>196.78</v>
      </c>
      <c r="C10418">
        <v>17254.5</v>
      </c>
      <c r="D10418">
        <v>4</v>
      </c>
      <c r="E10418">
        <v>18351.2</v>
      </c>
      <c r="F10418">
        <v>37.009399999999999</v>
      </c>
    </row>
    <row r="10419" spans="1:6" x14ac:dyDescent="0.25">
      <c r="A10419">
        <v>156.78</v>
      </c>
      <c r="B10419">
        <v>196.78</v>
      </c>
      <c r="C10419">
        <v>18800</v>
      </c>
      <c r="D10419">
        <v>1</v>
      </c>
      <c r="E10419">
        <v>6038.15</v>
      </c>
      <c r="F10419">
        <v>28.927499999999998</v>
      </c>
    </row>
    <row r="10420" spans="1:6" x14ac:dyDescent="0.25">
      <c r="A10420">
        <v>156.78</v>
      </c>
      <c r="B10420">
        <v>196.78</v>
      </c>
      <c r="C10420">
        <v>18800</v>
      </c>
      <c r="D10420">
        <v>1.3</v>
      </c>
      <c r="E10420">
        <v>21797.9</v>
      </c>
      <c r="F10420">
        <v>23.514800000000001</v>
      </c>
    </row>
    <row r="10421" spans="1:6" x14ac:dyDescent="0.25">
      <c r="A10421">
        <v>156.78</v>
      </c>
      <c r="B10421">
        <v>196.78</v>
      </c>
      <c r="C10421">
        <v>18800</v>
      </c>
      <c r="D10421">
        <v>1.6</v>
      </c>
      <c r="E10421">
        <v>5325.73</v>
      </c>
      <c r="F10421">
        <v>30.8367</v>
      </c>
    </row>
    <row r="10422" spans="1:6" x14ac:dyDescent="0.25">
      <c r="A10422">
        <v>156.78</v>
      </c>
      <c r="B10422">
        <v>196.78</v>
      </c>
      <c r="C10422">
        <v>18800</v>
      </c>
      <c r="D10422">
        <v>1.9</v>
      </c>
      <c r="E10422">
        <v>20726.8</v>
      </c>
      <c r="F10422">
        <v>34.7089</v>
      </c>
    </row>
    <row r="10423" spans="1:6" x14ac:dyDescent="0.25">
      <c r="A10423">
        <v>156.78</v>
      </c>
      <c r="B10423">
        <v>196.78</v>
      </c>
      <c r="C10423">
        <v>18800</v>
      </c>
      <c r="D10423">
        <v>2.2000000000000002</v>
      </c>
      <c r="E10423">
        <v>20577.2</v>
      </c>
      <c r="F10423">
        <v>34.403599999999997</v>
      </c>
    </row>
    <row r="10424" spans="1:6" x14ac:dyDescent="0.25">
      <c r="A10424">
        <v>156.78</v>
      </c>
      <c r="B10424">
        <v>196.78</v>
      </c>
      <c r="C10424">
        <v>18800</v>
      </c>
      <c r="D10424">
        <v>2.5</v>
      </c>
      <c r="E10424">
        <v>20364.5</v>
      </c>
      <c r="F10424">
        <v>33.310899999999997</v>
      </c>
    </row>
    <row r="10425" spans="1:6" x14ac:dyDescent="0.25">
      <c r="A10425">
        <v>156.78</v>
      </c>
      <c r="B10425">
        <v>196.78</v>
      </c>
      <c r="C10425">
        <v>18800</v>
      </c>
      <c r="D10425">
        <v>2.8</v>
      </c>
      <c r="E10425">
        <v>20152.2</v>
      </c>
      <c r="F10425">
        <v>32.041699999999999</v>
      </c>
    </row>
    <row r="10426" spans="1:6" x14ac:dyDescent="0.25">
      <c r="A10426">
        <v>156.78</v>
      </c>
      <c r="B10426">
        <v>196.78</v>
      </c>
      <c r="C10426">
        <v>18800</v>
      </c>
      <c r="D10426">
        <v>3.1</v>
      </c>
      <c r="E10426">
        <v>19994.400000000001</v>
      </c>
      <c r="F10426">
        <v>32.408900000000003</v>
      </c>
    </row>
    <row r="10427" spans="1:6" x14ac:dyDescent="0.25">
      <c r="A10427">
        <v>156.78</v>
      </c>
      <c r="B10427">
        <v>196.78</v>
      </c>
      <c r="C10427">
        <v>18800</v>
      </c>
      <c r="D10427">
        <v>3.4</v>
      </c>
      <c r="E10427">
        <v>19904.900000000001</v>
      </c>
      <c r="F10427">
        <v>32.668500000000002</v>
      </c>
    </row>
    <row r="10428" spans="1:6" x14ac:dyDescent="0.25">
      <c r="A10428">
        <v>156.78</v>
      </c>
      <c r="B10428">
        <v>196.78</v>
      </c>
      <c r="C10428">
        <v>18800</v>
      </c>
      <c r="D10428">
        <v>3.7</v>
      </c>
      <c r="E10428">
        <v>19787</v>
      </c>
      <c r="F10428">
        <v>32.835799999999999</v>
      </c>
    </row>
    <row r="10429" spans="1:6" x14ac:dyDescent="0.25">
      <c r="A10429">
        <v>156.78</v>
      </c>
      <c r="B10429">
        <v>196.78</v>
      </c>
      <c r="C10429">
        <v>18800</v>
      </c>
      <c r="D10429">
        <v>4</v>
      </c>
      <c r="E10429">
        <v>19822.5</v>
      </c>
      <c r="F10429">
        <v>37.009399999999999</v>
      </c>
    </row>
    <row r="10430" spans="1:6" x14ac:dyDescent="0.25">
      <c r="A10430">
        <v>156.78</v>
      </c>
      <c r="B10430">
        <v>200.41</v>
      </c>
      <c r="C10430">
        <v>1800</v>
      </c>
      <c r="D10430">
        <v>1</v>
      </c>
      <c r="E10430">
        <v>5359.03</v>
      </c>
      <c r="F10430">
        <v>37.424100000000003</v>
      </c>
    </row>
    <row r="10431" spans="1:6" x14ac:dyDescent="0.25">
      <c r="A10431">
        <v>156.78</v>
      </c>
      <c r="B10431">
        <v>200.41</v>
      </c>
      <c r="C10431">
        <v>1800</v>
      </c>
      <c r="D10431">
        <v>1.3</v>
      </c>
      <c r="E10431">
        <v>4798.84</v>
      </c>
      <c r="F10431">
        <v>45.903599999999997</v>
      </c>
    </row>
    <row r="10432" spans="1:6" x14ac:dyDescent="0.25">
      <c r="A10432">
        <v>156.78</v>
      </c>
      <c r="B10432">
        <v>200.41</v>
      </c>
      <c r="C10432">
        <v>1800</v>
      </c>
      <c r="D10432">
        <v>1.6</v>
      </c>
      <c r="E10432">
        <v>4422.3500000000004</v>
      </c>
      <c r="F10432">
        <v>52.076799999999999</v>
      </c>
    </row>
    <row r="10433" spans="1:6" x14ac:dyDescent="0.25">
      <c r="A10433">
        <v>156.78</v>
      </c>
      <c r="B10433">
        <v>200.41</v>
      </c>
      <c r="C10433">
        <v>1800</v>
      </c>
      <c r="D10433">
        <v>1.9</v>
      </c>
      <c r="E10433">
        <v>4176.43</v>
      </c>
      <c r="F10433">
        <v>58.204099999999997</v>
      </c>
    </row>
    <row r="10434" spans="1:6" x14ac:dyDescent="0.25">
      <c r="A10434">
        <v>156.78</v>
      </c>
      <c r="B10434">
        <v>200.41</v>
      </c>
      <c r="C10434">
        <v>1800</v>
      </c>
      <c r="D10434">
        <v>2.2000000000000002</v>
      </c>
      <c r="E10434">
        <v>3959.57</v>
      </c>
      <c r="F10434">
        <v>61.855899999999998</v>
      </c>
    </row>
    <row r="10435" spans="1:6" x14ac:dyDescent="0.25">
      <c r="A10435">
        <v>156.78</v>
      </c>
      <c r="B10435">
        <v>200.41</v>
      </c>
      <c r="C10435">
        <v>1800</v>
      </c>
      <c r="D10435">
        <v>2.5</v>
      </c>
      <c r="E10435">
        <v>3752.49</v>
      </c>
      <c r="F10435">
        <v>63.821100000000001</v>
      </c>
    </row>
    <row r="10436" spans="1:6" x14ac:dyDescent="0.25">
      <c r="A10436">
        <v>156.78</v>
      </c>
      <c r="B10436">
        <v>200.41</v>
      </c>
      <c r="C10436">
        <v>1800</v>
      </c>
      <c r="D10436">
        <v>2.8</v>
      </c>
      <c r="E10436">
        <v>3573.1</v>
      </c>
      <c r="F10436">
        <v>68.980999999999995</v>
      </c>
    </row>
    <row r="10437" spans="1:6" x14ac:dyDescent="0.25">
      <c r="A10437">
        <v>156.78</v>
      </c>
      <c r="B10437">
        <v>200.41</v>
      </c>
      <c r="C10437">
        <v>1800</v>
      </c>
      <c r="D10437">
        <v>3.1</v>
      </c>
      <c r="E10437">
        <v>3437.95</v>
      </c>
      <c r="F10437">
        <v>69.831100000000006</v>
      </c>
    </row>
    <row r="10438" spans="1:6" x14ac:dyDescent="0.25">
      <c r="A10438">
        <v>156.78</v>
      </c>
      <c r="B10438">
        <v>200.41</v>
      </c>
      <c r="C10438">
        <v>1800</v>
      </c>
      <c r="D10438">
        <v>3.4</v>
      </c>
      <c r="E10438">
        <v>3377.25</v>
      </c>
      <c r="F10438">
        <v>72.020399999999995</v>
      </c>
    </row>
    <row r="10439" spans="1:6" x14ac:dyDescent="0.25">
      <c r="A10439">
        <v>156.78</v>
      </c>
      <c r="B10439">
        <v>200.41</v>
      </c>
      <c r="C10439">
        <v>1800</v>
      </c>
      <c r="D10439">
        <v>3.7</v>
      </c>
      <c r="E10439">
        <v>3282.4</v>
      </c>
      <c r="F10439">
        <v>76.082999999999998</v>
      </c>
    </row>
    <row r="10440" spans="1:6" x14ac:dyDescent="0.25">
      <c r="A10440">
        <v>156.78</v>
      </c>
      <c r="B10440">
        <v>200.41</v>
      </c>
      <c r="C10440">
        <v>1800</v>
      </c>
      <c r="D10440">
        <v>4</v>
      </c>
      <c r="E10440">
        <v>3237.95</v>
      </c>
      <c r="F10440">
        <v>78.691100000000006</v>
      </c>
    </row>
    <row r="10441" spans="1:6" x14ac:dyDescent="0.25">
      <c r="A10441">
        <v>156.78</v>
      </c>
      <c r="B10441">
        <v>200.41</v>
      </c>
      <c r="C10441">
        <v>3345.45</v>
      </c>
      <c r="D10441">
        <v>1</v>
      </c>
      <c r="E10441">
        <v>7137.26</v>
      </c>
      <c r="F10441">
        <v>21.537299999999998</v>
      </c>
    </row>
    <row r="10442" spans="1:6" x14ac:dyDescent="0.25">
      <c r="A10442">
        <v>156.78</v>
      </c>
      <c r="B10442">
        <v>200.41</v>
      </c>
      <c r="C10442">
        <v>3345.45</v>
      </c>
      <c r="D10442">
        <v>1.3</v>
      </c>
      <c r="E10442">
        <v>6087.64</v>
      </c>
      <c r="F10442">
        <v>23.681100000000001</v>
      </c>
    </row>
    <row r="10443" spans="1:6" x14ac:dyDescent="0.25">
      <c r="A10443">
        <v>156.78</v>
      </c>
      <c r="B10443">
        <v>200.41</v>
      </c>
      <c r="C10443">
        <v>3345.45</v>
      </c>
      <c r="D10443">
        <v>1.6</v>
      </c>
      <c r="E10443">
        <v>5632.47</v>
      </c>
      <c r="F10443">
        <v>23.314900000000002</v>
      </c>
    </row>
    <row r="10444" spans="1:6" x14ac:dyDescent="0.25">
      <c r="A10444">
        <v>156.78</v>
      </c>
      <c r="B10444">
        <v>200.41</v>
      </c>
      <c r="C10444">
        <v>3345.45</v>
      </c>
      <c r="D10444">
        <v>1.9</v>
      </c>
      <c r="E10444">
        <v>5385.57</v>
      </c>
      <c r="F10444">
        <v>34.7089</v>
      </c>
    </row>
    <row r="10445" spans="1:6" x14ac:dyDescent="0.25">
      <c r="A10445">
        <v>156.78</v>
      </c>
      <c r="B10445">
        <v>200.41</v>
      </c>
      <c r="C10445">
        <v>3345.45</v>
      </c>
      <c r="D10445">
        <v>2.2000000000000002</v>
      </c>
      <c r="E10445">
        <v>5227.96</v>
      </c>
      <c r="F10445">
        <v>33.927199999999999</v>
      </c>
    </row>
    <row r="10446" spans="1:6" x14ac:dyDescent="0.25">
      <c r="A10446">
        <v>156.78</v>
      </c>
      <c r="B10446">
        <v>200.41</v>
      </c>
      <c r="C10446">
        <v>3345.45</v>
      </c>
      <c r="D10446">
        <v>2.5</v>
      </c>
      <c r="E10446">
        <v>5022.12</v>
      </c>
      <c r="F10446">
        <v>26.7746</v>
      </c>
    </row>
    <row r="10447" spans="1:6" x14ac:dyDescent="0.25">
      <c r="A10447">
        <v>156.78</v>
      </c>
      <c r="B10447">
        <v>200.41</v>
      </c>
      <c r="C10447">
        <v>3345.45</v>
      </c>
      <c r="D10447">
        <v>2.8</v>
      </c>
      <c r="E10447">
        <v>4968.8900000000003</v>
      </c>
      <c r="F10447">
        <v>23.9085</v>
      </c>
    </row>
    <row r="10448" spans="1:6" x14ac:dyDescent="0.25">
      <c r="A10448">
        <v>156.78</v>
      </c>
      <c r="B10448">
        <v>200.41</v>
      </c>
      <c r="C10448">
        <v>3345.45</v>
      </c>
      <c r="D10448">
        <v>3.1</v>
      </c>
      <c r="E10448">
        <v>4848.7700000000004</v>
      </c>
      <c r="F10448">
        <v>24.598500000000001</v>
      </c>
    </row>
    <row r="10449" spans="1:6" x14ac:dyDescent="0.25">
      <c r="A10449">
        <v>156.78</v>
      </c>
      <c r="B10449">
        <v>200.41</v>
      </c>
      <c r="C10449">
        <v>3345.45</v>
      </c>
      <c r="D10449">
        <v>3.4</v>
      </c>
      <c r="E10449">
        <v>4729.3900000000003</v>
      </c>
      <c r="F10449">
        <v>25.174499999999998</v>
      </c>
    </row>
    <row r="10450" spans="1:6" x14ac:dyDescent="0.25">
      <c r="A10450">
        <v>156.78</v>
      </c>
      <c r="B10450">
        <v>200.41</v>
      </c>
      <c r="C10450">
        <v>3345.45</v>
      </c>
      <c r="D10450">
        <v>3.7</v>
      </c>
      <c r="E10450">
        <v>4653.0200000000004</v>
      </c>
      <c r="F10450">
        <v>25.607199999999999</v>
      </c>
    </row>
    <row r="10451" spans="1:6" x14ac:dyDescent="0.25">
      <c r="A10451">
        <v>156.78</v>
      </c>
      <c r="B10451">
        <v>200.41</v>
      </c>
      <c r="C10451">
        <v>3345.45</v>
      </c>
      <c r="D10451">
        <v>4</v>
      </c>
      <c r="E10451">
        <v>4605.3999999999996</v>
      </c>
      <c r="F10451">
        <v>35.855600000000003</v>
      </c>
    </row>
    <row r="10452" spans="1:6" x14ac:dyDescent="0.25">
      <c r="A10452">
        <v>156.78</v>
      </c>
      <c r="B10452">
        <v>200.41</v>
      </c>
      <c r="C10452">
        <v>4890.8999999999996</v>
      </c>
      <c r="D10452">
        <v>1</v>
      </c>
      <c r="E10452">
        <v>6038.15</v>
      </c>
      <c r="F10452">
        <v>28.927499999999998</v>
      </c>
    </row>
    <row r="10453" spans="1:6" x14ac:dyDescent="0.25">
      <c r="A10453">
        <v>156.78</v>
      </c>
      <c r="B10453">
        <v>200.41</v>
      </c>
      <c r="C10453">
        <v>4890.8999999999996</v>
      </c>
      <c r="D10453">
        <v>1.3</v>
      </c>
      <c r="E10453">
        <v>7689.17</v>
      </c>
      <c r="F10453">
        <v>23.514800000000001</v>
      </c>
    </row>
    <row r="10454" spans="1:6" x14ac:dyDescent="0.25">
      <c r="A10454">
        <v>156.78</v>
      </c>
      <c r="B10454">
        <v>200.41</v>
      </c>
      <c r="C10454">
        <v>4890.8999999999996</v>
      </c>
      <c r="D10454">
        <v>1.6</v>
      </c>
      <c r="E10454">
        <v>5325.73</v>
      </c>
      <c r="F10454">
        <v>30.8367</v>
      </c>
    </row>
    <row r="10455" spans="1:6" x14ac:dyDescent="0.25">
      <c r="A10455">
        <v>156.78</v>
      </c>
      <c r="B10455">
        <v>200.41</v>
      </c>
      <c r="C10455">
        <v>4890.8999999999996</v>
      </c>
      <c r="D10455">
        <v>1.9</v>
      </c>
      <c r="E10455">
        <v>6968.68</v>
      </c>
      <c r="F10455">
        <v>34.7089</v>
      </c>
    </row>
    <row r="10456" spans="1:6" x14ac:dyDescent="0.25">
      <c r="A10456">
        <v>156.78</v>
      </c>
      <c r="B10456">
        <v>200.41</v>
      </c>
      <c r="C10456">
        <v>4890.8999999999996</v>
      </c>
      <c r="D10456">
        <v>2.2000000000000002</v>
      </c>
      <c r="E10456">
        <v>6766.54</v>
      </c>
      <c r="F10456">
        <v>34.403599999999997</v>
      </c>
    </row>
    <row r="10457" spans="1:6" x14ac:dyDescent="0.25">
      <c r="A10457">
        <v>156.78</v>
      </c>
      <c r="B10457">
        <v>200.41</v>
      </c>
      <c r="C10457">
        <v>4890.8999999999996</v>
      </c>
      <c r="D10457">
        <v>2.5</v>
      </c>
      <c r="E10457">
        <v>6444.02</v>
      </c>
      <c r="F10457">
        <v>33.310899999999997</v>
      </c>
    </row>
    <row r="10458" spans="1:6" x14ac:dyDescent="0.25">
      <c r="A10458">
        <v>156.78</v>
      </c>
      <c r="B10458">
        <v>200.41</v>
      </c>
      <c r="C10458">
        <v>4890.8999999999996</v>
      </c>
      <c r="D10458">
        <v>2.8</v>
      </c>
      <c r="E10458">
        <v>6377</v>
      </c>
      <c r="F10458">
        <v>32.041699999999999</v>
      </c>
    </row>
    <row r="10459" spans="1:6" x14ac:dyDescent="0.25">
      <c r="A10459">
        <v>156.78</v>
      </c>
      <c r="B10459">
        <v>200.41</v>
      </c>
      <c r="C10459">
        <v>4890.8999999999996</v>
      </c>
      <c r="D10459">
        <v>3.1</v>
      </c>
      <c r="E10459">
        <v>6155.34</v>
      </c>
      <c r="F10459">
        <v>32.408900000000003</v>
      </c>
    </row>
    <row r="10460" spans="1:6" x14ac:dyDescent="0.25">
      <c r="A10460">
        <v>156.78</v>
      </c>
      <c r="B10460">
        <v>200.41</v>
      </c>
      <c r="C10460">
        <v>4890.8999999999996</v>
      </c>
      <c r="D10460">
        <v>3.4</v>
      </c>
      <c r="E10460">
        <v>6095.38</v>
      </c>
      <c r="F10460">
        <v>32.668500000000002</v>
      </c>
    </row>
    <row r="10461" spans="1:6" x14ac:dyDescent="0.25">
      <c r="A10461">
        <v>156.78</v>
      </c>
      <c r="B10461">
        <v>200.41</v>
      </c>
      <c r="C10461">
        <v>4890.8999999999996</v>
      </c>
      <c r="D10461">
        <v>3.7</v>
      </c>
      <c r="E10461">
        <v>5970.81</v>
      </c>
      <c r="F10461">
        <v>32.835799999999999</v>
      </c>
    </row>
    <row r="10462" spans="1:6" x14ac:dyDescent="0.25">
      <c r="A10462">
        <v>156.78</v>
      </c>
      <c r="B10462">
        <v>200.41</v>
      </c>
      <c r="C10462">
        <v>4890.8999999999996</v>
      </c>
      <c r="D10462">
        <v>4</v>
      </c>
      <c r="E10462">
        <v>6007.95</v>
      </c>
      <c r="F10462">
        <v>37.009399999999999</v>
      </c>
    </row>
    <row r="10463" spans="1:6" x14ac:dyDescent="0.25">
      <c r="A10463">
        <v>156.78</v>
      </c>
      <c r="B10463">
        <v>200.41</v>
      </c>
      <c r="C10463">
        <v>6436.35</v>
      </c>
      <c r="D10463">
        <v>1</v>
      </c>
      <c r="E10463">
        <v>6038.15</v>
      </c>
      <c r="F10463">
        <v>28.927499999999998</v>
      </c>
    </row>
    <row r="10464" spans="1:6" x14ac:dyDescent="0.25">
      <c r="A10464">
        <v>156.78</v>
      </c>
      <c r="B10464">
        <v>200.41</v>
      </c>
      <c r="C10464">
        <v>6436.35</v>
      </c>
      <c r="D10464">
        <v>1.3</v>
      </c>
      <c r="E10464">
        <v>9485.67</v>
      </c>
      <c r="F10464">
        <v>23.514800000000001</v>
      </c>
    </row>
    <row r="10465" spans="1:6" x14ac:dyDescent="0.25">
      <c r="A10465">
        <v>156.78</v>
      </c>
      <c r="B10465">
        <v>200.41</v>
      </c>
      <c r="C10465">
        <v>6436.35</v>
      </c>
      <c r="D10465">
        <v>1.6</v>
      </c>
      <c r="E10465">
        <v>5325.73</v>
      </c>
      <c r="F10465">
        <v>30.8367</v>
      </c>
    </row>
    <row r="10466" spans="1:6" x14ac:dyDescent="0.25">
      <c r="A10466">
        <v>156.78</v>
      </c>
      <c r="B10466">
        <v>200.41</v>
      </c>
      <c r="C10466">
        <v>6436.35</v>
      </c>
      <c r="D10466">
        <v>1.9</v>
      </c>
      <c r="E10466">
        <v>8464.44</v>
      </c>
      <c r="F10466">
        <v>34.7089</v>
      </c>
    </row>
    <row r="10467" spans="1:6" x14ac:dyDescent="0.25">
      <c r="A10467">
        <v>156.78</v>
      </c>
      <c r="B10467">
        <v>200.41</v>
      </c>
      <c r="C10467">
        <v>6436.35</v>
      </c>
      <c r="D10467">
        <v>2.2000000000000002</v>
      </c>
      <c r="E10467">
        <v>8323.18</v>
      </c>
      <c r="F10467">
        <v>34.403599999999997</v>
      </c>
    </row>
    <row r="10468" spans="1:6" x14ac:dyDescent="0.25">
      <c r="A10468">
        <v>156.78</v>
      </c>
      <c r="B10468">
        <v>200.41</v>
      </c>
      <c r="C10468">
        <v>6436.35</v>
      </c>
      <c r="D10468">
        <v>2.5</v>
      </c>
      <c r="E10468">
        <v>8092.32</v>
      </c>
      <c r="F10468">
        <v>33.310899999999997</v>
      </c>
    </row>
    <row r="10469" spans="1:6" x14ac:dyDescent="0.25">
      <c r="A10469">
        <v>156.78</v>
      </c>
      <c r="B10469">
        <v>200.41</v>
      </c>
      <c r="C10469">
        <v>6436.35</v>
      </c>
      <c r="D10469">
        <v>2.8</v>
      </c>
      <c r="E10469">
        <v>7800.68</v>
      </c>
      <c r="F10469">
        <v>32.041699999999999</v>
      </c>
    </row>
    <row r="10470" spans="1:6" x14ac:dyDescent="0.25">
      <c r="A10470">
        <v>156.78</v>
      </c>
      <c r="B10470">
        <v>200.41</v>
      </c>
      <c r="C10470">
        <v>6436.35</v>
      </c>
      <c r="D10470">
        <v>3.1</v>
      </c>
      <c r="E10470">
        <v>7707.52</v>
      </c>
      <c r="F10470">
        <v>32.408900000000003</v>
      </c>
    </row>
    <row r="10471" spans="1:6" x14ac:dyDescent="0.25">
      <c r="A10471">
        <v>156.78</v>
      </c>
      <c r="B10471">
        <v>200.41</v>
      </c>
      <c r="C10471">
        <v>6436.35</v>
      </c>
      <c r="D10471">
        <v>3.4</v>
      </c>
      <c r="E10471">
        <v>7599.42</v>
      </c>
      <c r="F10471">
        <v>32.668500000000002</v>
      </c>
    </row>
    <row r="10472" spans="1:6" x14ac:dyDescent="0.25">
      <c r="A10472">
        <v>156.78</v>
      </c>
      <c r="B10472">
        <v>200.41</v>
      </c>
      <c r="C10472">
        <v>6436.35</v>
      </c>
      <c r="D10472">
        <v>3.7</v>
      </c>
      <c r="E10472">
        <v>7524.81</v>
      </c>
      <c r="F10472">
        <v>32.835799999999999</v>
      </c>
    </row>
    <row r="10473" spans="1:6" x14ac:dyDescent="0.25">
      <c r="A10473">
        <v>156.78</v>
      </c>
      <c r="B10473">
        <v>200.41</v>
      </c>
      <c r="C10473">
        <v>6436.35</v>
      </c>
      <c r="D10473">
        <v>4</v>
      </c>
      <c r="E10473">
        <v>7561.33</v>
      </c>
      <c r="F10473">
        <v>37.009399999999999</v>
      </c>
    </row>
    <row r="10474" spans="1:6" x14ac:dyDescent="0.25">
      <c r="A10474">
        <v>156.78</v>
      </c>
      <c r="B10474">
        <v>200.41</v>
      </c>
      <c r="C10474">
        <v>7981.8</v>
      </c>
      <c r="D10474">
        <v>1</v>
      </c>
      <c r="E10474">
        <v>6038.15</v>
      </c>
      <c r="F10474">
        <v>28.927499999999998</v>
      </c>
    </row>
    <row r="10475" spans="1:6" x14ac:dyDescent="0.25">
      <c r="A10475">
        <v>156.78</v>
      </c>
      <c r="B10475">
        <v>200.41</v>
      </c>
      <c r="C10475">
        <v>7981.8</v>
      </c>
      <c r="D10475">
        <v>1.3</v>
      </c>
      <c r="E10475">
        <v>10750.2</v>
      </c>
      <c r="F10475">
        <v>23.514800000000001</v>
      </c>
    </row>
    <row r="10476" spans="1:6" x14ac:dyDescent="0.25">
      <c r="A10476">
        <v>156.78</v>
      </c>
      <c r="B10476">
        <v>200.41</v>
      </c>
      <c r="C10476">
        <v>7981.8</v>
      </c>
      <c r="D10476">
        <v>1.6</v>
      </c>
      <c r="E10476">
        <v>5325.73</v>
      </c>
      <c r="F10476">
        <v>30.8367</v>
      </c>
    </row>
    <row r="10477" spans="1:6" x14ac:dyDescent="0.25">
      <c r="A10477">
        <v>156.78</v>
      </c>
      <c r="B10477">
        <v>200.41</v>
      </c>
      <c r="C10477">
        <v>7981.8</v>
      </c>
      <c r="D10477">
        <v>1.9</v>
      </c>
      <c r="E10477">
        <v>10102.6</v>
      </c>
      <c r="F10477">
        <v>34.7089</v>
      </c>
    </row>
    <row r="10478" spans="1:6" x14ac:dyDescent="0.25">
      <c r="A10478">
        <v>156.78</v>
      </c>
      <c r="B10478">
        <v>200.41</v>
      </c>
      <c r="C10478">
        <v>7981.8</v>
      </c>
      <c r="D10478">
        <v>2.2000000000000002</v>
      </c>
      <c r="E10478">
        <v>9739.48</v>
      </c>
      <c r="F10478">
        <v>34.403599999999997</v>
      </c>
    </row>
    <row r="10479" spans="1:6" x14ac:dyDescent="0.25">
      <c r="A10479">
        <v>156.78</v>
      </c>
      <c r="B10479">
        <v>200.41</v>
      </c>
      <c r="C10479">
        <v>7981.8</v>
      </c>
      <c r="D10479">
        <v>2.5</v>
      </c>
      <c r="E10479">
        <v>9572.43</v>
      </c>
      <c r="F10479">
        <v>33.310899999999997</v>
      </c>
    </row>
    <row r="10480" spans="1:6" x14ac:dyDescent="0.25">
      <c r="A10480">
        <v>156.78</v>
      </c>
      <c r="B10480">
        <v>200.41</v>
      </c>
      <c r="C10480">
        <v>7981.8</v>
      </c>
      <c r="D10480">
        <v>2.8</v>
      </c>
      <c r="E10480">
        <v>9413.24</v>
      </c>
      <c r="F10480">
        <v>32.041699999999999</v>
      </c>
    </row>
    <row r="10481" spans="1:6" x14ac:dyDescent="0.25">
      <c r="A10481">
        <v>156.78</v>
      </c>
      <c r="B10481">
        <v>200.41</v>
      </c>
      <c r="C10481">
        <v>7981.8</v>
      </c>
      <c r="D10481">
        <v>3.1</v>
      </c>
      <c r="E10481">
        <v>9256.07</v>
      </c>
      <c r="F10481">
        <v>32.408900000000003</v>
      </c>
    </row>
    <row r="10482" spans="1:6" x14ac:dyDescent="0.25">
      <c r="A10482">
        <v>156.78</v>
      </c>
      <c r="B10482">
        <v>200.41</v>
      </c>
      <c r="C10482">
        <v>7981.8</v>
      </c>
      <c r="D10482">
        <v>3.4</v>
      </c>
      <c r="E10482">
        <v>9124.48</v>
      </c>
      <c r="F10482">
        <v>32.668500000000002</v>
      </c>
    </row>
    <row r="10483" spans="1:6" x14ac:dyDescent="0.25">
      <c r="A10483">
        <v>156.78</v>
      </c>
      <c r="B10483">
        <v>200.41</v>
      </c>
      <c r="C10483">
        <v>7981.8</v>
      </c>
      <c r="D10483">
        <v>3.7</v>
      </c>
      <c r="E10483">
        <v>9015.27</v>
      </c>
      <c r="F10483">
        <v>32.835799999999999</v>
      </c>
    </row>
    <row r="10484" spans="1:6" x14ac:dyDescent="0.25">
      <c r="A10484">
        <v>156.78</v>
      </c>
      <c r="B10484">
        <v>200.41</v>
      </c>
      <c r="C10484">
        <v>7981.8</v>
      </c>
      <c r="D10484">
        <v>4</v>
      </c>
      <c r="E10484">
        <v>9051.36</v>
      </c>
      <c r="F10484">
        <v>37.009399999999999</v>
      </c>
    </row>
    <row r="10485" spans="1:6" x14ac:dyDescent="0.25">
      <c r="A10485">
        <v>156.78</v>
      </c>
      <c r="B10485">
        <v>200.41</v>
      </c>
      <c r="C10485">
        <v>9527.25</v>
      </c>
      <c r="D10485">
        <v>1</v>
      </c>
      <c r="E10485">
        <v>6038.15</v>
      </c>
      <c r="F10485">
        <v>28.927499999999998</v>
      </c>
    </row>
    <row r="10486" spans="1:6" x14ac:dyDescent="0.25">
      <c r="A10486">
        <v>156.78</v>
      </c>
      <c r="B10486">
        <v>200.41</v>
      </c>
      <c r="C10486">
        <v>9527.25</v>
      </c>
      <c r="D10486">
        <v>1.3</v>
      </c>
      <c r="E10486">
        <v>12472.9</v>
      </c>
      <c r="F10486">
        <v>23.514800000000001</v>
      </c>
    </row>
    <row r="10487" spans="1:6" x14ac:dyDescent="0.25">
      <c r="A10487">
        <v>156.78</v>
      </c>
      <c r="B10487">
        <v>200.41</v>
      </c>
      <c r="C10487">
        <v>9527.25</v>
      </c>
      <c r="D10487">
        <v>1.6</v>
      </c>
      <c r="E10487">
        <v>5325.73</v>
      </c>
      <c r="F10487">
        <v>30.8367</v>
      </c>
    </row>
    <row r="10488" spans="1:6" x14ac:dyDescent="0.25">
      <c r="A10488">
        <v>156.78</v>
      </c>
      <c r="B10488">
        <v>200.41</v>
      </c>
      <c r="C10488">
        <v>9527.25</v>
      </c>
      <c r="D10488">
        <v>1.9</v>
      </c>
      <c r="E10488">
        <v>11646</v>
      </c>
      <c r="F10488">
        <v>34.7089</v>
      </c>
    </row>
    <row r="10489" spans="1:6" x14ac:dyDescent="0.25">
      <c r="A10489">
        <v>156.78</v>
      </c>
      <c r="B10489">
        <v>200.41</v>
      </c>
      <c r="C10489">
        <v>9527.25</v>
      </c>
      <c r="D10489">
        <v>2.2000000000000002</v>
      </c>
      <c r="E10489">
        <v>11385.8</v>
      </c>
      <c r="F10489">
        <v>34.403599999999997</v>
      </c>
    </row>
    <row r="10490" spans="1:6" x14ac:dyDescent="0.25">
      <c r="A10490">
        <v>156.78</v>
      </c>
      <c r="B10490">
        <v>200.41</v>
      </c>
      <c r="C10490">
        <v>9527.25</v>
      </c>
      <c r="D10490">
        <v>2.5</v>
      </c>
      <c r="E10490">
        <v>11202.5</v>
      </c>
      <c r="F10490">
        <v>33.310899999999997</v>
      </c>
    </row>
    <row r="10491" spans="1:6" x14ac:dyDescent="0.25">
      <c r="A10491">
        <v>156.78</v>
      </c>
      <c r="B10491">
        <v>200.41</v>
      </c>
      <c r="C10491">
        <v>9527.25</v>
      </c>
      <c r="D10491">
        <v>2.8</v>
      </c>
      <c r="E10491">
        <v>10869.2</v>
      </c>
      <c r="F10491">
        <v>32.041699999999999</v>
      </c>
    </row>
    <row r="10492" spans="1:6" x14ac:dyDescent="0.25">
      <c r="A10492">
        <v>156.78</v>
      </c>
      <c r="B10492">
        <v>200.41</v>
      </c>
      <c r="C10492">
        <v>9527.25</v>
      </c>
      <c r="D10492">
        <v>3.1</v>
      </c>
      <c r="E10492">
        <v>10876.1</v>
      </c>
      <c r="F10492">
        <v>32.408900000000003</v>
      </c>
    </row>
    <row r="10493" spans="1:6" x14ac:dyDescent="0.25">
      <c r="A10493">
        <v>156.78</v>
      </c>
      <c r="B10493">
        <v>200.41</v>
      </c>
      <c r="C10493">
        <v>9527.25</v>
      </c>
      <c r="D10493">
        <v>3.4</v>
      </c>
      <c r="E10493">
        <v>10758.5</v>
      </c>
      <c r="F10493">
        <v>32.668500000000002</v>
      </c>
    </row>
    <row r="10494" spans="1:6" x14ac:dyDescent="0.25">
      <c r="A10494">
        <v>156.78</v>
      </c>
      <c r="B10494">
        <v>200.41</v>
      </c>
      <c r="C10494">
        <v>9527.25</v>
      </c>
      <c r="D10494">
        <v>3.7</v>
      </c>
      <c r="E10494">
        <v>10610.5</v>
      </c>
      <c r="F10494">
        <v>32.835799999999999</v>
      </c>
    </row>
    <row r="10495" spans="1:6" x14ac:dyDescent="0.25">
      <c r="A10495">
        <v>156.78</v>
      </c>
      <c r="B10495">
        <v>200.41</v>
      </c>
      <c r="C10495">
        <v>9527.25</v>
      </c>
      <c r="D10495">
        <v>4</v>
      </c>
      <c r="E10495">
        <v>10568.9</v>
      </c>
      <c r="F10495">
        <v>37.009399999999999</v>
      </c>
    </row>
    <row r="10496" spans="1:6" x14ac:dyDescent="0.25">
      <c r="A10496">
        <v>156.78</v>
      </c>
      <c r="B10496">
        <v>200.41</v>
      </c>
      <c r="C10496">
        <v>11072.7</v>
      </c>
      <c r="D10496">
        <v>1</v>
      </c>
      <c r="E10496">
        <v>6038.15</v>
      </c>
      <c r="F10496">
        <v>28.927499999999998</v>
      </c>
    </row>
    <row r="10497" spans="1:6" x14ac:dyDescent="0.25">
      <c r="A10497">
        <v>156.78</v>
      </c>
      <c r="B10497">
        <v>200.41</v>
      </c>
      <c r="C10497">
        <v>11072.7</v>
      </c>
      <c r="D10497">
        <v>1.3</v>
      </c>
      <c r="E10497">
        <v>14131.5</v>
      </c>
      <c r="F10497">
        <v>23.514800000000001</v>
      </c>
    </row>
    <row r="10498" spans="1:6" x14ac:dyDescent="0.25">
      <c r="A10498">
        <v>156.78</v>
      </c>
      <c r="B10498">
        <v>200.41</v>
      </c>
      <c r="C10498">
        <v>11072.7</v>
      </c>
      <c r="D10498">
        <v>1.6</v>
      </c>
      <c r="E10498">
        <v>5325.73</v>
      </c>
      <c r="F10498">
        <v>30.8367</v>
      </c>
    </row>
    <row r="10499" spans="1:6" x14ac:dyDescent="0.25">
      <c r="A10499">
        <v>156.78</v>
      </c>
      <c r="B10499">
        <v>200.41</v>
      </c>
      <c r="C10499">
        <v>11072.7</v>
      </c>
      <c r="D10499">
        <v>1.9</v>
      </c>
      <c r="E10499">
        <v>13044.4</v>
      </c>
      <c r="F10499">
        <v>34.7089</v>
      </c>
    </row>
    <row r="10500" spans="1:6" x14ac:dyDescent="0.25">
      <c r="A10500">
        <v>156.78</v>
      </c>
      <c r="B10500">
        <v>200.41</v>
      </c>
      <c r="C10500">
        <v>11072.7</v>
      </c>
      <c r="D10500">
        <v>2.2000000000000002</v>
      </c>
      <c r="E10500">
        <v>12939.4</v>
      </c>
      <c r="F10500">
        <v>34.403599999999997</v>
      </c>
    </row>
    <row r="10501" spans="1:6" x14ac:dyDescent="0.25">
      <c r="A10501">
        <v>156.78</v>
      </c>
      <c r="B10501">
        <v>200.41</v>
      </c>
      <c r="C10501">
        <v>11072.7</v>
      </c>
      <c r="D10501">
        <v>2.5</v>
      </c>
      <c r="E10501">
        <v>12671.2</v>
      </c>
      <c r="F10501">
        <v>33.310899999999997</v>
      </c>
    </row>
    <row r="10502" spans="1:6" x14ac:dyDescent="0.25">
      <c r="A10502">
        <v>156.78</v>
      </c>
      <c r="B10502">
        <v>200.41</v>
      </c>
      <c r="C10502">
        <v>11072.7</v>
      </c>
      <c r="D10502">
        <v>2.8</v>
      </c>
      <c r="E10502">
        <v>12489.8</v>
      </c>
      <c r="F10502">
        <v>32.041699999999999</v>
      </c>
    </row>
    <row r="10503" spans="1:6" x14ac:dyDescent="0.25">
      <c r="A10503">
        <v>156.78</v>
      </c>
      <c r="B10503">
        <v>200.41</v>
      </c>
      <c r="C10503">
        <v>11072.7</v>
      </c>
      <c r="D10503">
        <v>3.1</v>
      </c>
      <c r="E10503">
        <v>12360.7</v>
      </c>
      <c r="F10503">
        <v>32.408900000000003</v>
      </c>
    </row>
    <row r="10504" spans="1:6" x14ac:dyDescent="0.25">
      <c r="A10504">
        <v>156.78</v>
      </c>
      <c r="B10504">
        <v>200.41</v>
      </c>
      <c r="C10504">
        <v>11072.7</v>
      </c>
      <c r="D10504">
        <v>3.4</v>
      </c>
      <c r="E10504">
        <v>12220.7</v>
      </c>
      <c r="F10504">
        <v>32.668500000000002</v>
      </c>
    </row>
    <row r="10505" spans="1:6" x14ac:dyDescent="0.25">
      <c r="A10505">
        <v>156.78</v>
      </c>
      <c r="B10505">
        <v>200.41</v>
      </c>
      <c r="C10505">
        <v>11072.7</v>
      </c>
      <c r="D10505">
        <v>3.7</v>
      </c>
      <c r="E10505">
        <v>12123.1</v>
      </c>
      <c r="F10505">
        <v>32.835799999999999</v>
      </c>
    </row>
    <row r="10506" spans="1:6" x14ac:dyDescent="0.25">
      <c r="A10506">
        <v>156.78</v>
      </c>
      <c r="B10506">
        <v>200.41</v>
      </c>
      <c r="C10506">
        <v>11072.7</v>
      </c>
      <c r="D10506">
        <v>4</v>
      </c>
      <c r="E10506">
        <v>12170.5</v>
      </c>
      <c r="F10506">
        <v>37.009399999999999</v>
      </c>
    </row>
    <row r="10507" spans="1:6" x14ac:dyDescent="0.25">
      <c r="A10507">
        <v>156.78</v>
      </c>
      <c r="B10507">
        <v>200.41</v>
      </c>
      <c r="C10507">
        <v>12618.2</v>
      </c>
      <c r="D10507">
        <v>1</v>
      </c>
      <c r="E10507">
        <v>6038.15</v>
      </c>
      <c r="F10507">
        <v>28.927499999999998</v>
      </c>
    </row>
    <row r="10508" spans="1:6" x14ac:dyDescent="0.25">
      <c r="A10508">
        <v>156.78</v>
      </c>
      <c r="B10508">
        <v>200.41</v>
      </c>
      <c r="C10508">
        <v>12618.2</v>
      </c>
      <c r="D10508">
        <v>1.3</v>
      </c>
      <c r="E10508">
        <v>15531</v>
      </c>
      <c r="F10508">
        <v>23.514800000000001</v>
      </c>
    </row>
    <row r="10509" spans="1:6" x14ac:dyDescent="0.25">
      <c r="A10509">
        <v>156.78</v>
      </c>
      <c r="B10509">
        <v>200.41</v>
      </c>
      <c r="C10509">
        <v>12618.2</v>
      </c>
      <c r="D10509">
        <v>1.6</v>
      </c>
      <c r="E10509">
        <v>5325.73</v>
      </c>
      <c r="F10509">
        <v>30.8367</v>
      </c>
    </row>
    <row r="10510" spans="1:6" x14ac:dyDescent="0.25">
      <c r="A10510">
        <v>156.78</v>
      </c>
      <c r="B10510">
        <v>200.41</v>
      </c>
      <c r="C10510">
        <v>12618.2</v>
      </c>
      <c r="D10510">
        <v>1.9</v>
      </c>
      <c r="E10510">
        <v>14722</v>
      </c>
      <c r="F10510">
        <v>34.7089</v>
      </c>
    </row>
    <row r="10511" spans="1:6" x14ac:dyDescent="0.25">
      <c r="A10511">
        <v>156.78</v>
      </c>
      <c r="B10511">
        <v>200.41</v>
      </c>
      <c r="C10511">
        <v>12618.2</v>
      </c>
      <c r="D10511">
        <v>2.2000000000000002</v>
      </c>
      <c r="E10511">
        <v>14392</v>
      </c>
      <c r="F10511">
        <v>34.403599999999997</v>
      </c>
    </row>
    <row r="10512" spans="1:6" x14ac:dyDescent="0.25">
      <c r="A10512">
        <v>156.78</v>
      </c>
      <c r="B10512">
        <v>200.41</v>
      </c>
      <c r="C10512">
        <v>12618.2</v>
      </c>
      <c r="D10512">
        <v>2.5</v>
      </c>
      <c r="E10512">
        <v>14144.5</v>
      </c>
      <c r="F10512">
        <v>33.310899999999997</v>
      </c>
    </row>
    <row r="10513" spans="1:6" x14ac:dyDescent="0.25">
      <c r="A10513">
        <v>156.78</v>
      </c>
      <c r="B10513">
        <v>200.41</v>
      </c>
      <c r="C10513">
        <v>12618.2</v>
      </c>
      <c r="D10513">
        <v>2.8</v>
      </c>
      <c r="E10513">
        <v>14081</v>
      </c>
      <c r="F10513">
        <v>32.041699999999999</v>
      </c>
    </row>
    <row r="10514" spans="1:6" x14ac:dyDescent="0.25">
      <c r="A10514">
        <v>156.78</v>
      </c>
      <c r="B10514">
        <v>200.41</v>
      </c>
      <c r="C10514">
        <v>12618.2</v>
      </c>
      <c r="D10514">
        <v>3.1</v>
      </c>
      <c r="E10514">
        <v>13860.8</v>
      </c>
      <c r="F10514">
        <v>32.408900000000003</v>
      </c>
    </row>
    <row r="10515" spans="1:6" x14ac:dyDescent="0.25">
      <c r="A10515">
        <v>156.78</v>
      </c>
      <c r="B10515">
        <v>200.41</v>
      </c>
      <c r="C10515">
        <v>12618.2</v>
      </c>
      <c r="D10515">
        <v>3.4</v>
      </c>
      <c r="E10515">
        <v>13828.7</v>
      </c>
      <c r="F10515">
        <v>32.668500000000002</v>
      </c>
    </row>
    <row r="10516" spans="1:6" x14ac:dyDescent="0.25">
      <c r="A10516">
        <v>156.78</v>
      </c>
      <c r="B10516">
        <v>200.41</v>
      </c>
      <c r="C10516">
        <v>12618.2</v>
      </c>
      <c r="D10516">
        <v>3.7</v>
      </c>
      <c r="E10516">
        <v>13711.7</v>
      </c>
      <c r="F10516">
        <v>32.835799999999999</v>
      </c>
    </row>
    <row r="10517" spans="1:6" x14ac:dyDescent="0.25">
      <c r="A10517">
        <v>156.78</v>
      </c>
      <c r="B10517">
        <v>200.41</v>
      </c>
      <c r="C10517">
        <v>12618.2</v>
      </c>
      <c r="D10517">
        <v>4</v>
      </c>
      <c r="E10517">
        <v>13650.9</v>
      </c>
      <c r="F10517">
        <v>37.009399999999999</v>
      </c>
    </row>
    <row r="10518" spans="1:6" x14ac:dyDescent="0.25">
      <c r="A10518">
        <v>156.78</v>
      </c>
      <c r="B10518">
        <v>200.41</v>
      </c>
      <c r="C10518">
        <v>14163.6</v>
      </c>
      <c r="D10518">
        <v>1</v>
      </c>
      <c r="E10518">
        <v>6038.15</v>
      </c>
      <c r="F10518">
        <v>28.927499999999998</v>
      </c>
    </row>
    <row r="10519" spans="1:6" x14ac:dyDescent="0.25">
      <c r="A10519">
        <v>156.78</v>
      </c>
      <c r="B10519">
        <v>200.41</v>
      </c>
      <c r="C10519">
        <v>14163.6</v>
      </c>
      <c r="D10519">
        <v>1.3</v>
      </c>
      <c r="E10519">
        <v>17040.7</v>
      </c>
      <c r="F10519">
        <v>23.514800000000001</v>
      </c>
    </row>
    <row r="10520" spans="1:6" x14ac:dyDescent="0.25">
      <c r="A10520">
        <v>156.78</v>
      </c>
      <c r="B10520">
        <v>200.41</v>
      </c>
      <c r="C10520">
        <v>14163.6</v>
      </c>
      <c r="D10520">
        <v>1.6</v>
      </c>
      <c r="E10520">
        <v>5325.73</v>
      </c>
      <c r="F10520">
        <v>30.8367</v>
      </c>
    </row>
    <row r="10521" spans="1:6" x14ac:dyDescent="0.25">
      <c r="A10521">
        <v>156.78</v>
      </c>
      <c r="B10521">
        <v>200.41</v>
      </c>
      <c r="C10521">
        <v>14163.6</v>
      </c>
      <c r="D10521">
        <v>1.9</v>
      </c>
      <c r="E10521">
        <v>16192</v>
      </c>
      <c r="F10521">
        <v>34.7089</v>
      </c>
    </row>
    <row r="10522" spans="1:6" x14ac:dyDescent="0.25">
      <c r="A10522">
        <v>156.78</v>
      </c>
      <c r="B10522">
        <v>200.41</v>
      </c>
      <c r="C10522">
        <v>14163.6</v>
      </c>
      <c r="D10522">
        <v>2.2000000000000002</v>
      </c>
      <c r="E10522">
        <v>15937.4</v>
      </c>
      <c r="F10522">
        <v>34.403599999999997</v>
      </c>
    </row>
    <row r="10523" spans="1:6" x14ac:dyDescent="0.25">
      <c r="A10523">
        <v>156.78</v>
      </c>
      <c r="B10523">
        <v>200.41</v>
      </c>
      <c r="C10523">
        <v>14163.6</v>
      </c>
      <c r="D10523">
        <v>2.5</v>
      </c>
      <c r="E10523">
        <v>15785.1</v>
      </c>
      <c r="F10523">
        <v>33.310899999999997</v>
      </c>
    </row>
    <row r="10524" spans="1:6" x14ac:dyDescent="0.25">
      <c r="A10524">
        <v>156.78</v>
      </c>
      <c r="B10524">
        <v>200.41</v>
      </c>
      <c r="C10524">
        <v>14163.6</v>
      </c>
      <c r="D10524">
        <v>2.8</v>
      </c>
      <c r="E10524">
        <v>15565.1</v>
      </c>
      <c r="F10524">
        <v>32.041699999999999</v>
      </c>
    </row>
    <row r="10525" spans="1:6" x14ac:dyDescent="0.25">
      <c r="A10525">
        <v>156.78</v>
      </c>
      <c r="B10525">
        <v>200.41</v>
      </c>
      <c r="C10525">
        <v>14163.6</v>
      </c>
      <c r="D10525">
        <v>3.1</v>
      </c>
      <c r="E10525">
        <v>15454.6</v>
      </c>
      <c r="F10525">
        <v>32.408900000000003</v>
      </c>
    </row>
    <row r="10526" spans="1:6" x14ac:dyDescent="0.25">
      <c r="A10526">
        <v>156.78</v>
      </c>
      <c r="B10526">
        <v>200.41</v>
      </c>
      <c r="C10526">
        <v>14163.6</v>
      </c>
      <c r="D10526">
        <v>3.4</v>
      </c>
      <c r="E10526">
        <v>15304.6</v>
      </c>
      <c r="F10526">
        <v>32.668500000000002</v>
      </c>
    </row>
    <row r="10527" spans="1:6" x14ac:dyDescent="0.25">
      <c r="A10527">
        <v>156.78</v>
      </c>
      <c r="B10527">
        <v>200.41</v>
      </c>
      <c r="C10527">
        <v>14163.6</v>
      </c>
      <c r="D10527">
        <v>3.7</v>
      </c>
      <c r="E10527">
        <v>15173.9</v>
      </c>
      <c r="F10527">
        <v>32.835799999999999</v>
      </c>
    </row>
    <row r="10528" spans="1:6" x14ac:dyDescent="0.25">
      <c r="A10528">
        <v>156.78</v>
      </c>
      <c r="B10528">
        <v>200.41</v>
      </c>
      <c r="C10528">
        <v>14163.6</v>
      </c>
      <c r="D10528">
        <v>4</v>
      </c>
      <c r="E10528">
        <v>15188.3</v>
      </c>
      <c r="F10528">
        <v>37.009399999999999</v>
      </c>
    </row>
    <row r="10529" spans="1:6" x14ac:dyDescent="0.25">
      <c r="A10529">
        <v>156.78</v>
      </c>
      <c r="B10529">
        <v>200.41</v>
      </c>
      <c r="C10529">
        <v>15709.1</v>
      </c>
      <c r="D10529">
        <v>1</v>
      </c>
      <c r="E10529">
        <v>6038.15</v>
      </c>
      <c r="F10529">
        <v>28.927499999999998</v>
      </c>
    </row>
    <row r="10530" spans="1:6" x14ac:dyDescent="0.25">
      <c r="A10530">
        <v>156.78</v>
      </c>
      <c r="B10530">
        <v>200.41</v>
      </c>
      <c r="C10530">
        <v>15709.1</v>
      </c>
      <c r="D10530">
        <v>1.3</v>
      </c>
      <c r="E10530">
        <v>18615.3</v>
      </c>
      <c r="F10530">
        <v>23.514800000000001</v>
      </c>
    </row>
    <row r="10531" spans="1:6" x14ac:dyDescent="0.25">
      <c r="A10531">
        <v>156.78</v>
      </c>
      <c r="B10531">
        <v>200.41</v>
      </c>
      <c r="C10531">
        <v>15709.1</v>
      </c>
      <c r="D10531">
        <v>1.6</v>
      </c>
      <c r="E10531">
        <v>5325.73</v>
      </c>
      <c r="F10531">
        <v>30.8367</v>
      </c>
    </row>
    <row r="10532" spans="1:6" x14ac:dyDescent="0.25">
      <c r="A10532">
        <v>156.78</v>
      </c>
      <c r="B10532">
        <v>200.41</v>
      </c>
      <c r="C10532">
        <v>15709.1</v>
      </c>
      <c r="D10532">
        <v>1.9</v>
      </c>
      <c r="E10532">
        <v>17638.400000000001</v>
      </c>
      <c r="F10532">
        <v>34.7089</v>
      </c>
    </row>
    <row r="10533" spans="1:6" x14ac:dyDescent="0.25">
      <c r="A10533">
        <v>156.78</v>
      </c>
      <c r="B10533">
        <v>200.41</v>
      </c>
      <c r="C10533">
        <v>15709.1</v>
      </c>
      <c r="D10533">
        <v>2.2000000000000002</v>
      </c>
      <c r="E10533">
        <v>17552.5</v>
      </c>
      <c r="F10533">
        <v>34.403599999999997</v>
      </c>
    </row>
    <row r="10534" spans="1:6" x14ac:dyDescent="0.25">
      <c r="A10534">
        <v>156.78</v>
      </c>
      <c r="B10534">
        <v>200.41</v>
      </c>
      <c r="C10534">
        <v>15709.1</v>
      </c>
      <c r="D10534">
        <v>2.5</v>
      </c>
      <c r="E10534">
        <v>17266.7</v>
      </c>
      <c r="F10534">
        <v>33.310899999999997</v>
      </c>
    </row>
    <row r="10535" spans="1:6" x14ac:dyDescent="0.25">
      <c r="A10535">
        <v>156.78</v>
      </c>
      <c r="B10535">
        <v>200.41</v>
      </c>
      <c r="C10535">
        <v>15709.1</v>
      </c>
      <c r="D10535">
        <v>2.8</v>
      </c>
      <c r="E10535">
        <v>17136.3</v>
      </c>
      <c r="F10535">
        <v>32.041699999999999</v>
      </c>
    </row>
    <row r="10536" spans="1:6" x14ac:dyDescent="0.25">
      <c r="A10536">
        <v>156.78</v>
      </c>
      <c r="B10536">
        <v>200.41</v>
      </c>
      <c r="C10536">
        <v>15709.1</v>
      </c>
      <c r="D10536">
        <v>3.1</v>
      </c>
      <c r="E10536">
        <v>16964.2</v>
      </c>
      <c r="F10536">
        <v>32.408900000000003</v>
      </c>
    </row>
    <row r="10537" spans="1:6" x14ac:dyDescent="0.25">
      <c r="A10537">
        <v>156.78</v>
      </c>
      <c r="B10537">
        <v>200.41</v>
      </c>
      <c r="C10537">
        <v>15709.1</v>
      </c>
      <c r="D10537">
        <v>3.4</v>
      </c>
      <c r="E10537">
        <v>16855.7</v>
      </c>
      <c r="F10537">
        <v>32.668500000000002</v>
      </c>
    </row>
    <row r="10538" spans="1:6" x14ac:dyDescent="0.25">
      <c r="A10538">
        <v>156.78</v>
      </c>
      <c r="B10538">
        <v>200.41</v>
      </c>
      <c r="C10538">
        <v>15709.1</v>
      </c>
      <c r="D10538">
        <v>3.7</v>
      </c>
      <c r="E10538">
        <v>16725.5</v>
      </c>
      <c r="F10538">
        <v>32.835799999999999</v>
      </c>
    </row>
    <row r="10539" spans="1:6" x14ac:dyDescent="0.25">
      <c r="A10539">
        <v>156.78</v>
      </c>
      <c r="B10539">
        <v>200.41</v>
      </c>
      <c r="C10539">
        <v>15709.1</v>
      </c>
      <c r="D10539">
        <v>4</v>
      </c>
      <c r="E10539">
        <v>16800.8</v>
      </c>
      <c r="F10539">
        <v>37.009399999999999</v>
      </c>
    </row>
    <row r="10540" spans="1:6" x14ac:dyDescent="0.25">
      <c r="A10540">
        <v>156.78</v>
      </c>
      <c r="B10540">
        <v>200.41</v>
      </c>
      <c r="C10540">
        <v>17254.5</v>
      </c>
      <c r="D10540">
        <v>1</v>
      </c>
      <c r="E10540">
        <v>6038.15</v>
      </c>
      <c r="F10540">
        <v>28.927499999999998</v>
      </c>
    </row>
    <row r="10541" spans="1:6" x14ac:dyDescent="0.25">
      <c r="A10541">
        <v>156.78</v>
      </c>
      <c r="B10541">
        <v>200.41</v>
      </c>
      <c r="C10541">
        <v>17254.5</v>
      </c>
      <c r="D10541">
        <v>1.3</v>
      </c>
      <c r="E10541">
        <v>20104</v>
      </c>
      <c r="F10541">
        <v>23.514800000000001</v>
      </c>
    </row>
    <row r="10542" spans="1:6" x14ac:dyDescent="0.25">
      <c r="A10542">
        <v>156.78</v>
      </c>
      <c r="B10542">
        <v>200.41</v>
      </c>
      <c r="C10542">
        <v>17254.5</v>
      </c>
      <c r="D10542">
        <v>1.6</v>
      </c>
      <c r="E10542">
        <v>5325.73</v>
      </c>
      <c r="F10542">
        <v>30.8367</v>
      </c>
    </row>
    <row r="10543" spans="1:6" x14ac:dyDescent="0.25">
      <c r="A10543">
        <v>156.78</v>
      </c>
      <c r="B10543">
        <v>200.41</v>
      </c>
      <c r="C10543">
        <v>17254.5</v>
      </c>
      <c r="D10543">
        <v>1.9</v>
      </c>
      <c r="E10543">
        <v>19272.2</v>
      </c>
      <c r="F10543">
        <v>34.7089</v>
      </c>
    </row>
    <row r="10544" spans="1:6" x14ac:dyDescent="0.25">
      <c r="A10544">
        <v>156.78</v>
      </c>
      <c r="B10544">
        <v>200.41</v>
      </c>
      <c r="C10544">
        <v>17254.5</v>
      </c>
      <c r="D10544">
        <v>2.2000000000000002</v>
      </c>
      <c r="E10544">
        <v>18990.8</v>
      </c>
      <c r="F10544">
        <v>34.403599999999997</v>
      </c>
    </row>
    <row r="10545" spans="1:6" x14ac:dyDescent="0.25">
      <c r="A10545">
        <v>156.78</v>
      </c>
      <c r="B10545">
        <v>200.41</v>
      </c>
      <c r="C10545">
        <v>17254.5</v>
      </c>
      <c r="D10545">
        <v>2.5</v>
      </c>
      <c r="E10545">
        <v>18822.099999999999</v>
      </c>
      <c r="F10545">
        <v>33.310899999999997</v>
      </c>
    </row>
    <row r="10546" spans="1:6" x14ac:dyDescent="0.25">
      <c r="A10546">
        <v>156.78</v>
      </c>
      <c r="B10546">
        <v>200.41</v>
      </c>
      <c r="C10546">
        <v>17254.5</v>
      </c>
      <c r="D10546">
        <v>2.8</v>
      </c>
      <c r="E10546">
        <v>18706.099999999999</v>
      </c>
      <c r="F10546">
        <v>32.041699999999999</v>
      </c>
    </row>
    <row r="10547" spans="1:6" x14ac:dyDescent="0.25">
      <c r="A10547">
        <v>156.78</v>
      </c>
      <c r="B10547">
        <v>200.41</v>
      </c>
      <c r="C10547">
        <v>17254.5</v>
      </c>
      <c r="D10547">
        <v>3.1</v>
      </c>
      <c r="E10547">
        <v>18579.599999999999</v>
      </c>
      <c r="F10547">
        <v>32.408900000000003</v>
      </c>
    </row>
    <row r="10548" spans="1:6" x14ac:dyDescent="0.25">
      <c r="A10548">
        <v>156.78</v>
      </c>
      <c r="B10548">
        <v>200.41</v>
      </c>
      <c r="C10548">
        <v>17254.5</v>
      </c>
      <c r="D10548">
        <v>3.4</v>
      </c>
      <c r="E10548">
        <v>18439.2</v>
      </c>
      <c r="F10548">
        <v>32.668500000000002</v>
      </c>
    </row>
    <row r="10549" spans="1:6" x14ac:dyDescent="0.25">
      <c r="A10549">
        <v>156.78</v>
      </c>
      <c r="B10549">
        <v>200.41</v>
      </c>
      <c r="C10549">
        <v>17254.5</v>
      </c>
      <c r="D10549">
        <v>3.7</v>
      </c>
      <c r="E10549">
        <v>18331.900000000001</v>
      </c>
      <c r="F10549">
        <v>32.835799999999999</v>
      </c>
    </row>
    <row r="10550" spans="1:6" x14ac:dyDescent="0.25">
      <c r="A10550">
        <v>156.78</v>
      </c>
      <c r="B10550">
        <v>200.41</v>
      </c>
      <c r="C10550">
        <v>17254.5</v>
      </c>
      <c r="D10550">
        <v>4</v>
      </c>
      <c r="E10550">
        <v>18345.599999999999</v>
      </c>
      <c r="F10550">
        <v>37.009399999999999</v>
      </c>
    </row>
    <row r="10551" spans="1:6" x14ac:dyDescent="0.25">
      <c r="A10551">
        <v>156.78</v>
      </c>
      <c r="B10551">
        <v>200.41</v>
      </c>
      <c r="C10551">
        <v>18800</v>
      </c>
      <c r="D10551">
        <v>1</v>
      </c>
      <c r="E10551">
        <v>6038.15</v>
      </c>
      <c r="F10551">
        <v>28.927499999999998</v>
      </c>
    </row>
    <row r="10552" spans="1:6" x14ac:dyDescent="0.25">
      <c r="A10552">
        <v>156.78</v>
      </c>
      <c r="B10552">
        <v>200.41</v>
      </c>
      <c r="C10552">
        <v>18800</v>
      </c>
      <c r="D10552">
        <v>1.3</v>
      </c>
      <c r="E10552">
        <v>21778.799999999999</v>
      </c>
      <c r="F10552">
        <v>23.514800000000001</v>
      </c>
    </row>
    <row r="10553" spans="1:6" x14ac:dyDescent="0.25">
      <c r="A10553">
        <v>156.78</v>
      </c>
      <c r="B10553">
        <v>200.41</v>
      </c>
      <c r="C10553">
        <v>18800</v>
      </c>
      <c r="D10553">
        <v>1.6</v>
      </c>
      <c r="E10553">
        <v>5325.73</v>
      </c>
      <c r="F10553">
        <v>30.8367</v>
      </c>
    </row>
    <row r="10554" spans="1:6" x14ac:dyDescent="0.25">
      <c r="A10554">
        <v>156.78</v>
      </c>
      <c r="B10554">
        <v>200.41</v>
      </c>
      <c r="C10554">
        <v>18800</v>
      </c>
      <c r="D10554">
        <v>1.9</v>
      </c>
      <c r="E10554">
        <v>20810.8</v>
      </c>
      <c r="F10554">
        <v>34.7089</v>
      </c>
    </row>
    <row r="10555" spans="1:6" x14ac:dyDescent="0.25">
      <c r="A10555">
        <v>156.78</v>
      </c>
      <c r="B10555">
        <v>200.41</v>
      </c>
      <c r="C10555">
        <v>18800</v>
      </c>
      <c r="D10555">
        <v>2.2000000000000002</v>
      </c>
      <c r="E10555">
        <v>20541.599999999999</v>
      </c>
      <c r="F10555">
        <v>34.403599999999997</v>
      </c>
    </row>
    <row r="10556" spans="1:6" x14ac:dyDescent="0.25">
      <c r="A10556">
        <v>156.78</v>
      </c>
      <c r="B10556">
        <v>200.41</v>
      </c>
      <c r="C10556">
        <v>18800</v>
      </c>
      <c r="D10556">
        <v>2.5</v>
      </c>
      <c r="E10556">
        <v>20408.599999999999</v>
      </c>
      <c r="F10556">
        <v>33.310899999999997</v>
      </c>
    </row>
    <row r="10557" spans="1:6" x14ac:dyDescent="0.25">
      <c r="A10557">
        <v>156.78</v>
      </c>
      <c r="B10557">
        <v>200.41</v>
      </c>
      <c r="C10557">
        <v>18800</v>
      </c>
      <c r="D10557">
        <v>2.8</v>
      </c>
      <c r="E10557">
        <v>20171.599999999999</v>
      </c>
      <c r="F10557">
        <v>32.041699999999999</v>
      </c>
    </row>
    <row r="10558" spans="1:6" x14ac:dyDescent="0.25">
      <c r="A10558">
        <v>156.78</v>
      </c>
      <c r="B10558">
        <v>200.41</v>
      </c>
      <c r="C10558">
        <v>18800</v>
      </c>
      <c r="D10558">
        <v>3.1</v>
      </c>
      <c r="E10558">
        <v>20074.599999999999</v>
      </c>
      <c r="F10558">
        <v>32.408900000000003</v>
      </c>
    </row>
    <row r="10559" spans="1:6" x14ac:dyDescent="0.25">
      <c r="A10559">
        <v>156.78</v>
      </c>
      <c r="B10559">
        <v>200.41</v>
      </c>
      <c r="C10559">
        <v>18800</v>
      </c>
      <c r="D10559">
        <v>3.4</v>
      </c>
      <c r="E10559">
        <v>19865</v>
      </c>
      <c r="F10559">
        <v>32.668500000000002</v>
      </c>
    </row>
    <row r="10560" spans="1:6" x14ac:dyDescent="0.25">
      <c r="A10560">
        <v>156.78</v>
      </c>
      <c r="B10560">
        <v>200.41</v>
      </c>
      <c r="C10560">
        <v>18800</v>
      </c>
      <c r="D10560">
        <v>3.7</v>
      </c>
      <c r="E10560">
        <v>19761.7</v>
      </c>
      <c r="F10560">
        <v>32.835799999999999</v>
      </c>
    </row>
    <row r="10561" spans="1:6" x14ac:dyDescent="0.25">
      <c r="A10561">
        <v>156.78</v>
      </c>
      <c r="B10561">
        <v>200.41</v>
      </c>
      <c r="C10561">
        <v>18800</v>
      </c>
      <c r="D10561">
        <v>4</v>
      </c>
      <c r="E10561">
        <v>19797.099999999999</v>
      </c>
      <c r="F10561">
        <v>37.009399999999999</v>
      </c>
    </row>
    <row r="10562" spans="1:6" x14ac:dyDescent="0.25">
      <c r="A10562">
        <v>156.78</v>
      </c>
      <c r="B10562">
        <v>204.04</v>
      </c>
      <c r="C10562">
        <v>1800</v>
      </c>
      <c r="D10562">
        <v>1</v>
      </c>
      <c r="E10562">
        <v>5359.03</v>
      </c>
      <c r="F10562">
        <v>37.424100000000003</v>
      </c>
    </row>
    <row r="10563" spans="1:6" x14ac:dyDescent="0.25">
      <c r="A10563">
        <v>156.78</v>
      </c>
      <c r="B10563">
        <v>204.04</v>
      </c>
      <c r="C10563">
        <v>1800</v>
      </c>
      <c r="D10563">
        <v>1.3</v>
      </c>
      <c r="E10563">
        <v>4798.84</v>
      </c>
      <c r="F10563">
        <v>45.903599999999997</v>
      </c>
    </row>
    <row r="10564" spans="1:6" x14ac:dyDescent="0.25">
      <c r="A10564">
        <v>156.78</v>
      </c>
      <c r="B10564">
        <v>204.04</v>
      </c>
      <c r="C10564">
        <v>1800</v>
      </c>
      <c r="D10564">
        <v>1.6</v>
      </c>
      <c r="E10564">
        <v>4422.3500000000004</v>
      </c>
      <c r="F10564">
        <v>52.076799999999999</v>
      </c>
    </row>
    <row r="10565" spans="1:6" x14ac:dyDescent="0.25">
      <c r="A10565">
        <v>156.78</v>
      </c>
      <c r="B10565">
        <v>204.04</v>
      </c>
      <c r="C10565">
        <v>1800</v>
      </c>
      <c r="D10565">
        <v>1.9</v>
      </c>
      <c r="E10565">
        <v>4176.43</v>
      </c>
      <c r="F10565">
        <v>58.204099999999997</v>
      </c>
    </row>
    <row r="10566" spans="1:6" x14ac:dyDescent="0.25">
      <c r="A10566">
        <v>156.78</v>
      </c>
      <c r="B10566">
        <v>204.04</v>
      </c>
      <c r="C10566">
        <v>1800</v>
      </c>
      <c r="D10566">
        <v>2.2000000000000002</v>
      </c>
      <c r="E10566">
        <v>3959.57</v>
      </c>
      <c r="F10566">
        <v>61.855899999999998</v>
      </c>
    </row>
    <row r="10567" spans="1:6" x14ac:dyDescent="0.25">
      <c r="A10567">
        <v>156.78</v>
      </c>
      <c r="B10567">
        <v>204.04</v>
      </c>
      <c r="C10567">
        <v>1800</v>
      </c>
      <c r="D10567">
        <v>2.5</v>
      </c>
      <c r="E10567">
        <v>3752.49</v>
      </c>
      <c r="F10567">
        <v>63.821100000000001</v>
      </c>
    </row>
    <row r="10568" spans="1:6" x14ac:dyDescent="0.25">
      <c r="A10568">
        <v>156.78</v>
      </c>
      <c r="B10568">
        <v>204.04</v>
      </c>
      <c r="C10568">
        <v>1800</v>
      </c>
      <c r="D10568">
        <v>2.8</v>
      </c>
      <c r="E10568">
        <v>3573.1</v>
      </c>
      <c r="F10568">
        <v>68.980999999999995</v>
      </c>
    </row>
    <row r="10569" spans="1:6" x14ac:dyDescent="0.25">
      <c r="A10569">
        <v>156.78</v>
      </c>
      <c r="B10569">
        <v>204.04</v>
      </c>
      <c r="C10569">
        <v>1800</v>
      </c>
      <c r="D10569">
        <v>3.1</v>
      </c>
      <c r="E10569">
        <v>3437.95</v>
      </c>
      <c r="F10569">
        <v>69.831100000000006</v>
      </c>
    </row>
    <row r="10570" spans="1:6" x14ac:dyDescent="0.25">
      <c r="A10570">
        <v>156.78</v>
      </c>
      <c r="B10570">
        <v>204.04</v>
      </c>
      <c r="C10570">
        <v>1800</v>
      </c>
      <c r="D10570">
        <v>3.4</v>
      </c>
      <c r="E10570">
        <v>3395.48</v>
      </c>
      <c r="F10570">
        <v>72.020399999999995</v>
      </c>
    </row>
    <row r="10571" spans="1:6" x14ac:dyDescent="0.25">
      <c r="A10571">
        <v>156.78</v>
      </c>
      <c r="B10571">
        <v>204.04</v>
      </c>
      <c r="C10571">
        <v>1800</v>
      </c>
      <c r="D10571">
        <v>3.7</v>
      </c>
      <c r="E10571">
        <v>3299.57</v>
      </c>
      <c r="F10571">
        <v>74.455299999999994</v>
      </c>
    </row>
    <row r="10572" spans="1:6" x14ac:dyDescent="0.25">
      <c r="A10572">
        <v>156.78</v>
      </c>
      <c r="B10572">
        <v>204.04</v>
      </c>
      <c r="C10572">
        <v>1800</v>
      </c>
      <c r="D10572">
        <v>4</v>
      </c>
      <c r="E10572">
        <v>3237.95</v>
      </c>
      <c r="F10572">
        <v>75.328800000000001</v>
      </c>
    </row>
    <row r="10573" spans="1:6" x14ac:dyDescent="0.25">
      <c r="A10573">
        <v>156.78</v>
      </c>
      <c r="B10573">
        <v>204.04</v>
      </c>
      <c r="C10573">
        <v>3345.45</v>
      </c>
      <c r="D10573">
        <v>1</v>
      </c>
      <c r="E10573">
        <v>7137.26</v>
      </c>
      <c r="F10573">
        <v>21.537299999999998</v>
      </c>
    </row>
    <row r="10574" spans="1:6" x14ac:dyDescent="0.25">
      <c r="A10574">
        <v>156.78</v>
      </c>
      <c r="B10574">
        <v>204.04</v>
      </c>
      <c r="C10574">
        <v>3345.45</v>
      </c>
      <c r="D10574">
        <v>1.3</v>
      </c>
      <c r="E10574">
        <v>6087.64</v>
      </c>
      <c r="F10574">
        <v>23.681100000000001</v>
      </c>
    </row>
    <row r="10575" spans="1:6" x14ac:dyDescent="0.25">
      <c r="A10575">
        <v>156.78</v>
      </c>
      <c r="B10575">
        <v>204.04</v>
      </c>
      <c r="C10575">
        <v>3345.45</v>
      </c>
      <c r="D10575">
        <v>1.6</v>
      </c>
      <c r="E10575">
        <v>5632.47</v>
      </c>
      <c r="F10575">
        <v>23.314900000000002</v>
      </c>
    </row>
    <row r="10576" spans="1:6" x14ac:dyDescent="0.25">
      <c r="A10576">
        <v>156.78</v>
      </c>
      <c r="B10576">
        <v>204.04</v>
      </c>
      <c r="C10576">
        <v>3345.45</v>
      </c>
      <c r="D10576">
        <v>1.9</v>
      </c>
      <c r="E10576">
        <v>5385.57</v>
      </c>
      <c r="F10576">
        <v>34.7089</v>
      </c>
    </row>
    <row r="10577" spans="1:6" x14ac:dyDescent="0.25">
      <c r="A10577">
        <v>156.78</v>
      </c>
      <c r="B10577">
        <v>204.04</v>
      </c>
      <c r="C10577">
        <v>3345.45</v>
      </c>
      <c r="D10577">
        <v>2.2000000000000002</v>
      </c>
      <c r="E10577">
        <v>5227.96</v>
      </c>
      <c r="F10577">
        <v>33.927199999999999</v>
      </c>
    </row>
    <row r="10578" spans="1:6" x14ac:dyDescent="0.25">
      <c r="A10578">
        <v>156.78</v>
      </c>
      <c r="B10578">
        <v>204.04</v>
      </c>
      <c r="C10578">
        <v>3345.45</v>
      </c>
      <c r="D10578">
        <v>2.5</v>
      </c>
      <c r="E10578">
        <v>5022.12</v>
      </c>
      <c r="F10578">
        <v>26.7746</v>
      </c>
    </row>
    <row r="10579" spans="1:6" x14ac:dyDescent="0.25">
      <c r="A10579">
        <v>156.78</v>
      </c>
      <c r="B10579">
        <v>204.04</v>
      </c>
      <c r="C10579">
        <v>3345.45</v>
      </c>
      <c r="D10579">
        <v>2.8</v>
      </c>
      <c r="E10579">
        <v>4968.8900000000003</v>
      </c>
      <c r="F10579">
        <v>23.9085</v>
      </c>
    </row>
    <row r="10580" spans="1:6" x14ac:dyDescent="0.25">
      <c r="A10580">
        <v>156.78</v>
      </c>
      <c r="B10580">
        <v>204.04</v>
      </c>
      <c r="C10580">
        <v>3345.45</v>
      </c>
      <c r="D10580">
        <v>3.1</v>
      </c>
      <c r="E10580">
        <v>4848.7700000000004</v>
      </c>
      <c r="F10580">
        <v>24.598500000000001</v>
      </c>
    </row>
    <row r="10581" spans="1:6" x14ac:dyDescent="0.25">
      <c r="A10581">
        <v>156.78</v>
      </c>
      <c r="B10581">
        <v>204.04</v>
      </c>
      <c r="C10581">
        <v>3345.45</v>
      </c>
      <c r="D10581">
        <v>3.4</v>
      </c>
      <c r="E10581">
        <v>4729.3900000000003</v>
      </c>
      <c r="F10581">
        <v>25.174499999999998</v>
      </c>
    </row>
    <row r="10582" spans="1:6" x14ac:dyDescent="0.25">
      <c r="A10582">
        <v>156.78</v>
      </c>
      <c r="B10582">
        <v>204.04</v>
      </c>
      <c r="C10582">
        <v>3345.45</v>
      </c>
      <c r="D10582">
        <v>3.7</v>
      </c>
      <c r="E10582">
        <v>4634.0200000000004</v>
      </c>
      <c r="F10582">
        <v>25.607199999999999</v>
      </c>
    </row>
    <row r="10583" spans="1:6" x14ac:dyDescent="0.25">
      <c r="A10583">
        <v>156.78</v>
      </c>
      <c r="B10583">
        <v>204.04</v>
      </c>
      <c r="C10583">
        <v>3345.45</v>
      </c>
      <c r="D10583">
        <v>4</v>
      </c>
      <c r="E10583">
        <v>4605.3999999999996</v>
      </c>
      <c r="F10583">
        <v>35.855600000000003</v>
      </c>
    </row>
    <row r="10584" spans="1:6" x14ac:dyDescent="0.25">
      <c r="A10584">
        <v>156.78</v>
      </c>
      <c r="B10584">
        <v>204.04</v>
      </c>
      <c r="C10584">
        <v>4890.8999999999996</v>
      </c>
      <c r="D10584">
        <v>1</v>
      </c>
      <c r="E10584">
        <v>6038.15</v>
      </c>
      <c r="F10584">
        <v>28.927499999999998</v>
      </c>
    </row>
    <row r="10585" spans="1:6" x14ac:dyDescent="0.25">
      <c r="A10585">
        <v>156.78</v>
      </c>
      <c r="B10585">
        <v>204.04</v>
      </c>
      <c r="C10585">
        <v>4890.8999999999996</v>
      </c>
      <c r="D10585">
        <v>1.3</v>
      </c>
      <c r="E10585">
        <v>7689.17</v>
      </c>
      <c r="F10585">
        <v>23.514800000000001</v>
      </c>
    </row>
    <row r="10586" spans="1:6" x14ac:dyDescent="0.25">
      <c r="A10586">
        <v>156.78</v>
      </c>
      <c r="B10586">
        <v>204.04</v>
      </c>
      <c r="C10586">
        <v>4890.8999999999996</v>
      </c>
      <c r="D10586">
        <v>1.6</v>
      </c>
      <c r="E10586">
        <v>5325.73</v>
      </c>
      <c r="F10586">
        <v>30.8367</v>
      </c>
    </row>
    <row r="10587" spans="1:6" x14ac:dyDescent="0.25">
      <c r="A10587">
        <v>156.78</v>
      </c>
      <c r="B10587">
        <v>204.04</v>
      </c>
      <c r="C10587">
        <v>4890.8999999999996</v>
      </c>
      <c r="D10587">
        <v>1.9</v>
      </c>
      <c r="E10587">
        <v>6968.68</v>
      </c>
      <c r="F10587">
        <v>34.7089</v>
      </c>
    </row>
    <row r="10588" spans="1:6" x14ac:dyDescent="0.25">
      <c r="A10588">
        <v>156.78</v>
      </c>
      <c r="B10588">
        <v>204.04</v>
      </c>
      <c r="C10588">
        <v>4890.8999999999996</v>
      </c>
      <c r="D10588">
        <v>2.2000000000000002</v>
      </c>
      <c r="E10588">
        <v>6766.54</v>
      </c>
      <c r="F10588">
        <v>34.403599999999997</v>
      </c>
    </row>
    <row r="10589" spans="1:6" x14ac:dyDescent="0.25">
      <c r="A10589">
        <v>156.78</v>
      </c>
      <c r="B10589">
        <v>204.04</v>
      </c>
      <c r="C10589">
        <v>4890.8999999999996</v>
      </c>
      <c r="D10589">
        <v>2.5</v>
      </c>
      <c r="E10589">
        <v>6444.02</v>
      </c>
      <c r="F10589">
        <v>33.310899999999997</v>
      </c>
    </row>
    <row r="10590" spans="1:6" x14ac:dyDescent="0.25">
      <c r="A10590">
        <v>156.78</v>
      </c>
      <c r="B10590">
        <v>204.04</v>
      </c>
      <c r="C10590">
        <v>4890.8999999999996</v>
      </c>
      <c r="D10590">
        <v>2.8</v>
      </c>
      <c r="E10590">
        <v>6377</v>
      </c>
      <c r="F10590">
        <v>32.041699999999999</v>
      </c>
    </row>
    <row r="10591" spans="1:6" x14ac:dyDescent="0.25">
      <c r="A10591">
        <v>156.78</v>
      </c>
      <c r="B10591">
        <v>204.04</v>
      </c>
      <c r="C10591">
        <v>4890.8999999999996</v>
      </c>
      <c r="D10591">
        <v>3.1</v>
      </c>
      <c r="E10591">
        <v>6155.34</v>
      </c>
      <c r="F10591">
        <v>32.408900000000003</v>
      </c>
    </row>
    <row r="10592" spans="1:6" x14ac:dyDescent="0.25">
      <c r="A10592">
        <v>156.78</v>
      </c>
      <c r="B10592">
        <v>204.04</v>
      </c>
      <c r="C10592">
        <v>4890.8999999999996</v>
      </c>
      <c r="D10592">
        <v>3.4</v>
      </c>
      <c r="E10592">
        <v>6095.38</v>
      </c>
      <c r="F10592">
        <v>32.668500000000002</v>
      </c>
    </row>
    <row r="10593" spans="1:6" x14ac:dyDescent="0.25">
      <c r="A10593">
        <v>156.78</v>
      </c>
      <c r="B10593">
        <v>204.04</v>
      </c>
      <c r="C10593">
        <v>4890.8999999999996</v>
      </c>
      <c r="D10593">
        <v>3.7</v>
      </c>
      <c r="E10593">
        <v>5970.81</v>
      </c>
      <c r="F10593">
        <v>32.835799999999999</v>
      </c>
    </row>
    <row r="10594" spans="1:6" x14ac:dyDescent="0.25">
      <c r="A10594">
        <v>156.78</v>
      </c>
      <c r="B10594">
        <v>204.04</v>
      </c>
      <c r="C10594">
        <v>4890.8999999999996</v>
      </c>
      <c r="D10594">
        <v>4</v>
      </c>
      <c r="E10594">
        <v>6007.95</v>
      </c>
      <c r="F10594">
        <v>37.009399999999999</v>
      </c>
    </row>
    <row r="10595" spans="1:6" x14ac:dyDescent="0.25">
      <c r="A10595">
        <v>156.78</v>
      </c>
      <c r="B10595">
        <v>204.04</v>
      </c>
      <c r="C10595">
        <v>6436.35</v>
      </c>
      <c r="D10595">
        <v>1</v>
      </c>
      <c r="E10595">
        <v>6038.15</v>
      </c>
      <c r="F10595">
        <v>28.927499999999998</v>
      </c>
    </row>
    <row r="10596" spans="1:6" x14ac:dyDescent="0.25">
      <c r="A10596">
        <v>156.78</v>
      </c>
      <c r="B10596">
        <v>204.04</v>
      </c>
      <c r="C10596">
        <v>6436.35</v>
      </c>
      <c r="D10596">
        <v>1.3</v>
      </c>
      <c r="E10596">
        <v>9485.67</v>
      </c>
      <c r="F10596">
        <v>23.514800000000001</v>
      </c>
    </row>
    <row r="10597" spans="1:6" x14ac:dyDescent="0.25">
      <c r="A10597">
        <v>156.78</v>
      </c>
      <c r="B10597">
        <v>204.04</v>
      </c>
      <c r="C10597">
        <v>6436.35</v>
      </c>
      <c r="D10597">
        <v>1.6</v>
      </c>
      <c r="E10597">
        <v>5325.73</v>
      </c>
      <c r="F10597">
        <v>30.8367</v>
      </c>
    </row>
    <row r="10598" spans="1:6" x14ac:dyDescent="0.25">
      <c r="A10598">
        <v>156.78</v>
      </c>
      <c r="B10598">
        <v>204.04</v>
      </c>
      <c r="C10598">
        <v>6436.35</v>
      </c>
      <c r="D10598">
        <v>1.9</v>
      </c>
      <c r="E10598">
        <v>8464.44</v>
      </c>
      <c r="F10598">
        <v>34.7089</v>
      </c>
    </row>
    <row r="10599" spans="1:6" x14ac:dyDescent="0.25">
      <c r="A10599">
        <v>156.78</v>
      </c>
      <c r="B10599">
        <v>204.04</v>
      </c>
      <c r="C10599">
        <v>6436.35</v>
      </c>
      <c r="D10599">
        <v>2.2000000000000002</v>
      </c>
      <c r="E10599">
        <v>8323.18</v>
      </c>
      <c r="F10599">
        <v>34.403599999999997</v>
      </c>
    </row>
    <row r="10600" spans="1:6" x14ac:dyDescent="0.25">
      <c r="A10600">
        <v>156.78</v>
      </c>
      <c r="B10600">
        <v>204.04</v>
      </c>
      <c r="C10600">
        <v>6436.35</v>
      </c>
      <c r="D10600">
        <v>2.5</v>
      </c>
      <c r="E10600">
        <v>8092.32</v>
      </c>
      <c r="F10600">
        <v>33.310899999999997</v>
      </c>
    </row>
    <row r="10601" spans="1:6" x14ac:dyDescent="0.25">
      <c r="A10601">
        <v>156.78</v>
      </c>
      <c r="B10601">
        <v>204.04</v>
      </c>
      <c r="C10601">
        <v>6436.35</v>
      </c>
      <c r="D10601">
        <v>2.8</v>
      </c>
      <c r="E10601">
        <v>7800.68</v>
      </c>
      <c r="F10601">
        <v>32.041699999999999</v>
      </c>
    </row>
    <row r="10602" spans="1:6" x14ac:dyDescent="0.25">
      <c r="A10602">
        <v>156.78</v>
      </c>
      <c r="B10602">
        <v>204.04</v>
      </c>
      <c r="C10602">
        <v>6436.35</v>
      </c>
      <c r="D10602">
        <v>3.1</v>
      </c>
      <c r="E10602">
        <v>7707.52</v>
      </c>
      <c r="F10602">
        <v>32.408900000000003</v>
      </c>
    </row>
    <row r="10603" spans="1:6" x14ac:dyDescent="0.25">
      <c r="A10603">
        <v>156.78</v>
      </c>
      <c r="B10603">
        <v>204.04</v>
      </c>
      <c r="C10603">
        <v>6436.35</v>
      </c>
      <c r="D10603">
        <v>3.4</v>
      </c>
      <c r="E10603">
        <v>7599.42</v>
      </c>
      <c r="F10603">
        <v>32.668500000000002</v>
      </c>
    </row>
    <row r="10604" spans="1:6" x14ac:dyDescent="0.25">
      <c r="A10604">
        <v>156.78</v>
      </c>
      <c r="B10604">
        <v>204.04</v>
      </c>
      <c r="C10604">
        <v>6436.35</v>
      </c>
      <c r="D10604">
        <v>3.7</v>
      </c>
      <c r="E10604">
        <v>7524.81</v>
      </c>
      <c r="F10604">
        <v>32.835799999999999</v>
      </c>
    </row>
    <row r="10605" spans="1:6" x14ac:dyDescent="0.25">
      <c r="A10605">
        <v>156.78</v>
      </c>
      <c r="B10605">
        <v>204.04</v>
      </c>
      <c r="C10605">
        <v>6436.35</v>
      </c>
      <c r="D10605">
        <v>4</v>
      </c>
      <c r="E10605">
        <v>7561.33</v>
      </c>
      <c r="F10605">
        <v>37.009399999999999</v>
      </c>
    </row>
    <row r="10606" spans="1:6" x14ac:dyDescent="0.25">
      <c r="A10606">
        <v>156.78</v>
      </c>
      <c r="B10606">
        <v>204.04</v>
      </c>
      <c r="C10606">
        <v>7981.8</v>
      </c>
      <c r="D10606">
        <v>1</v>
      </c>
      <c r="E10606">
        <v>6038.15</v>
      </c>
      <c r="F10606">
        <v>28.927499999999998</v>
      </c>
    </row>
    <row r="10607" spans="1:6" x14ac:dyDescent="0.25">
      <c r="A10607">
        <v>156.78</v>
      </c>
      <c r="B10607">
        <v>204.04</v>
      </c>
      <c r="C10607">
        <v>7981.8</v>
      </c>
      <c r="D10607">
        <v>1.3</v>
      </c>
      <c r="E10607">
        <v>10750.2</v>
      </c>
      <c r="F10607">
        <v>23.514800000000001</v>
      </c>
    </row>
    <row r="10608" spans="1:6" x14ac:dyDescent="0.25">
      <c r="A10608">
        <v>156.78</v>
      </c>
      <c r="B10608">
        <v>204.04</v>
      </c>
      <c r="C10608">
        <v>7981.8</v>
      </c>
      <c r="D10608">
        <v>1.6</v>
      </c>
      <c r="E10608">
        <v>5325.73</v>
      </c>
      <c r="F10608">
        <v>30.8367</v>
      </c>
    </row>
    <row r="10609" spans="1:6" x14ac:dyDescent="0.25">
      <c r="A10609">
        <v>156.78</v>
      </c>
      <c r="B10609">
        <v>204.04</v>
      </c>
      <c r="C10609">
        <v>7981.8</v>
      </c>
      <c r="D10609">
        <v>1.9</v>
      </c>
      <c r="E10609">
        <v>10102.6</v>
      </c>
      <c r="F10609">
        <v>34.7089</v>
      </c>
    </row>
    <row r="10610" spans="1:6" x14ac:dyDescent="0.25">
      <c r="A10610">
        <v>156.78</v>
      </c>
      <c r="B10610">
        <v>204.04</v>
      </c>
      <c r="C10610">
        <v>7981.8</v>
      </c>
      <c r="D10610">
        <v>2.2000000000000002</v>
      </c>
      <c r="E10610">
        <v>9739.48</v>
      </c>
      <c r="F10610">
        <v>34.403599999999997</v>
      </c>
    </row>
    <row r="10611" spans="1:6" x14ac:dyDescent="0.25">
      <c r="A10611">
        <v>156.78</v>
      </c>
      <c r="B10611">
        <v>204.04</v>
      </c>
      <c r="C10611">
        <v>7981.8</v>
      </c>
      <c r="D10611">
        <v>2.5</v>
      </c>
      <c r="E10611">
        <v>9541.52</v>
      </c>
      <c r="F10611">
        <v>33.310899999999997</v>
      </c>
    </row>
    <row r="10612" spans="1:6" x14ac:dyDescent="0.25">
      <c r="A10612">
        <v>156.78</v>
      </c>
      <c r="B10612">
        <v>204.04</v>
      </c>
      <c r="C10612">
        <v>7981.8</v>
      </c>
      <c r="D10612">
        <v>2.8</v>
      </c>
      <c r="E10612">
        <v>9413.24</v>
      </c>
      <c r="F10612">
        <v>32.041699999999999</v>
      </c>
    </row>
    <row r="10613" spans="1:6" x14ac:dyDescent="0.25">
      <c r="A10613">
        <v>156.78</v>
      </c>
      <c r="B10613">
        <v>204.04</v>
      </c>
      <c r="C10613">
        <v>7981.8</v>
      </c>
      <c r="D10613">
        <v>3.1</v>
      </c>
      <c r="E10613">
        <v>9256.07</v>
      </c>
      <c r="F10613">
        <v>32.408900000000003</v>
      </c>
    </row>
    <row r="10614" spans="1:6" x14ac:dyDescent="0.25">
      <c r="A10614">
        <v>156.78</v>
      </c>
      <c r="B10614">
        <v>204.04</v>
      </c>
      <c r="C10614">
        <v>7981.8</v>
      </c>
      <c r="D10614">
        <v>3.4</v>
      </c>
      <c r="E10614">
        <v>9124.48</v>
      </c>
      <c r="F10614">
        <v>32.668500000000002</v>
      </c>
    </row>
    <row r="10615" spans="1:6" x14ac:dyDescent="0.25">
      <c r="A10615">
        <v>156.78</v>
      </c>
      <c r="B10615">
        <v>204.04</v>
      </c>
      <c r="C10615">
        <v>7981.8</v>
      </c>
      <c r="D10615">
        <v>3.7</v>
      </c>
      <c r="E10615">
        <v>9015.27</v>
      </c>
      <c r="F10615">
        <v>32.835799999999999</v>
      </c>
    </row>
    <row r="10616" spans="1:6" x14ac:dyDescent="0.25">
      <c r="A10616">
        <v>156.78</v>
      </c>
      <c r="B10616">
        <v>204.04</v>
      </c>
      <c r="C10616">
        <v>7981.8</v>
      </c>
      <c r="D10616">
        <v>4</v>
      </c>
      <c r="E10616">
        <v>9051.36</v>
      </c>
      <c r="F10616">
        <v>37.009399999999999</v>
      </c>
    </row>
    <row r="10617" spans="1:6" x14ac:dyDescent="0.25">
      <c r="A10617">
        <v>156.78</v>
      </c>
      <c r="B10617">
        <v>204.04</v>
      </c>
      <c r="C10617">
        <v>9527.25</v>
      </c>
      <c r="D10617">
        <v>1</v>
      </c>
      <c r="E10617">
        <v>6038.15</v>
      </c>
      <c r="F10617">
        <v>28.927499999999998</v>
      </c>
    </row>
    <row r="10618" spans="1:6" x14ac:dyDescent="0.25">
      <c r="A10618">
        <v>156.78</v>
      </c>
      <c r="B10618">
        <v>204.04</v>
      </c>
      <c r="C10618">
        <v>9527.25</v>
      </c>
      <c r="D10618">
        <v>1.3</v>
      </c>
      <c r="E10618">
        <v>12472.9</v>
      </c>
      <c r="F10618">
        <v>23.514800000000001</v>
      </c>
    </row>
    <row r="10619" spans="1:6" x14ac:dyDescent="0.25">
      <c r="A10619">
        <v>156.78</v>
      </c>
      <c r="B10619">
        <v>204.04</v>
      </c>
      <c r="C10619">
        <v>9527.25</v>
      </c>
      <c r="D10619">
        <v>1.6</v>
      </c>
      <c r="E10619">
        <v>5325.73</v>
      </c>
      <c r="F10619">
        <v>30.8367</v>
      </c>
    </row>
    <row r="10620" spans="1:6" x14ac:dyDescent="0.25">
      <c r="A10620">
        <v>156.78</v>
      </c>
      <c r="B10620">
        <v>204.04</v>
      </c>
      <c r="C10620">
        <v>9527.25</v>
      </c>
      <c r="D10620">
        <v>1.9</v>
      </c>
      <c r="E10620">
        <v>11646</v>
      </c>
      <c r="F10620">
        <v>34.7089</v>
      </c>
    </row>
    <row r="10621" spans="1:6" x14ac:dyDescent="0.25">
      <c r="A10621">
        <v>156.78</v>
      </c>
      <c r="B10621">
        <v>204.04</v>
      </c>
      <c r="C10621">
        <v>9527.25</v>
      </c>
      <c r="D10621">
        <v>2.2000000000000002</v>
      </c>
      <c r="E10621">
        <v>11385.8</v>
      </c>
      <c r="F10621">
        <v>34.403599999999997</v>
      </c>
    </row>
    <row r="10622" spans="1:6" x14ac:dyDescent="0.25">
      <c r="A10622">
        <v>156.78</v>
      </c>
      <c r="B10622">
        <v>204.04</v>
      </c>
      <c r="C10622">
        <v>9527.25</v>
      </c>
      <c r="D10622">
        <v>2.5</v>
      </c>
      <c r="E10622">
        <v>11202.5</v>
      </c>
      <c r="F10622">
        <v>33.310899999999997</v>
      </c>
    </row>
    <row r="10623" spans="1:6" x14ac:dyDescent="0.25">
      <c r="A10623">
        <v>156.78</v>
      </c>
      <c r="B10623">
        <v>204.04</v>
      </c>
      <c r="C10623">
        <v>9527.25</v>
      </c>
      <c r="D10623">
        <v>2.8</v>
      </c>
      <c r="E10623">
        <v>11020.3</v>
      </c>
      <c r="F10623">
        <v>32.041699999999999</v>
      </c>
    </row>
    <row r="10624" spans="1:6" x14ac:dyDescent="0.25">
      <c r="A10624">
        <v>156.78</v>
      </c>
      <c r="B10624">
        <v>204.04</v>
      </c>
      <c r="C10624">
        <v>9527.25</v>
      </c>
      <c r="D10624">
        <v>3.1</v>
      </c>
      <c r="E10624">
        <v>10852.2</v>
      </c>
      <c r="F10624">
        <v>32.408900000000003</v>
      </c>
    </row>
    <row r="10625" spans="1:6" x14ac:dyDescent="0.25">
      <c r="A10625">
        <v>156.78</v>
      </c>
      <c r="B10625">
        <v>204.04</v>
      </c>
      <c r="C10625">
        <v>9527.25</v>
      </c>
      <c r="D10625">
        <v>3.4</v>
      </c>
      <c r="E10625">
        <v>10734.9</v>
      </c>
      <c r="F10625">
        <v>32.668500000000002</v>
      </c>
    </row>
    <row r="10626" spans="1:6" x14ac:dyDescent="0.25">
      <c r="A10626">
        <v>156.78</v>
      </c>
      <c r="B10626">
        <v>204.04</v>
      </c>
      <c r="C10626">
        <v>9527.25</v>
      </c>
      <c r="D10626">
        <v>3.7</v>
      </c>
      <c r="E10626">
        <v>10647.6</v>
      </c>
      <c r="F10626">
        <v>32.835799999999999</v>
      </c>
    </row>
    <row r="10627" spans="1:6" x14ac:dyDescent="0.25">
      <c r="A10627">
        <v>156.78</v>
      </c>
      <c r="B10627">
        <v>204.04</v>
      </c>
      <c r="C10627">
        <v>9527.25</v>
      </c>
      <c r="D10627">
        <v>4</v>
      </c>
      <c r="E10627">
        <v>10642.9</v>
      </c>
      <c r="F10627">
        <v>37.009399999999999</v>
      </c>
    </row>
    <row r="10628" spans="1:6" x14ac:dyDescent="0.25">
      <c r="A10628">
        <v>156.78</v>
      </c>
      <c r="B10628">
        <v>204.04</v>
      </c>
      <c r="C10628">
        <v>11072.7</v>
      </c>
      <c r="D10628">
        <v>1</v>
      </c>
      <c r="E10628">
        <v>6038.15</v>
      </c>
      <c r="F10628">
        <v>28.927499999999998</v>
      </c>
    </row>
    <row r="10629" spans="1:6" x14ac:dyDescent="0.25">
      <c r="A10629">
        <v>156.78</v>
      </c>
      <c r="B10629">
        <v>204.04</v>
      </c>
      <c r="C10629">
        <v>11072.7</v>
      </c>
      <c r="D10629">
        <v>1.3</v>
      </c>
      <c r="E10629">
        <v>14131.5</v>
      </c>
      <c r="F10629">
        <v>23.514800000000001</v>
      </c>
    </row>
    <row r="10630" spans="1:6" x14ac:dyDescent="0.25">
      <c r="A10630">
        <v>156.78</v>
      </c>
      <c r="B10630">
        <v>204.04</v>
      </c>
      <c r="C10630">
        <v>11072.7</v>
      </c>
      <c r="D10630">
        <v>1.6</v>
      </c>
      <c r="E10630">
        <v>5325.73</v>
      </c>
      <c r="F10630">
        <v>30.8367</v>
      </c>
    </row>
    <row r="10631" spans="1:6" x14ac:dyDescent="0.25">
      <c r="A10631">
        <v>156.78</v>
      </c>
      <c r="B10631">
        <v>204.04</v>
      </c>
      <c r="C10631">
        <v>11072.7</v>
      </c>
      <c r="D10631">
        <v>1.9</v>
      </c>
      <c r="E10631">
        <v>13044.4</v>
      </c>
      <c r="F10631">
        <v>34.7089</v>
      </c>
    </row>
    <row r="10632" spans="1:6" x14ac:dyDescent="0.25">
      <c r="A10632">
        <v>156.78</v>
      </c>
      <c r="B10632">
        <v>204.04</v>
      </c>
      <c r="C10632">
        <v>11072.7</v>
      </c>
      <c r="D10632">
        <v>2.2000000000000002</v>
      </c>
      <c r="E10632">
        <v>12939.4</v>
      </c>
      <c r="F10632">
        <v>34.403599999999997</v>
      </c>
    </row>
    <row r="10633" spans="1:6" x14ac:dyDescent="0.25">
      <c r="A10633">
        <v>156.78</v>
      </c>
      <c r="B10633">
        <v>204.04</v>
      </c>
      <c r="C10633">
        <v>11072.7</v>
      </c>
      <c r="D10633">
        <v>2.5</v>
      </c>
      <c r="E10633">
        <v>12671.2</v>
      </c>
      <c r="F10633">
        <v>33.310899999999997</v>
      </c>
    </row>
    <row r="10634" spans="1:6" x14ac:dyDescent="0.25">
      <c r="A10634">
        <v>156.78</v>
      </c>
      <c r="B10634">
        <v>204.04</v>
      </c>
      <c r="C10634">
        <v>11072.7</v>
      </c>
      <c r="D10634">
        <v>2.8</v>
      </c>
      <c r="E10634">
        <v>12489.8</v>
      </c>
      <c r="F10634">
        <v>32.041699999999999</v>
      </c>
    </row>
    <row r="10635" spans="1:6" x14ac:dyDescent="0.25">
      <c r="A10635">
        <v>156.78</v>
      </c>
      <c r="B10635">
        <v>204.04</v>
      </c>
      <c r="C10635">
        <v>11072.7</v>
      </c>
      <c r="D10635">
        <v>3.1</v>
      </c>
      <c r="E10635">
        <v>12360.7</v>
      </c>
      <c r="F10635">
        <v>32.408900000000003</v>
      </c>
    </row>
    <row r="10636" spans="1:6" x14ac:dyDescent="0.25">
      <c r="A10636">
        <v>156.78</v>
      </c>
      <c r="B10636">
        <v>204.04</v>
      </c>
      <c r="C10636">
        <v>11072.7</v>
      </c>
      <c r="D10636">
        <v>3.4</v>
      </c>
      <c r="E10636">
        <v>12207.5</v>
      </c>
      <c r="F10636">
        <v>32.668500000000002</v>
      </c>
    </row>
    <row r="10637" spans="1:6" x14ac:dyDescent="0.25">
      <c r="A10637">
        <v>156.78</v>
      </c>
      <c r="B10637">
        <v>204.04</v>
      </c>
      <c r="C10637">
        <v>11072.7</v>
      </c>
      <c r="D10637">
        <v>3.7</v>
      </c>
      <c r="E10637">
        <v>12189.3</v>
      </c>
      <c r="F10637">
        <v>32.835799999999999</v>
      </c>
    </row>
    <row r="10638" spans="1:6" x14ac:dyDescent="0.25">
      <c r="A10638">
        <v>156.78</v>
      </c>
      <c r="B10638">
        <v>204.04</v>
      </c>
      <c r="C10638">
        <v>11072.7</v>
      </c>
      <c r="D10638">
        <v>4</v>
      </c>
      <c r="E10638">
        <v>12170.5</v>
      </c>
      <c r="F10638">
        <v>37.009399999999999</v>
      </c>
    </row>
    <row r="10639" spans="1:6" x14ac:dyDescent="0.25">
      <c r="A10639">
        <v>156.78</v>
      </c>
      <c r="B10639">
        <v>204.04</v>
      </c>
      <c r="C10639">
        <v>12618.2</v>
      </c>
      <c r="D10639">
        <v>1</v>
      </c>
      <c r="E10639">
        <v>6038.15</v>
      </c>
      <c r="F10639">
        <v>28.927499999999998</v>
      </c>
    </row>
    <row r="10640" spans="1:6" x14ac:dyDescent="0.25">
      <c r="A10640">
        <v>156.78</v>
      </c>
      <c r="B10640">
        <v>204.04</v>
      </c>
      <c r="C10640">
        <v>12618.2</v>
      </c>
      <c r="D10640">
        <v>1.3</v>
      </c>
      <c r="E10640">
        <v>15531</v>
      </c>
      <c r="F10640">
        <v>23.514800000000001</v>
      </c>
    </row>
    <row r="10641" spans="1:6" x14ac:dyDescent="0.25">
      <c r="A10641">
        <v>156.78</v>
      </c>
      <c r="B10641">
        <v>204.04</v>
      </c>
      <c r="C10641">
        <v>12618.2</v>
      </c>
      <c r="D10641">
        <v>1.6</v>
      </c>
      <c r="E10641">
        <v>5325.73</v>
      </c>
      <c r="F10641">
        <v>30.8367</v>
      </c>
    </row>
    <row r="10642" spans="1:6" x14ac:dyDescent="0.25">
      <c r="A10642">
        <v>156.78</v>
      </c>
      <c r="B10642">
        <v>204.04</v>
      </c>
      <c r="C10642">
        <v>12618.2</v>
      </c>
      <c r="D10642">
        <v>1.9</v>
      </c>
      <c r="E10642">
        <v>14722</v>
      </c>
      <c r="F10642">
        <v>34.7089</v>
      </c>
    </row>
    <row r="10643" spans="1:6" x14ac:dyDescent="0.25">
      <c r="A10643">
        <v>156.78</v>
      </c>
      <c r="B10643">
        <v>204.04</v>
      </c>
      <c r="C10643">
        <v>12618.2</v>
      </c>
      <c r="D10643">
        <v>2.2000000000000002</v>
      </c>
      <c r="E10643">
        <v>14395.7</v>
      </c>
      <c r="F10643">
        <v>34.403599999999997</v>
      </c>
    </row>
    <row r="10644" spans="1:6" x14ac:dyDescent="0.25">
      <c r="A10644">
        <v>156.78</v>
      </c>
      <c r="B10644">
        <v>204.04</v>
      </c>
      <c r="C10644">
        <v>12618.2</v>
      </c>
      <c r="D10644">
        <v>2.5</v>
      </c>
      <c r="E10644">
        <v>14144.5</v>
      </c>
      <c r="F10644">
        <v>33.310899999999997</v>
      </c>
    </row>
    <row r="10645" spans="1:6" x14ac:dyDescent="0.25">
      <c r="A10645">
        <v>156.78</v>
      </c>
      <c r="B10645">
        <v>204.04</v>
      </c>
      <c r="C10645">
        <v>12618.2</v>
      </c>
      <c r="D10645">
        <v>2.8</v>
      </c>
      <c r="E10645">
        <v>14026.6</v>
      </c>
      <c r="F10645">
        <v>32.041699999999999</v>
      </c>
    </row>
    <row r="10646" spans="1:6" x14ac:dyDescent="0.25">
      <c r="A10646">
        <v>156.78</v>
      </c>
      <c r="B10646">
        <v>204.04</v>
      </c>
      <c r="C10646">
        <v>12618.2</v>
      </c>
      <c r="D10646">
        <v>3.1</v>
      </c>
      <c r="E10646">
        <v>13936.7</v>
      </c>
      <c r="F10646">
        <v>32.408900000000003</v>
      </c>
    </row>
    <row r="10647" spans="1:6" x14ac:dyDescent="0.25">
      <c r="A10647">
        <v>156.78</v>
      </c>
      <c r="B10647">
        <v>204.04</v>
      </c>
      <c r="C10647">
        <v>12618.2</v>
      </c>
      <c r="D10647">
        <v>3.4</v>
      </c>
      <c r="E10647">
        <v>13763.5</v>
      </c>
      <c r="F10647">
        <v>32.668500000000002</v>
      </c>
    </row>
    <row r="10648" spans="1:6" x14ac:dyDescent="0.25">
      <c r="A10648">
        <v>156.78</v>
      </c>
      <c r="B10648">
        <v>204.04</v>
      </c>
      <c r="C10648">
        <v>12618.2</v>
      </c>
      <c r="D10648">
        <v>3.7</v>
      </c>
      <c r="E10648">
        <v>13668.2</v>
      </c>
      <c r="F10648">
        <v>32.835799999999999</v>
      </c>
    </row>
    <row r="10649" spans="1:6" x14ac:dyDescent="0.25">
      <c r="A10649">
        <v>156.78</v>
      </c>
      <c r="B10649">
        <v>204.04</v>
      </c>
      <c r="C10649">
        <v>12618.2</v>
      </c>
      <c r="D10649">
        <v>4</v>
      </c>
      <c r="E10649">
        <v>13679.5</v>
      </c>
      <c r="F10649">
        <v>37.009399999999999</v>
      </c>
    </row>
    <row r="10650" spans="1:6" x14ac:dyDescent="0.25">
      <c r="A10650">
        <v>156.78</v>
      </c>
      <c r="B10650">
        <v>204.04</v>
      </c>
      <c r="C10650">
        <v>14163.6</v>
      </c>
      <c r="D10650">
        <v>1</v>
      </c>
      <c r="E10650">
        <v>6038.15</v>
      </c>
      <c r="F10650">
        <v>28.927499999999998</v>
      </c>
    </row>
    <row r="10651" spans="1:6" x14ac:dyDescent="0.25">
      <c r="A10651">
        <v>156.78</v>
      </c>
      <c r="B10651">
        <v>204.04</v>
      </c>
      <c r="C10651">
        <v>14163.6</v>
      </c>
      <c r="D10651">
        <v>1.3</v>
      </c>
      <c r="E10651">
        <v>16985.099999999999</v>
      </c>
      <c r="F10651">
        <v>23.514800000000001</v>
      </c>
    </row>
    <row r="10652" spans="1:6" x14ac:dyDescent="0.25">
      <c r="A10652">
        <v>156.78</v>
      </c>
      <c r="B10652">
        <v>204.04</v>
      </c>
      <c r="C10652">
        <v>14163.6</v>
      </c>
      <c r="D10652">
        <v>1.6</v>
      </c>
      <c r="E10652">
        <v>5325.73</v>
      </c>
      <c r="F10652">
        <v>30.8367</v>
      </c>
    </row>
    <row r="10653" spans="1:6" x14ac:dyDescent="0.25">
      <c r="A10653">
        <v>156.78</v>
      </c>
      <c r="B10653">
        <v>204.04</v>
      </c>
      <c r="C10653">
        <v>14163.6</v>
      </c>
      <c r="D10653">
        <v>1.9</v>
      </c>
      <c r="E10653">
        <v>16192</v>
      </c>
      <c r="F10653">
        <v>34.7089</v>
      </c>
    </row>
    <row r="10654" spans="1:6" x14ac:dyDescent="0.25">
      <c r="A10654">
        <v>156.78</v>
      </c>
      <c r="B10654">
        <v>204.04</v>
      </c>
      <c r="C10654">
        <v>14163.6</v>
      </c>
      <c r="D10654">
        <v>2.2000000000000002</v>
      </c>
      <c r="E10654">
        <v>16008.8</v>
      </c>
      <c r="F10654">
        <v>34.403599999999997</v>
      </c>
    </row>
    <row r="10655" spans="1:6" x14ac:dyDescent="0.25">
      <c r="A10655">
        <v>156.78</v>
      </c>
      <c r="B10655">
        <v>204.04</v>
      </c>
      <c r="C10655">
        <v>14163.6</v>
      </c>
      <c r="D10655">
        <v>2.5</v>
      </c>
      <c r="E10655">
        <v>15785.1</v>
      </c>
      <c r="F10655">
        <v>33.310899999999997</v>
      </c>
    </row>
    <row r="10656" spans="1:6" x14ac:dyDescent="0.25">
      <c r="A10656">
        <v>156.78</v>
      </c>
      <c r="B10656">
        <v>204.04</v>
      </c>
      <c r="C10656">
        <v>14163.6</v>
      </c>
      <c r="D10656">
        <v>2.8</v>
      </c>
      <c r="E10656">
        <v>15525.8</v>
      </c>
      <c r="F10656">
        <v>32.041699999999999</v>
      </c>
    </row>
    <row r="10657" spans="1:6" x14ac:dyDescent="0.25">
      <c r="A10657">
        <v>156.78</v>
      </c>
      <c r="B10657">
        <v>204.04</v>
      </c>
      <c r="C10657">
        <v>14163.6</v>
      </c>
      <c r="D10657">
        <v>3.1</v>
      </c>
      <c r="E10657">
        <v>15422.1</v>
      </c>
      <c r="F10657">
        <v>32.408900000000003</v>
      </c>
    </row>
    <row r="10658" spans="1:6" x14ac:dyDescent="0.25">
      <c r="A10658">
        <v>156.78</v>
      </c>
      <c r="B10658">
        <v>204.04</v>
      </c>
      <c r="C10658">
        <v>14163.6</v>
      </c>
      <c r="D10658">
        <v>3.4</v>
      </c>
      <c r="E10658">
        <v>15310.3</v>
      </c>
      <c r="F10658">
        <v>32.668500000000002</v>
      </c>
    </row>
    <row r="10659" spans="1:6" x14ac:dyDescent="0.25">
      <c r="A10659">
        <v>156.78</v>
      </c>
      <c r="B10659">
        <v>204.04</v>
      </c>
      <c r="C10659">
        <v>14163.6</v>
      </c>
      <c r="D10659">
        <v>3.7</v>
      </c>
      <c r="E10659">
        <v>15212.7</v>
      </c>
      <c r="F10659">
        <v>32.835799999999999</v>
      </c>
    </row>
    <row r="10660" spans="1:6" x14ac:dyDescent="0.25">
      <c r="A10660">
        <v>156.78</v>
      </c>
      <c r="B10660">
        <v>204.04</v>
      </c>
      <c r="C10660">
        <v>14163.6</v>
      </c>
      <c r="D10660">
        <v>4</v>
      </c>
      <c r="E10660">
        <v>15221.6</v>
      </c>
      <c r="F10660">
        <v>37.009399999999999</v>
      </c>
    </row>
    <row r="10661" spans="1:6" x14ac:dyDescent="0.25">
      <c r="A10661">
        <v>156.78</v>
      </c>
      <c r="B10661">
        <v>204.04</v>
      </c>
      <c r="C10661">
        <v>15709.1</v>
      </c>
      <c r="D10661">
        <v>1</v>
      </c>
      <c r="E10661">
        <v>6038.15</v>
      </c>
      <c r="F10661">
        <v>28.927499999999998</v>
      </c>
    </row>
    <row r="10662" spans="1:6" x14ac:dyDescent="0.25">
      <c r="A10662">
        <v>156.78</v>
      </c>
      <c r="B10662">
        <v>204.04</v>
      </c>
      <c r="C10662">
        <v>15709.1</v>
      </c>
      <c r="D10662">
        <v>1.3</v>
      </c>
      <c r="E10662">
        <v>18615.3</v>
      </c>
      <c r="F10662">
        <v>23.514800000000001</v>
      </c>
    </row>
    <row r="10663" spans="1:6" x14ac:dyDescent="0.25">
      <c r="A10663">
        <v>156.78</v>
      </c>
      <c r="B10663">
        <v>204.04</v>
      </c>
      <c r="C10663">
        <v>15709.1</v>
      </c>
      <c r="D10663">
        <v>1.6</v>
      </c>
      <c r="E10663">
        <v>5325.73</v>
      </c>
      <c r="F10663">
        <v>30.8367</v>
      </c>
    </row>
    <row r="10664" spans="1:6" x14ac:dyDescent="0.25">
      <c r="A10664">
        <v>156.78</v>
      </c>
      <c r="B10664">
        <v>204.04</v>
      </c>
      <c r="C10664">
        <v>15709.1</v>
      </c>
      <c r="D10664">
        <v>1.9</v>
      </c>
      <c r="E10664">
        <v>17804.599999999999</v>
      </c>
      <c r="F10664">
        <v>34.7089</v>
      </c>
    </row>
    <row r="10665" spans="1:6" x14ac:dyDescent="0.25">
      <c r="A10665">
        <v>156.78</v>
      </c>
      <c r="B10665">
        <v>204.04</v>
      </c>
      <c r="C10665">
        <v>15709.1</v>
      </c>
      <c r="D10665">
        <v>2.2000000000000002</v>
      </c>
      <c r="E10665">
        <v>17556.599999999999</v>
      </c>
      <c r="F10665">
        <v>34.403599999999997</v>
      </c>
    </row>
    <row r="10666" spans="1:6" x14ac:dyDescent="0.25">
      <c r="A10666">
        <v>156.78</v>
      </c>
      <c r="B10666">
        <v>204.04</v>
      </c>
      <c r="C10666">
        <v>15709.1</v>
      </c>
      <c r="D10666">
        <v>2.5</v>
      </c>
      <c r="E10666">
        <v>17220.7</v>
      </c>
      <c r="F10666">
        <v>33.310899999999997</v>
      </c>
    </row>
    <row r="10667" spans="1:6" x14ac:dyDescent="0.25">
      <c r="A10667">
        <v>156.78</v>
      </c>
      <c r="B10667">
        <v>204.04</v>
      </c>
      <c r="C10667">
        <v>15709.1</v>
      </c>
      <c r="D10667">
        <v>2.8</v>
      </c>
      <c r="E10667">
        <v>17140</v>
      </c>
      <c r="F10667">
        <v>32.041699999999999</v>
      </c>
    </row>
    <row r="10668" spans="1:6" x14ac:dyDescent="0.25">
      <c r="A10668">
        <v>156.78</v>
      </c>
      <c r="B10668">
        <v>204.04</v>
      </c>
      <c r="C10668">
        <v>15709.1</v>
      </c>
      <c r="D10668">
        <v>3.1</v>
      </c>
      <c r="E10668">
        <v>17016</v>
      </c>
      <c r="F10668">
        <v>32.408900000000003</v>
      </c>
    </row>
    <row r="10669" spans="1:6" x14ac:dyDescent="0.25">
      <c r="A10669">
        <v>156.78</v>
      </c>
      <c r="B10669">
        <v>204.04</v>
      </c>
      <c r="C10669">
        <v>15709.1</v>
      </c>
      <c r="D10669">
        <v>3.4</v>
      </c>
      <c r="E10669">
        <v>16833</v>
      </c>
      <c r="F10669">
        <v>32.668500000000002</v>
      </c>
    </row>
    <row r="10670" spans="1:6" x14ac:dyDescent="0.25">
      <c r="A10670">
        <v>156.78</v>
      </c>
      <c r="B10670">
        <v>204.04</v>
      </c>
      <c r="C10670">
        <v>15709.1</v>
      </c>
      <c r="D10670">
        <v>3.7</v>
      </c>
      <c r="E10670">
        <v>16703.400000000001</v>
      </c>
      <c r="F10670">
        <v>32.835799999999999</v>
      </c>
    </row>
    <row r="10671" spans="1:6" x14ac:dyDescent="0.25">
      <c r="A10671">
        <v>156.78</v>
      </c>
      <c r="B10671">
        <v>204.04</v>
      </c>
      <c r="C10671">
        <v>15709.1</v>
      </c>
      <c r="D10671">
        <v>4</v>
      </c>
      <c r="E10671">
        <v>16802.400000000001</v>
      </c>
      <c r="F10671">
        <v>37.009399999999999</v>
      </c>
    </row>
    <row r="10672" spans="1:6" x14ac:dyDescent="0.25">
      <c r="A10672">
        <v>156.78</v>
      </c>
      <c r="B10672">
        <v>204.04</v>
      </c>
      <c r="C10672">
        <v>17254.5</v>
      </c>
      <c r="D10672">
        <v>1</v>
      </c>
      <c r="E10672">
        <v>6038.15</v>
      </c>
      <c r="F10672">
        <v>28.927499999999998</v>
      </c>
    </row>
    <row r="10673" spans="1:6" x14ac:dyDescent="0.25">
      <c r="A10673">
        <v>156.78</v>
      </c>
      <c r="B10673">
        <v>204.04</v>
      </c>
      <c r="C10673">
        <v>17254.5</v>
      </c>
      <c r="D10673">
        <v>1.3</v>
      </c>
      <c r="E10673">
        <v>20049.5</v>
      </c>
      <c r="F10673">
        <v>23.514800000000001</v>
      </c>
    </row>
    <row r="10674" spans="1:6" x14ac:dyDescent="0.25">
      <c r="A10674">
        <v>156.78</v>
      </c>
      <c r="B10674">
        <v>204.04</v>
      </c>
      <c r="C10674">
        <v>17254.5</v>
      </c>
      <c r="D10674">
        <v>1.6</v>
      </c>
      <c r="E10674">
        <v>5325.73</v>
      </c>
      <c r="F10674">
        <v>30.8367</v>
      </c>
    </row>
    <row r="10675" spans="1:6" x14ac:dyDescent="0.25">
      <c r="A10675">
        <v>156.78</v>
      </c>
      <c r="B10675">
        <v>204.04</v>
      </c>
      <c r="C10675">
        <v>17254.5</v>
      </c>
      <c r="D10675">
        <v>1.9</v>
      </c>
      <c r="E10675">
        <v>19276.8</v>
      </c>
      <c r="F10675">
        <v>34.7089</v>
      </c>
    </row>
    <row r="10676" spans="1:6" x14ac:dyDescent="0.25">
      <c r="A10676">
        <v>156.78</v>
      </c>
      <c r="B10676">
        <v>204.04</v>
      </c>
      <c r="C10676">
        <v>17254.5</v>
      </c>
      <c r="D10676">
        <v>2.2000000000000002</v>
      </c>
      <c r="E10676">
        <v>18997.8</v>
      </c>
      <c r="F10676">
        <v>34.403599999999997</v>
      </c>
    </row>
    <row r="10677" spans="1:6" x14ac:dyDescent="0.25">
      <c r="A10677">
        <v>156.78</v>
      </c>
      <c r="B10677">
        <v>204.04</v>
      </c>
      <c r="C10677">
        <v>17254.5</v>
      </c>
      <c r="D10677">
        <v>2.5</v>
      </c>
      <c r="E10677">
        <v>18835.099999999999</v>
      </c>
      <c r="F10677">
        <v>33.310899999999997</v>
      </c>
    </row>
    <row r="10678" spans="1:6" x14ac:dyDescent="0.25">
      <c r="A10678">
        <v>156.78</v>
      </c>
      <c r="B10678">
        <v>204.04</v>
      </c>
      <c r="C10678">
        <v>17254.5</v>
      </c>
      <c r="D10678">
        <v>2.8</v>
      </c>
      <c r="E10678">
        <v>18706.099999999999</v>
      </c>
      <c r="F10678">
        <v>32.041699999999999</v>
      </c>
    </row>
    <row r="10679" spans="1:6" x14ac:dyDescent="0.25">
      <c r="A10679">
        <v>156.78</v>
      </c>
      <c r="B10679">
        <v>204.04</v>
      </c>
      <c r="C10679">
        <v>17254.5</v>
      </c>
      <c r="D10679">
        <v>3.1</v>
      </c>
      <c r="E10679">
        <v>18579.599999999999</v>
      </c>
      <c r="F10679">
        <v>32.408900000000003</v>
      </c>
    </row>
    <row r="10680" spans="1:6" x14ac:dyDescent="0.25">
      <c r="A10680">
        <v>156.78</v>
      </c>
      <c r="B10680">
        <v>204.04</v>
      </c>
      <c r="C10680">
        <v>17254.5</v>
      </c>
      <c r="D10680">
        <v>3.4</v>
      </c>
      <c r="E10680">
        <v>18439.2</v>
      </c>
      <c r="F10680">
        <v>32.668500000000002</v>
      </c>
    </row>
    <row r="10681" spans="1:6" x14ac:dyDescent="0.25">
      <c r="A10681">
        <v>156.78</v>
      </c>
      <c r="B10681">
        <v>204.04</v>
      </c>
      <c r="C10681">
        <v>17254.5</v>
      </c>
      <c r="D10681">
        <v>3.7</v>
      </c>
      <c r="E10681">
        <v>18331.900000000001</v>
      </c>
      <c r="F10681">
        <v>32.835799999999999</v>
      </c>
    </row>
    <row r="10682" spans="1:6" x14ac:dyDescent="0.25">
      <c r="A10682">
        <v>156.78</v>
      </c>
      <c r="B10682">
        <v>204.04</v>
      </c>
      <c r="C10682">
        <v>17254.5</v>
      </c>
      <c r="D10682">
        <v>4</v>
      </c>
      <c r="E10682">
        <v>18345.599999999999</v>
      </c>
      <c r="F10682">
        <v>37.009399999999999</v>
      </c>
    </row>
    <row r="10683" spans="1:6" x14ac:dyDescent="0.25">
      <c r="A10683">
        <v>156.78</v>
      </c>
      <c r="B10683">
        <v>204.04</v>
      </c>
      <c r="C10683">
        <v>18800</v>
      </c>
      <c r="D10683">
        <v>1</v>
      </c>
      <c r="E10683">
        <v>6038.15</v>
      </c>
      <c r="F10683">
        <v>28.927499999999998</v>
      </c>
    </row>
    <row r="10684" spans="1:6" x14ac:dyDescent="0.25">
      <c r="A10684">
        <v>156.78</v>
      </c>
      <c r="B10684">
        <v>204.04</v>
      </c>
      <c r="C10684">
        <v>18800</v>
      </c>
      <c r="D10684">
        <v>1.3</v>
      </c>
      <c r="E10684">
        <v>21778.799999999999</v>
      </c>
      <c r="F10684">
        <v>23.514800000000001</v>
      </c>
    </row>
    <row r="10685" spans="1:6" x14ac:dyDescent="0.25">
      <c r="A10685">
        <v>156.78</v>
      </c>
      <c r="B10685">
        <v>204.04</v>
      </c>
      <c r="C10685">
        <v>18800</v>
      </c>
      <c r="D10685">
        <v>1.6</v>
      </c>
      <c r="E10685">
        <v>5325.73</v>
      </c>
      <c r="F10685">
        <v>30.8367</v>
      </c>
    </row>
    <row r="10686" spans="1:6" x14ac:dyDescent="0.25">
      <c r="A10686">
        <v>156.78</v>
      </c>
      <c r="B10686">
        <v>204.04</v>
      </c>
      <c r="C10686">
        <v>18800</v>
      </c>
      <c r="D10686">
        <v>1.9</v>
      </c>
      <c r="E10686">
        <v>20810.900000000001</v>
      </c>
      <c r="F10686">
        <v>34.7089</v>
      </c>
    </row>
    <row r="10687" spans="1:6" x14ac:dyDescent="0.25">
      <c r="A10687">
        <v>156.78</v>
      </c>
      <c r="B10687">
        <v>204.04</v>
      </c>
      <c r="C10687">
        <v>18800</v>
      </c>
      <c r="D10687">
        <v>2.2000000000000002</v>
      </c>
      <c r="E10687">
        <v>20512.5</v>
      </c>
      <c r="F10687">
        <v>34.403599999999997</v>
      </c>
    </row>
    <row r="10688" spans="1:6" x14ac:dyDescent="0.25">
      <c r="A10688">
        <v>156.78</v>
      </c>
      <c r="B10688">
        <v>204.04</v>
      </c>
      <c r="C10688">
        <v>18800</v>
      </c>
      <c r="D10688">
        <v>2.5</v>
      </c>
      <c r="E10688">
        <v>20322</v>
      </c>
      <c r="F10688">
        <v>33.310899999999997</v>
      </c>
    </row>
    <row r="10689" spans="1:6" x14ac:dyDescent="0.25">
      <c r="A10689">
        <v>156.78</v>
      </c>
      <c r="B10689">
        <v>204.04</v>
      </c>
      <c r="C10689">
        <v>18800</v>
      </c>
      <c r="D10689">
        <v>2.8</v>
      </c>
      <c r="E10689">
        <v>20200.7</v>
      </c>
      <c r="F10689">
        <v>32.041699999999999</v>
      </c>
    </row>
    <row r="10690" spans="1:6" x14ac:dyDescent="0.25">
      <c r="A10690">
        <v>156.78</v>
      </c>
      <c r="B10690">
        <v>204.04</v>
      </c>
      <c r="C10690">
        <v>18800</v>
      </c>
      <c r="D10690">
        <v>3.1</v>
      </c>
      <c r="E10690">
        <v>20025.8</v>
      </c>
      <c r="F10690">
        <v>32.408900000000003</v>
      </c>
    </row>
    <row r="10691" spans="1:6" x14ac:dyDescent="0.25">
      <c r="A10691">
        <v>156.78</v>
      </c>
      <c r="B10691">
        <v>204.04</v>
      </c>
      <c r="C10691">
        <v>18800</v>
      </c>
      <c r="D10691">
        <v>3.4</v>
      </c>
      <c r="E10691">
        <v>19970.8</v>
      </c>
      <c r="F10691">
        <v>32.668500000000002</v>
      </c>
    </row>
    <row r="10692" spans="1:6" x14ac:dyDescent="0.25">
      <c r="A10692">
        <v>156.78</v>
      </c>
      <c r="B10692">
        <v>204.04</v>
      </c>
      <c r="C10692">
        <v>18800</v>
      </c>
      <c r="D10692">
        <v>3.7</v>
      </c>
      <c r="E10692">
        <v>19791.099999999999</v>
      </c>
      <c r="F10692">
        <v>32.835799999999999</v>
      </c>
    </row>
    <row r="10693" spans="1:6" x14ac:dyDescent="0.25">
      <c r="A10693">
        <v>156.78</v>
      </c>
      <c r="B10693">
        <v>204.04</v>
      </c>
      <c r="C10693">
        <v>18800</v>
      </c>
      <c r="D10693">
        <v>4</v>
      </c>
      <c r="E10693">
        <v>19816</v>
      </c>
      <c r="F10693">
        <v>37.009399999999999</v>
      </c>
    </row>
    <row r="10694" spans="1:6" x14ac:dyDescent="0.25">
      <c r="A10694">
        <v>156.78</v>
      </c>
      <c r="B10694">
        <v>207.67</v>
      </c>
      <c r="C10694">
        <v>1800</v>
      </c>
      <c r="D10694">
        <v>1</v>
      </c>
      <c r="E10694">
        <v>5359.03</v>
      </c>
      <c r="F10694">
        <v>37.424100000000003</v>
      </c>
    </row>
    <row r="10695" spans="1:6" x14ac:dyDescent="0.25">
      <c r="A10695">
        <v>156.78</v>
      </c>
      <c r="B10695">
        <v>207.67</v>
      </c>
      <c r="C10695">
        <v>1800</v>
      </c>
      <c r="D10695">
        <v>1.3</v>
      </c>
      <c r="E10695">
        <v>4798.84</v>
      </c>
      <c r="F10695">
        <v>45.903599999999997</v>
      </c>
    </row>
    <row r="10696" spans="1:6" x14ac:dyDescent="0.25">
      <c r="A10696">
        <v>156.78</v>
      </c>
      <c r="B10696">
        <v>207.67</v>
      </c>
      <c r="C10696">
        <v>1800</v>
      </c>
      <c r="D10696">
        <v>1.6</v>
      </c>
      <c r="E10696">
        <v>4422.3500000000004</v>
      </c>
      <c r="F10696">
        <v>52.076799999999999</v>
      </c>
    </row>
    <row r="10697" spans="1:6" x14ac:dyDescent="0.25">
      <c r="A10697">
        <v>156.78</v>
      </c>
      <c r="B10697">
        <v>207.67</v>
      </c>
      <c r="C10697">
        <v>1800</v>
      </c>
      <c r="D10697">
        <v>1.9</v>
      </c>
      <c r="E10697">
        <v>4176.43</v>
      </c>
      <c r="F10697">
        <v>58.204099999999997</v>
      </c>
    </row>
    <row r="10698" spans="1:6" x14ac:dyDescent="0.25">
      <c r="A10698">
        <v>156.78</v>
      </c>
      <c r="B10698">
        <v>207.67</v>
      </c>
      <c r="C10698">
        <v>1800</v>
      </c>
      <c r="D10698">
        <v>2.2000000000000002</v>
      </c>
      <c r="E10698">
        <v>3959.57</v>
      </c>
      <c r="F10698">
        <v>61.855899999999998</v>
      </c>
    </row>
    <row r="10699" spans="1:6" x14ac:dyDescent="0.25">
      <c r="A10699">
        <v>156.78</v>
      </c>
      <c r="B10699">
        <v>207.67</v>
      </c>
      <c r="C10699">
        <v>1800</v>
      </c>
      <c r="D10699">
        <v>2.5</v>
      </c>
      <c r="E10699">
        <v>3752.49</v>
      </c>
      <c r="F10699">
        <v>63.821100000000001</v>
      </c>
    </row>
    <row r="10700" spans="1:6" x14ac:dyDescent="0.25">
      <c r="A10700">
        <v>156.78</v>
      </c>
      <c r="B10700">
        <v>207.67</v>
      </c>
      <c r="C10700">
        <v>1800</v>
      </c>
      <c r="D10700">
        <v>2.8</v>
      </c>
      <c r="E10700">
        <v>3573.1</v>
      </c>
      <c r="F10700">
        <v>68.980999999999995</v>
      </c>
    </row>
    <row r="10701" spans="1:6" x14ac:dyDescent="0.25">
      <c r="A10701">
        <v>156.78</v>
      </c>
      <c r="B10701">
        <v>207.67</v>
      </c>
      <c r="C10701">
        <v>1800</v>
      </c>
      <c r="D10701">
        <v>3.1</v>
      </c>
      <c r="E10701">
        <v>3437.95</v>
      </c>
      <c r="F10701">
        <v>69.831100000000006</v>
      </c>
    </row>
    <row r="10702" spans="1:6" x14ac:dyDescent="0.25">
      <c r="A10702">
        <v>156.78</v>
      </c>
      <c r="B10702">
        <v>207.67</v>
      </c>
      <c r="C10702">
        <v>1800</v>
      </c>
      <c r="D10702">
        <v>3.4</v>
      </c>
      <c r="E10702">
        <v>3395.48</v>
      </c>
      <c r="F10702">
        <v>72.020399999999995</v>
      </c>
    </row>
    <row r="10703" spans="1:6" x14ac:dyDescent="0.25">
      <c r="A10703">
        <v>156.78</v>
      </c>
      <c r="B10703">
        <v>207.67</v>
      </c>
      <c r="C10703">
        <v>1800</v>
      </c>
      <c r="D10703">
        <v>3.7</v>
      </c>
      <c r="E10703">
        <v>3299.57</v>
      </c>
      <c r="F10703">
        <v>74.455299999999994</v>
      </c>
    </row>
    <row r="10704" spans="1:6" x14ac:dyDescent="0.25">
      <c r="A10704">
        <v>156.78</v>
      </c>
      <c r="B10704">
        <v>207.67</v>
      </c>
      <c r="C10704">
        <v>1800</v>
      </c>
      <c r="D10704">
        <v>4</v>
      </c>
      <c r="E10704">
        <v>3180.8</v>
      </c>
      <c r="F10704">
        <v>73.6768</v>
      </c>
    </row>
    <row r="10705" spans="1:6" x14ac:dyDescent="0.25">
      <c r="A10705">
        <v>156.78</v>
      </c>
      <c r="B10705">
        <v>207.67</v>
      </c>
      <c r="C10705">
        <v>3345.45</v>
      </c>
      <c r="D10705">
        <v>1</v>
      </c>
      <c r="E10705">
        <v>7137.26</v>
      </c>
      <c r="F10705">
        <v>21.537299999999998</v>
      </c>
    </row>
    <row r="10706" spans="1:6" x14ac:dyDescent="0.25">
      <c r="A10706">
        <v>156.78</v>
      </c>
      <c r="B10706">
        <v>207.67</v>
      </c>
      <c r="C10706">
        <v>3345.45</v>
      </c>
      <c r="D10706">
        <v>1.3</v>
      </c>
      <c r="E10706">
        <v>6087.64</v>
      </c>
      <c r="F10706">
        <v>23.681100000000001</v>
      </c>
    </row>
    <row r="10707" spans="1:6" x14ac:dyDescent="0.25">
      <c r="A10707">
        <v>156.78</v>
      </c>
      <c r="B10707">
        <v>207.67</v>
      </c>
      <c r="C10707">
        <v>3345.45</v>
      </c>
      <c r="D10707">
        <v>1.6</v>
      </c>
      <c r="E10707">
        <v>5632.47</v>
      </c>
      <c r="F10707">
        <v>23.314900000000002</v>
      </c>
    </row>
    <row r="10708" spans="1:6" x14ac:dyDescent="0.25">
      <c r="A10708">
        <v>156.78</v>
      </c>
      <c r="B10708">
        <v>207.67</v>
      </c>
      <c r="C10708">
        <v>3345.45</v>
      </c>
      <c r="D10708">
        <v>1.9</v>
      </c>
      <c r="E10708">
        <v>5385.57</v>
      </c>
      <c r="F10708">
        <v>34.7089</v>
      </c>
    </row>
    <row r="10709" spans="1:6" x14ac:dyDescent="0.25">
      <c r="A10709">
        <v>156.78</v>
      </c>
      <c r="B10709">
        <v>207.67</v>
      </c>
      <c r="C10709">
        <v>3345.45</v>
      </c>
      <c r="D10709">
        <v>2.2000000000000002</v>
      </c>
      <c r="E10709">
        <v>5227.96</v>
      </c>
      <c r="F10709">
        <v>33.927199999999999</v>
      </c>
    </row>
    <row r="10710" spans="1:6" x14ac:dyDescent="0.25">
      <c r="A10710">
        <v>156.78</v>
      </c>
      <c r="B10710">
        <v>207.67</v>
      </c>
      <c r="C10710">
        <v>3345.45</v>
      </c>
      <c r="D10710">
        <v>2.5</v>
      </c>
      <c r="E10710">
        <v>5022.12</v>
      </c>
      <c r="F10710">
        <v>26.7746</v>
      </c>
    </row>
    <row r="10711" spans="1:6" x14ac:dyDescent="0.25">
      <c r="A10711">
        <v>156.78</v>
      </c>
      <c r="B10711">
        <v>207.67</v>
      </c>
      <c r="C10711">
        <v>3345.45</v>
      </c>
      <c r="D10711">
        <v>2.8</v>
      </c>
      <c r="E10711">
        <v>4968.8900000000003</v>
      </c>
      <c r="F10711">
        <v>23.9085</v>
      </c>
    </row>
    <row r="10712" spans="1:6" x14ac:dyDescent="0.25">
      <c r="A10712">
        <v>156.78</v>
      </c>
      <c r="B10712">
        <v>207.67</v>
      </c>
      <c r="C10712">
        <v>3345.45</v>
      </c>
      <c r="D10712">
        <v>3.1</v>
      </c>
      <c r="E10712">
        <v>4848.7700000000004</v>
      </c>
      <c r="F10712">
        <v>24.598500000000001</v>
      </c>
    </row>
    <row r="10713" spans="1:6" x14ac:dyDescent="0.25">
      <c r="A10713">
        <v>156.78</v>
      </c>
      <c r="B10713">
        <v>207.67</v>
      </c>
      <c r="C10713">
        <v>3345.45</v>
      </c>
      <c r="D10713">
        <v>3.4</v>
      </c>
      <c r="E10713">
        <v>4729.3900000000003</v>
      </c>
      <c r="F10713">
        <v>25.174499999999998</v>
      </c>
    </row>
    <row r="10714" spans="1:6" x14ac:dyDescent="0.25">
      <c r="A10714">
        <v>156.78</v>
      </c>
      <c r="B10714">
        <v>207.67</v>
      </c>
      <c r="C10714">
        <v>3345.45</v>
      </c>
      <c r="D10714">
        <v>3.7</v>
      </c>
      <c r="E10714">
        <v>4634.0200000000004</v>
      </c>
      <c r="F10714">
        <v>25.607199999999999</v>
      </c>
    </row>
    <row r="10715" spans="1:6" x14ac:dyDescent="0.25">
      <c r="A10715">
        <v>156.78</v>
      </c>
      <c r="B10715">
        <v>207.67</v>
      </c>
      <c r="C10715">
        <v>3345.45</v>
      </c>
      <c r="D10715">
        <v>4</v>
      </c>
      <c r="E10715">
        <v>4605.3999999999996</v>
      </c>
      <c r="F10715">
        <v>35.855600000000003</v>
      </c>
    </row>
    <row r="10716" spans="1:6" x14ac:dyDescent="0.25">
      <c r="A10716">
        <v>156.78</v>
      </c>
      <c r="B10716">
        <v>207.67</v>
      </c>
      <c r="C10716">
        <v>4890.8999999999996</v>
      </c>
      <c r="D10716">
        <v>1</v>
      </c>
      <c r="E10716">
        <v>6038.15</v>
      </c>
      <c r="F10716">
        <v>28.927499999999998</v>
      </c>
    </row>
    <row r="10717" spans="1:6" x14ac:dyDescent="0.25">
      <c r="A10717">
        <v>156.78</v>
      </c>
      <c r="B10717">
        <v>207.67</v>
      </c>
      <c r="C10717">
        <v>4890.8999999999996</v>
      </c>
      <c r="D10717">
        <v>1.3</v>
      </c>
      <c r="E10717">
        <v>7689.17</v>
      </c>
      <c r="F10717">
        <v>23.514800000000001</v>
      </c>
    </row>
    <row r="10718" spans="1:6" x14ac:dyDescent="0.25">
      <c r="A10718">
        <v>156.78</v>
      </c>
      <c r="B10718">
        <v>207.67</v>
      </c>
      <c r="C10718">
        <v>4890.8999999999996</v>
      </c>
      <c r="D10718">
        <v>1.6</v>
      </c>
      <c r="E10718">
        <v>5325.73</v>
      </c>
      <c r="F10718">
        <v>30.8367</v>
      </c>
    </row>
    <row r="10719" spans="1:6" x14ac:dyDescent="0.25">
      <c r="A10719">
        <v>156.78</v>
      </c>
      <c r="B10719">
        <v>207.67</v>
      </c>
      <c r="C10719">
        <v>4890.8999999999996</v>
      </c>
      <c r="D10719">
        <v>1.9</v>
      </c>
      <c r="E10719">
        <v>6968.68</v>
      </c>
      <c r="F10719">
        <v>34.7089</v>
      </c>
    </row>
    <row r="10720" spans="1:6" x14ac:dyDescent="0.25">
      <c r="A10720">
        <v>156.78</v>
      </c>
      <c r="B10720">
        <v>207.67</v>
      </c>
      <c r="C10720">
        <v>4890.8999999999996</v>
      </c>
      <c r="D10720">
        <v>2.2000000000000002</v>
      </c>
      <c r="E10720">
        <v>6766.54</v>
      </c>
      <c r="F10720">
        <v>34.403599999999997</v>
      </c>
    </row>
    <row r="10721" spans="1:6" x14ac:dyDescent="0.25">
      <c r="A10721">
        <v>156.78</v>
      </c>
      <c r="B10721">
        <v>207.67</v>
      </c>
      <c r="C10721">
        <v>4890.8999999999996</v>
      </c>
      <c r="D10721">
        <v>2.5</v>
      </c>
      <c r="E10721">
        <v>6444.02</v>
      </c>
      <c r="F10721">
        <v>33.310899999999997</v>
      </c>
    </row>
    <row r="10722" spans="1:6" x14ac:dyDescent="0.25">
      <c r="A10722">
        <v>156.78</v>
      </c>
      <c r="B10722">
        <v>207.67</v>
      </c>
      <c r="C10722">
        <v>4890.8999999999996</v>
      </c>
      <c r="D10722">
        <v>2.8</v>
      </c>
      <c r="E10722">
        <v>6377</v>
      </c>
      <c r="F10722">
        <v>32.041699999999999</v>
      </c>
    </row>
    <row r="10723" spans="1:6" x14ac:dyDescent="0.25">
      <c r="A10723">
        <v>156.78</v>
      </c>
      <c r="B10723">
        <v>207.67</v>
      </c>
      <c r="C10723">
        <v>4890.8999999999996</v>
      </c>
      <c r="D10723">
        <v>3.1</v>
      </c>
      <c r="E10723">
        <v>6155.34</v>
      </c>
      <c r="F10723">
        <v>32.408900000000003</v>
      </c>
    </row>
    <row r="10724" spans="1:6" x14ac:dyDescent="0.25">
      <c r="A10724">
        <v>156.78</v>
      </c>
      <c r="B10724">
        <v>207.67</v>
      </c>
      <c r="C10724">
        <v>4890.8999999999996</v>
      </c>
      <c r="D10724">
        <v>3.4</v>
      </c>
      <c r="E10724">
        <v>6095.38</v>
      </c>
      <c r="F10724">
        <v>32.668500000000002</v>
      </c>
    </row>
    <row r="10725" spans="1:6" x14ac:dyDescent="0.25">
      <c r="A10725">
        <v>156.78</v>
      </c>
      <c r="B10725">
        <v>207.67</v>
      </c>
      <c r="C10725">
        <v>4890.8999999999996</v>
      </c>
      <c r="D10725">
        <v>3.7</v>
      </c>
      <c r="E10725">
        <v>5970.81</v>
      </c>
      <c r="F10725">
        <v>32.835799999999999</v>
      </c>
    </row>
    <row r="10726" spans="1:6" x14ac:dyDescent="0.25">
      <c r="A10726">
        <v>156.78</v>
      </c>
      <c r="B10726">
        <v>207.67</v>
      </c>
      <c r="C10726">
        <v>4890.8999999999996</v>
      </c>
      <c r="D10726">
        <v>4</v>
      </c>
      <c r="E10726">
        <v>6007.95</v>
      </c>
      <c r="F10726">
        <v>37.009399999999999</v>
      </c>
    </row>
    <row r="10727" spans="1:6" x14ac:dyDescent="0.25">
      <c r="A10727">
        <v>156.78</v>
      </c>
      <c r="B10727">
        <v>207.67</v>
      </c>
      <c r="C10727">
        <v>6436.35</v>
      </c>
      <c r="D10727">
        <v>1</v>
      </c>
      <c r="E10727">
        <v>6038.15</v>
      </c>
      <c r="F10727">
        <v>28.927499999999998</v>
      </c>
    </row>
    <row r="10728" spans="1:6" x14ac:dyDescent="0.25">
      <c r="A10728">
        <v>156.78</v>
      </c>
      <c r="B10728">
        <v>207.67</v>
      </c>
      <c r="C10728">
        <v>6436.35</v>
      </c>
      <c r="D10728">
        <v>1.3</v>
      </c>
      <c r="E10728">
        <v>9485.67</v>
      </c>
      <c r="F10728">
        <v>23.514800000000001</v>
      </c>
    </row>
    <row r="10729" spans="1:6" x14ac:dyDescent="0.25">
      <c r="A10729">
        <v>156.78</v>
      </c>
      <c r="B10729">
        <v>207.67</v>
      </c>
      <c r="C10729">
        <v>6436.35</v>
      </c>
      <c r="D10729">
        <v>1.6</v>
      </c>
      <c r="E10729">
        <v>5325.73</v>
      </c>
      <c r="F10729">
        <v>30.8367</v>
      </c>
    </row>
    <row r="10730" spans="1:6" x14ac:dyDescent="0.25">
      <c r="A10730">
        <v>156.78</v>
      </c>
      <c r="B10730">
        <v>207.67</v>
      </c>
      <c r="C10730">
        <v>6436.35</v>
      </c>
      <c r="D10730">
        <v>1.9</v>
      </c>
      <c r="E10730">
        <v>8464.44</v>
      </c>
      <c r="F10730">
        <v>34.7089</v>
      </c>
    </row>
    <row r="10731" spans="1:6" x14ac:dyDescent="0.25">
      <c r="A10731">
        <v>156.78</v>
      </c>
      <c r="B10731">
        <v>207.67</v>
      </c>
      <c r="C10731">
        <v>6436.35</v>
      </c>
      <c r="D10731">
        <v>2.2000000000000002</v>
      </c>
      <c r="E10731">
        <v>8323.18</v>
      </c>
      <c r="F10731">
        <v>34.403599999999997</v>
      </c>
    </row>
    <row r="10732" spans="1:6" x14ac:dyDescent="0.25">
      <c r="A10732">
        <v>156.78</v>
      </c>
      <c r="B10732">
        <v>207.67</v>
      </c>
      <c r="C10732">
        <v>6436.35</v>
      </c>
      <c r="D10732">
        <v>2.5</v>
      </c>
      <c r="E10732">
        <v>8092.32</v>
      </c>
      <c r="F10732">
        <v>33.310899999999997</v>
      </c>
    </row>
    <row r="10733" spans="1:6" x14ac:dyDescent="0.25">
      <c r="A10733">
        <v>156.78</v>
      </c>
      <c r="B10733">
        <v>207.67</v>
      </c>
      <c r="C10733">
        <v>6436.35</v>
      </c>
      <c r="D10733">
        <v>2.8</v>
      </c>
      <c r="E10733">
        <v>7800.68</v>
      </c>
      <c r="F10733">
        <v>32.041699999999999</v>
      </c>
    </row>
    <row r="10734" spans="1:6" x14ac:dyDescent="0.25">
      <c r="A10734">
        <v>156.78</v>
      </c>
      <c r="B10734">
        <v>207.67</v>
      </c>
      <c r="C10734">
        <v>6436.35</v>
      </c>
      <c r="D10734">
        <v>3.1</v>
      </c>
      <c r="E10734">
        <v>7707.52</v>
      </c>
      <c r="F10734">
        <v>32.408900000000003</v>
      </c>
    </row>
    <row r="10735" spans="1:6" x14ac:dyDescent="0.25">
      <c r="A10735">
        <v>156.78</v>
      </c>
      <c r="B10735">
        <v>207.67</v>
      </c>
      <c r="C10735">
        <v>6436.35</v>
      </c>
      <c r="D10735">
        <v>3.4</v>
      </c>
      <c r="E10735">
        <v>7599.42</v>
      </c>
      <c r="F10735">
        <v>32.668500000000002</v>
      </c>
    </row>
    <row r="10736" spans="1:6" x14ac:dyDescent="0.25">
      <c r="A10736">
        <v>156.78</v>
      </c>
      <c r="B10736">
        <v>207.67</v>
      </c>
      <c r="C10736">
        <v>6436.35</v>
      </c>
      <c r="D10736">
        <v>3.7</v>
      </c>
      <c r="E10736">
        <v>7524.81</v>
      </c>
      <c r="F10736">
        <v>32.835799999999999</v>
      </c>
    </row>
    <row r="10737" spans="1:6" x14ac:dyDescent="0.25">
      <c r="A10737">
        <v>156.78</v>
      </c>
      <c r="B10737">
        <v>207.67</v>
      </c>
      <c r="C10737">
        <v>6436.35</v>
      </c>
      <c r="D10737">
        <v>4</v>
      </c>
      <c r="E10737">
        <v>7561.33</v>
      </c>
      <c r="F10737">
        <v>37.009399999999999</v>
      </c>
    </row>
    <row r="10738" spans="1:6" x14ac:dyDescent="0.25">
      <c r="A10738">
        <v>156.78</v>
      </c>
      <c r="B10738">
        <v>207.67</v>
      </c>
      <c r="C10738">
        <v>7981.8</v>
      </c>
      <c r="D10738">
        <v>1</v>
      </c>
      <c r="E10738">
        <v>6038.15</v>
      </c>
      <c r="F10738">
        <v>28.927499999999998</v>
      </c>
    </row>
    <row r="10739" spans="1:6" x14ac:dyDescent="0.25">
      <c r="A10739">
        <v>156.78</v>
      </c>
      <c r="B10739">
        <v>207.67</v>
      </c>
      <c r="C10739">
        <v>7981.8</v>
      </c>
      <c r="D10739">
        <v>1.3</v>
      </c>
      <c r="E10739">
        <v>10750.2</v>
      </c>
      <c r="F10739">
        <v>23.514800000000001</v>
      </c>
    </row>
    <row r="10740" spans="1:6" x14ac:dyDescent="0.25">
      <c r="A10740">
        <v>156.78</v>
      </c>
      <c r="B10740">
        <v>207.67</v>
      </c>
      <c r="C10740">
        <v>7981.8</v>
      </c>
      <c r="D10740">
        <v>1.6</v>
      </c>
      <c r="E10740">
        <v>5325.73</v>
      </c>
      <c r="F10740">
        <v>30.8367</v>
      </c>
    </row>
    <row r="10741" spans="1:6" x14ac:dyDescent="0.25">
      <c r="A10741">
        <v>156.78</v>
      </c>
      <c r="B10741">
        <v>207.67</v>
      </c>
      <c r="C10741">
        <v>7981.8</v>
      </c>
      <c r="D10741">
        <v>1.9</v>
      </c>
      <c r="E10741">
        <v>10102.6</v>
      </c>
      <c r="F10741">
        <v>34.7089</v>
      </c>
    </row>
    <row r="10742" spans="1:6" x14ac:dyDescent="0.25">
      <c r="A10742">
        <v>156.78</v>
      </c>
      <c r="B10742">
        <v>207.67</v>
      </c>
      <c r="C10742">
        <v>7981.8</v>
      </c>
      <c r="D10742">
        <v>2.2000000000000002</v>
      </c>
      <c r="E10742">
        <v>9739.48</v>
      </c>
      <c r="F10742">
        <v>34.403599999999997</v>
      </c>
    </row>
    <row r="10743" spans="1:6" x14ac:dyDescent="0.25">
      <c r="A10743">
        <v>156.78</v>
      </c>
      <c r="B10743">
        <v>207.67</v>
      </c>
      <c r="C10743">
        <v>7981.8</v>
      </c>
      <c r="D10743">
        <v>2.5</v>
      </c>
      <c r="E10743">
        <v>9541.52</v>
      </c>
      <c r="F10743">
        <v>33.310899999999997</v>
      </c>
    </row>
    <row r="10744" spans="1:6" x14ac:dyDescent="0.25">
      <c r="A10744">
        <v>156.78</v>
      </c>
      <c r="B10744">
        <v>207.67</v>
      </c>
      <c r="C10744">
        <v>7981.8</v>
      </c>
      <c r="D10744">
        <v>2.8</v>
      </c>
      <c r="E10744">
        <v>9413.24</v>
      </c>
      <c r="F10744">
        <v>32.041699999999999</v>
      </c>
    </row>
    <row r="10745" spans="1:6" x14ac:dyDescent="0.25">
      <c r="A10745">
        <v>156.78</v>
      </c>
      <c r="B10745">
        <v>207.67</v>
      </c>
      <c r="C10745">
        <v>7981.8</v>
      </c>
      <c r="D10745">
        <v>3.1</v>
      </c>
      <c r="E10745">
        <v>9256.07</v>
      </c>
      <c r="F10745">
        <v>32.408900000000003</v>
      </c>
    </row>
    <row r="10746" spans="1:6" x14ac:dyDescent="0.25">
      <c r="A10746">
        <v>156.78</v>
      </c>
      <c r="B10746">
        <v>207.67</v>
      </c>
      <c r="C10746">
        <v>7981.8</v>
      </c>
      <c r="D10746">
        <v>3.4</v>
      </c>
      <c r="E10746">
        <v>9124.48</v>
      </c>
      <c r="F10746">
        <v>32.668500000000002</v>
      </c>
    </row>
    <row r="10747" spans="1:6" x14ac:dyDescent="0.25">
      <c r="A10747">
        <v>156.78</v>
      </c>
      <c r="B10747">
        <v>207.67</v>
      </c>
      <c r="C10747">
        <v>7981.8</v>
      </c>
      <c r="D10747">
        <v>3.7</v>
      </c>
      <c r="E10747">
        <v>9015.27</v>
      </c>
      <c r="F10747">
        <v>32.835799999999999</v>
      </c>
    </row>
    <row r="10748" spans="1:6" x14ac:dyDescent="0.25">
      <c r="A10748">
        <v>156.78</v>
      </c>
      <c r="B10748">
        <v>207.67</v>
      </c>
      <c r="C10748">
        <v>7981.8</v>
      </c>
      <c r="D10748">
        <v>4</v>
      </c>
      <c r="E10748">
        <v>9051.36</v>
      </c>
      <c r="F10748">
        <v>37.009399999999999</v>
      </c>
    </row>
    <row r="10749" spans="1:6" x14ac:dyDescent="0.25">
      <c r="A10749">
        <v>156.78</v>
      </c>
      <c r="B10749">
        <v>207.67</v>
      </c>
      <c r="C10749">
        <v>9527.25</v>
      </c>
      <c r="D10749">
        <v>1</v>
      </c>
      <c r="E10749">
        <v>6038.15</v>
      </c>
      <c r="F10749">
        <v>28.927499999999998</v>
      </c>
    </row>
    <row r="10750" spans="1:6" x14ac:dyDescent="0.25">
      <c r="A10750">
        <v>156.78</v>
      </c>
      <c r="B10750">
        <v>207.67</v>
      </c>
      <c r="C10750">
        <v>9527.25</v>
      </c>
      <c r="D10750">
        <v>1.3</v>
      </c>
      <c r="E10750">
        <v>12472.9</v>
      </c>
      <c r="F10750">
        <v>23.514800000000001</v>
      </c>
    </row>
    <row r="10751" spans="1:6" x14ac:dyDescent="0.25">
      <c r="A10751">
        <v>156.78</v>
      </c>
      <c r="B10751">
        <v>207.67</v>
      </c>
      <c r="C10751">
        <v>9527.25</v>
      </c>
      <c r="D10751">
        <v>1.6</v>
      </c>
      <c r="E10751">
        <v>5325.73</v>
      </c>
      <c r="F10751">
        <v>30.8367</v>
      </c>
    </row>
    <row r="10752" spans="1:6" x14ac:dyDescent="0.25">
      <c r="A10752">
        <v>156.78</v>
      </c>
      <c r="B10752">
        <v>207.67</v>
      </c>
      <c r="C10752">
        <v>9527.25</v>
      </c>
      <c r="D10752">
        <v>1.9</v>
      </c>
      <c r="E10752">
        <v>11646</v>
      </c>
      <c r="F10752">
        <v>34.7089</v>
      </c>
    </row>
    <row r="10753" spans="1:6" x14ac:dyDescent="0.25">
      <c r="A10753">
        <v>156.78</v>
      </c>
      <c r="B10753">
        <v>207.67</v>
      </c>
      <c r="C10753">
        <v>9527.25</v>
      </c>
      <c r="D10753">
        <v>2.2000000000000002</v>
      </c>
      <c r="E10753">
        <v>11385.8</v>
      </c>
      <c r="F10753">
        <v>34.403599999999997</v>
      </c>
    </row>
    <row r="10754" spans="1:6" x14ac:dyDescent="0.25">
      <c r="A10754">
        <v>156.78</v>
      </c>
      <c r="B10754">
        <v>207.67</v>
      </c>
      <c r="C10754">
        <v>9527.25</v>
      </c>
      <c r="D10754">
        <v>2.5</v>
      </c>
      <c r="E10754">
        <v>11202.5</v>
      </c>
      <c r="F10754">
        <v>33.310899999999997</v>
      </c>
    </row>
    <row r="10755" spans="1:6" x14ac:dyDescent="0.25">
      <c r="A10755">
        <v>156.78</v>
      </c>
      <c r="B10755">
        <v>207.67</v>
      </c>
      <c r="C10755">
        <v>9527.25</v>
      </c>
      <c r="D10755">
        <v>2.8</v>
      </c>
      <c r="E10755">
        <v>11005.9</v>
      </c>
      <c r="F10755">
        <v>32.041699999999999</v>
      </c>
    </row>
    <row r="10756" spans="1:6" x14ac:dyDescent="0.25">
      <c r="A10756">
        <v>156.78</v>
      </c>
      <c r="B10756">
        <v>207.67</v>
      </c>
      <c r="C10756">
        <v>9527.25</v>
      </c>
      <c r="D10756">
        <v>3.1</v>
      </c>
      <c r="E10756">
        <v>10832.3</v>
      </c>
      <c r="F10756">
        <v>32.408900000000003</v>
      </c>
    </row>
    <row r="10757" spans="1:6" x14ac:dyDescent="0.25">
      <c r="A10757">
        <v>156.78</v>
      </c>
      <c r="B10757">
        <v>207.67</v>
      </c>
      <c r="C10757">
        <v>9527.25</v>
      </c>
      <c r="D10757">
        <v>3.4</v>
      </c>
      <c r="E10757">
        <v>10716.5</v>
      </c>
      <c r="F10757">
        <v>32.668500000000002</v>
      </c>
    </row>
    <row r="10758" spans="1:6" x14ac:dyDescent="0.25">
      <c r="A10758">
        <v>156.78</v>
      </c>
      <c r="B10758">
        <v>207.67</v>
      </c>
      <c r="C10758">
        <v>9527.25</v>
      </c>
      <c r="D10758">
        <v>3.7</v>
      </c>
      <c r="E10758">
        <v>10629.3</v>
      </c>
      <c r="F10758">
        <v>32.835799999999999</v>
      </c>
    </row>
    <row r="10759" spans="1:6" x14ac:dyDescent="0.25">
      <c r="A10759">
        <v>156.78</v>
      </c>
      <c r="B10759">
        <v>207.67</v>
      </c>
      <c r="C10759">
        <v>9527.25</v>
      </c>
      <c r="D10759">
        <v>4</v>
      </c>
      <c r="E10759">
        <v>10651.3</v>
      </c>
      <c r="F10759">
        <v>37.009399999999999</v>
      </c>
    </row>
    <row r="10760" spans="1:6" x14ac:dyDescent="0.25">
      <c r="A10760">
        <v>156.78</v>
      </c>
      <c r="B10760">
        <v>207.67</v>
      </c>
      <c r="C10760">
        <v>11072.7</v>
      </c>
      <c r="D10760">
        <v>1</v>
      </c>
      <c r="E10760">
        <v>6038.15</v>
      </c>
      <c r="F10760">
        <v>28.927499999999998</v>
      </c>
    </row>
    <row r="10761" spans="1:6" x14ac:dyDescent="0.25">
      <c r="A10761">
        <v>156.78</v>
      </c>
      <c r="B10761">
        <v>207.67</v>
      </c>
      <c r="C10761">
        <v>11072.7</v>
      </c>
      <c r="D10761">
        <v>1.3</v>
      </c>
      <c r="E10761">
        <v>14131.5</v>
      </c>
      <c r="F10761">
        <v>23.514800000000001</v>
      </c>
    </row>
    <row r="10762" spans="1:6" x14ac:dyDescent="0.25">
      <c r="A10762">
        <v>156.78</v>
      </c>
      <c r="B10762">
        <v>207.67</v>
      </c>
      <c r="C10762">
        <v>11072.7</v>
      </c>
      <c r="D10762">
        <v>1.6</v>
      </c>
      <c r="E10762">
        <v>5325.73</v>
      </c>
      <c r="F10762">
        <v>30.8367</v>
      </c>
    </row>
    <row r="10763" spans="1:6" x14ac:dyDescent="0.25">
      <c r="A10763">
        <v>156.78</v>
      </c>
      <c r="B10763">
        <v>207.67</v>
      </c>
      <c r="C10763">
        <v>11072.7</v>
      </c>
      <c r="D10763">
        <v>1.9</v>
      </c>
      <c r="E10763">
        <v>13044.4</v>
      </c>
      <c r="F10763">
        <v>34.7089</v>
      </c>
    </row>
    <row r="10764" spans="1:6" x14ac:dyDescent="0.25">
      <c r="A10764">
        <v>156.78</v>
      </c>
      <c r="B10764">
        <v>207.67</v>
      </c>
      <c r="C10764">
        <v>11072.7</v>
      </c>
      <c r="D10764">
        <v>2.2000000000000002</v>
      </c>
      <c r="E10764">
        <v>12939.4</v>
      </c>
      <c r="F10764">
        <v>34.403599999999997</v>
      </c>
    </row>
    <row r="10765" spans="1:6" x14ac:dyDescent="0.25">
      <c r="A10765">
        <v>156.78</v>
      </c>
      <c r="B10765">
        <v>207.67</v>
      </c>
      <c r="C10765">
        <v>11072.7</v>
      </c>
      <c r="D10765">
        <v>2.5</v>
      </c>
      <c r="E10765">
        <v>12671.2</v>
      </c>
      <c r="F10765">
        <v>33.310899999999997</v>
      </c>
    </row>
    <row r="10766" spans="1:6" x14ac:dyDescent="0.25">
      <c r="A10766">
        <v>156.78</v>
      </c>
      <c r="B10766">
        <v>207.67</v>
      </c>
      <c r="C10766">
        <v>11072.7</v>
      </c>
      <c r="D10766">
        <v>2.8</v>
      </c>
      <c r="E10766">
        <v>12489.8</v>
      </c>
      <c r="F10766">
        <v>32.041699999999999</v>
      </c>
    </row>
    <row r="10767" spans="1:6" x14ac:dyDescent="0.25">
      <c r="A10767">
        <v>156.78</v>
      </c>
      <c r="B10767">
        <v>207.67</v>
      </c>
      <c r="C10767">
        <v>11072.7</v>
      </c>
      <c r="D10767">
        <v>3.1</v>
      </c>
      <c r="E10767">
        <v>12360.7</v>
      </c>
      <c r="F10767">
        <v>32.408900000000003</v>
      </c>
    </row>
    <row r="10768" spans="1:6" x14ac:dyDescent="0.25">
      <c r="A10768">
        <v>156.78</v>
      </c>
      <c r="B10768">
        <v>207.67</v>
      </c>
      <c r="C10768">
        <v>11072.7</v>
      </c>
      <c r="D10768">
        <v>3.4</v>
      </c>
      <c r="E10768">
        <v>12207.5</v>
      </c>
      <c r="F10768">
        <v>32.668500000000002</v>
      </c>
    </row>
    <row r="10769" spans="1:6" x14ac:dyDescent="0.25">
      <c r="A10769">
        <v>156.78</v>
      </c>
      <c r="B10769">
        <v>207.67</v>
      </c>
      <c r="C10769">
        <v>11072.7</v>
      </c>
      <c r="D10769">
        <v>3.7</v>
      </c>
      <c r="E10769">
        <v>12187.6</v>
      </c>
      <c r="F10769">
        <v>32.835799999999999</v>
      </c>
    </row>
    <row r="10770" spans="1:6" x14ac:dyDescent="0.25">
      <c r="A10770">
        <v>156.78</v>
      </c>
      <c r="B10770">
        <v>207.67</v>
      </c>
      <c r="C10770">
        <v>11072.7</v>
      </c>
      <c r="D10770">
        <v>4</v>
      </c>
      <c r="E10770">
        <v>12170.5</v>
      </c>
      <c r="F10770">
        <v>37.009399999999999</v>
      </c>
    </row>
    <row r="10771" spans="1:6" x14ac:dyDescent="0.25">
      <c r="A10771">
        <v>156.78</v>
      </c>
      <c r="B10771">
        <v>207.67</v>
      </c>
      <c r="C10771">
        <v>12618.2</v>
      </c>
      <c r="D10771">
        <v>1</v>
      </c>
      <c r="E10771">
        <v>6038.15</v>
      </c>
      <c r="F10771">
        <v>28.927499999999998</v>
      </c>
    </row>
    <row r="10772" spans="1:6" x14ac:dyDescent="0.25">
      <c r="A10772">
        <v>156.78</v>
      </c>
      <c r="B10772">
        <v>207.67</v>
      </c>
      <c r="C10772">
        <v>12618.2</v>
      </c>
      <c r="D10772">
        <v>1.3</v>
      </c>
      <c r="E10772">
        <v>15531</v>
      </c>
      <c r="F10772">
        <v>23.514800000000001</v>
      </c>
    </row>
    <row r="10773" spans="1:6" x14ac:dyDescent="0.25">
      <c r="A10773">
        <v>156.78</v>
      </c>
      <c r="B10773">
        <v>207.67</v>
      </c>
      <c r="C10773">
        <v>12618.2</v>
      </c>
      <c r="D10773">
        <v>1.6</v>
      </c>
      <c r="E10773">
        <v>5325.73</v>
      </c>
      <c r="F10773">
        <v>30.8367</v>
      </c>
    </row>
    <row r="10774" spans="1:6" x14ac:dyDescent="0.25">
      <c r="A10774">
        <v>156.78</v>
      </c>
      <c r="B10774">
        <v>207.67</v>
      </c>
      <c r="C10774">
        <v>12618.2</v>
      </c>
      <c r="D10774">
        <v>1.9</v>
      </c>
      <c r="E10774">
        <v>14722</v>
      </c>
      <c r="F10774">
        <v>34.7089</v>
      </c>
    </row>
    <row r="10775" spans="1:6" x14ac:dyDescent="0.25">
      <c r="A10775">
        <v>156.78</v>
      </c>
      <c r="B10775">
        <v>207.67</v>
      </c>
      <c r="C10775">
        <v>12618.2</v>
      </c>
      <c r="D10775">
        <v>2.2000000000000002</v>
      </c>
      <c r="E10775">
        <v>14395.7</v>
      </c>
      <c r="F10775">
        <v>34.403599999999997</v>
      </c>
    </row>
    <row r="10776" spans="1:6" x14ac:dyDescent="0.25">
      <c r="A10776">
        <v>156.78</v>
      </c>
      <c r="B10776">
        <v>207.67</v>
      </c>
      <c r="C10776">
        <v>12618.2</v>
      </c>
      <c r="D10776">
        <v>2.5</v>
      </c>
      <c r="E10776">
        <v>14144.5</v>
      </c>
      <c r="F10776">
        <v>33.310899999999997</v>
      </c>
    </row>
    <row r="10777" spans="1:6" x14ac:dyDescent="0.25">
      <c r="A10777">
        <v>156.78</v>
      </c>
      <c r="B10777">
        <v>207.67</v>
      </c>
      <c r="C10777">
        <v>12618.2</v>
      </c>
      <c r="D10777">
        <v>2.8</v>
      </c>
      <c r="E10777">
        <v>13994.4</v>
      </c>
      <c r="F10777">
        <v>32.041699999999999</v>
      </c>
    </row>
    <row r="10778" spans="1:6" x14ac:dyDescent="0.25">
      <c r="A10778">
        <v>156.78</v>
      </c>
      <c r="B10778">
        <v>207.67</v>
      </c>
      <c r="C10778">
        <v>12618.2</v>
      </c>
      <c r="D10778">
        <v>3.1</v>
      </c>
      <c r="E10778">
        <v>13921</v>
      </c>
      <c r="F10778">
        <v>32.408900000000003</v>
      </c>
    </row>
    <row r="10779" spans="1:6" x14ac:dyDescent="0.25">
      <c r="A10779">
        <v>156.78</v>
      </c>
      <c r="B10779">
        <v>207.67</v>
      </c>
      <c r="C10779">
        <v>12618.2</v>
      </c>
      <c r="D10779">
        <v>3.4</v>
      </c>
      <c r="E10779">
        <v>13768.1</v>
      </c>
      <c r="F10779">
        <v>32.668500000000002</v>
      </c>
    </row>
    <row r="10780" spans="1:6" x14ac:dyDescent="0.25">
      <c r="A10780">
        <v>156.78</v>
      </c>
      <c r="B10780">
        <v>207.67</v>
      </c>
      <c r="C10780">
        <v>12618.2</v>
      </c>
      <c r="D10780">
        <v>3.7</v>
      </c>
      <c r="E10780">
        <v>13677.2</v>
      </c>
      <c r="F10780">
        <v>32.835799999999999</v>
      </c>
    </row>
    <row r="10781" spans="1:6" x14ac:dyDescent="0.25">
      <c r="A10781">
        <v>156.78</v>
      </c>
      <c r="B10781">
        <v>207.67</v>
      </c>
      <c r="C10781">
        <v>12618.2</v>
      </c>
      <c r="D10781">
        <v>4</v>
      </c>
      <c r="E10781">
        <v>13634.3</v>
      </c>
      <c r="F10781">
        <v>37.009399999999999</v>
      </c>
    </row>
    <row r="10782" spans="1:6" x14ac:dyDescent="0.25">
      <c r="A10782">
        <v>156.78</v>
      </c>
      <c r="B10782">
        <v>207.67</v>
      </c>
      <c r="C10782">
        <v>14163.6</v>
      </c>
      <c r="D10782">
        <v>1</v>
      </c>
      <c r="E10782">
        <v>6038.15</v>
      </c>
      <c r="F10782">
        <v>28.927499999999998</v>
      </c>
    </row>
    <row r="10783" spans="1:6" x14ac:dyDescent="0.25">
      <c r="A10783">
        <v>156.78</v>
      </c>
      <c r="B10783">
        <v>207.67</v>
      </c>
      <c r="C10783">
        <v>14163.6</v>
      </c>
      <c r="D10783">
        <v>1.3</v>
      </c>
      <c r="E10783">
        <v>17024.3</v>
      </c>
      <c r="F10783">
        <v>23.514800000000001</v>
      </c>
    </row>
    <row r="10784" spans="1:6" x14ac:dyDescent="0.25">
      <c r="A10784">
        <v>156.78</v>
      </c>
      <c r="B10784">
        <v>207.67</v>
      </c>
      <c r="C10784">
        <v>14163.6</v>
      </c>
      <c r="D10784">
        <v>1.6</v>
      </c>
      <c r="E10784">
        <v>5325.73</v>
      </c>
      <c r="F10784">
        <v>30.8367</v>
      </c>
    </row>
    <row r="10785" spans="1:6" x14ac:dyDescent="0.25">
      <c r="A10785">
        <v>156.78</v>
      </c>
      <c r="B10785">
        <v>207.67</v>
      </c>
      <c r="C10785">
        <v>14163.6</v>
      </c>
      <c r="D10785">
        <v>1.9</v>
      </c>
      <c r="E10785">
        <v>16192</v>
      </c>
      <c r="F10785">
        <v>34.7089</v>
      </c>
    </row>
    <row r="10786" spans="1:6" x14ac:dyDescent="0.25">
      <c r="A10786">
        <v>156.78</v>
      </c>
      <c r="B10786">
        <v>207.67</v>
      </c>
      <c r="C10786">
        <v>14163.6</v>
      </c>
      <c r="D10786">
        <v>2.2000000000000002</v>
      </c>
      <c r="E10786">
        <v>15973.4</v>
      </c>
      <c r="F10786">
        <v>34.403599999999997</v>
      </c>
    </row>
    <row r="10787" spans="1:6" x14ac:dyDescent="0.25">
      <c r="A10787">
        <v>156.78</v>
      </c>
      <c r="B10787">
        <v>207.67</v>
      </c>
      <c r="C10787">
        <v>14163.6</v>
      </c>
      <c r="D10787">
        <v>2.5</v>
      </c>
      <c r="E10787">
        <v>15785.1</v>
      </c>
      <c r="F10787">
        <v>33.310899999999997</v>
      </c>
    </row>
    <row r="10788" spans="1:6" x14ac:dyDescent="0.25">
      <c r="A10788">
        <v>156.78</v>
      </c>
      <c r="B10788">
        <v>207.67</v>
      </c>
      <c r="C10788">
        <v>14163.6</v>
      </c>
      <c r="D10788">
        <v>2.8</v>
      </c>
      <c r="E10788">
        <v>15634.6</v>
      </c>
      <c r="F10788">
        <v>32.041699999999999</v>
      </c>
    </row>
    <row r="10789" spans="1:6" x14ac:dyDescent="0.25">
      <c r="A10789">
        <v>156.78</v>
      </c>
      <c r="B10789">
        <v>207.67</v>
      </c>
      <c r="C10789">
        <v>14163.6</v>
      </c>
      <c r="D10789">
        <v>3.1</v>
      </c>
      <c r="E10789">
        <v>15434.8</v>
      </c>
      <c r="F10789">
        <v>32.408900000000003</v>
      </c>
    </row>
    <row r="10790" spans="1:6" x14ac:dyDescent="0.25">
      <c r="A10790">
        <v>156.78</v>
      </c>
      <c r="B10790">
        <v>207.67</v>
      </c>
      <c r="C10790">
        <v>14163.6</v>
      </c>
      <c r="D10790">
        <v>3.4</v>
      </c>
      <c r="E10790">
        <v>15350.4</v>
      </c>
      <c r="F10790">
        <v>32.668500000000002</v>
      </c>
    </row>
    <row r="10791" spans="1:6" x14ac:dyDescent="0.25">
      <c r="A10791">
        <v>156.78</v>
      </c>
      <c r="B10791">
        <v>207.67</v>
      </c>
      <c r="C10791">
        <v>14163.6</v>
      </c>
      <c r="D10791">
        <v>3.7</v>
      </c>
      <c r="E10791">
        <v>15231.4</v>
      </c>
      <c r="F10791">
        <v>32.835799999999999</v>
      </c>
    </row>
    <row r="10792" spans="1:6" x14ac:dyDescent="0.25">
      <c r="A10792">
        <v>156.78</v>
      </c>
      <c r="B10792">
        <v>207.67</v>
      </c>
      <c r="C10792">
        <v>14163.6</v>
      </c>
      <c r="D10792">
        <v>4</v>
      </c>
      <c r="E10792">
        <v>15166.4</v>
      </c>
      <c r="F10792">
        <v>37.009399999999999</v>
      </c>
    </row>
    <row r="10793" spans="1:6" x14ac:dyDescent="0.25">
      <c r="A10793">
        <v>156.78</v>
      </c>
      <c r="B10793">
        <v>207.67</v>
      </c>
      <c r="C10793">
        <v>15709.1</v>
      </c>
      <c r="D10793">
        <v>1</v>
      </c>
      <c r="E10793">
        <v>6038.15</v>
      </c>
      <c r="F10793">
        <v>28.927499999999998</v>
      </c>
    </row>
    <row r="10794" spans="1:6" x14ac:dyDescent="0.25">
      <c r="A10794">
        <v>156.78</v>
      </c>
      <c r="B10794">
        <v>207.67</v>
      </c>
      <c r="C10794">
        <v>15709.1</v>
      </c>
      <c r="D10794">
        <v>1.3</v>
      </c>
      <c r="E10794">
        <v>18615.3</v>
      </c>
      <c r="F10794">
        <v>23.514800000000001</v>
      </c>
    </row>
    <row r="10795" spans="1:6" x14ac:dyDescent="0.25">
      <c r="A10795">
        <v>156.78</v>
      </c>
      <c r="B10795">
        <v>207.67</v>
      </c>
      <c r="C10795">
        <v>15709.1</v>
      </c>
      <c r="D10795">
        <v>1.6</v>
      </c>
      <c r="E10795">
        <v>5325.73</v>
      </c>
      <c r="F10795">
        <v>30.8367</v>
      </c>
    </row>
    <row r="10796" spans="1:6" x14ac:dyDescent="0.25">
      <c r="A10796">
        <v>156.78</v>
      </c>
      <c r="B10796">
        <v>207.67</v>
      </c>
      <c r="C10796">
        <v>15709.1</v>
      </c>
      <c r="D10796">
        <v>1.9</v>
      </c>
      <c r="E10796">
        <v>17767.7</v>
      </c>
      <c r="F10796">
        <v>34.7089</v>
      </c>
    </row>
    <row r="10797" spans="1:6" x14ac:dyDescent="0.25">
      <c r="A10797">
        <v>156.78</v>
      </c>
      <c r="B10797">
        <v>207.67</v>
      </c>
      <c r="C10797">
        <v>15709.1</v>
      </c>
      <c r="D10797">
        <v>2.2000000000000002</v>
      </c>
      <c r="E10797">
        <v>17560.5</v>
      </c>
      <c r="F10797">
        <v>34.403599999999997</v>
      </c>
    </row>
    <row r="10798" spans="1:6" x14ac:dyDescent="0.25">
      <c r="A10798">
        <v>156.78</v>
      </c>
      <c r="B10798">
        <v>207.67</v>
      </c>
      <c r="C10798">
        <v>15709.1</v>
      </c>
      <c r="D10798">
        <v>2.5</v>
      </c>
      <c r="E10798">
        <v>17339.7</v>
      </c>
      <c r="F10798">
        <v>33.310899999999997</v>
      </c>
    </row>
    <row r="10799" spans="1:6" x14ac:dyDescent="0.25">
      <c r="A10799">
        <v>156.78</v>
      </c>
      <c r="B10799">
        <v>207.67</v>
      </c>
      <c r="C10799">
        <v>15709.1</v>
      </c>
      <c r="D10799">
        <v>2.8</v>
      </c>
      <c r="E10799">
        <v>17143.599999999999</v>
      </c>
      <c r="F10799">
        <v>32.041699999999999</v>
      </c>
    </row>
    <row r="10800" spans="1:6" x14ac:dyDescent="0.25">
      <c r="A10800">
        <v>156.78</v>
      </c>
      <c r="B10800">
        <v>207.67</v>
      </c>
      <c r="C10800">
        <v>15709.1</v>
      </c>
      <c r="D10800">
        <v>3.1</v>
      </c>
      <c r="E10800">
        <v>16996.2</v>
      </c>
      <c r="F10800">
        <v>32.408900000000003</v>
      </c>
    </row>
    <row r="10801" spans="1:6" x14ac:dyDescent="0.25">
      <c r="A10801">
        <v>156.78</v>
      </c>
      <c r="B10801">
        <v>207.67</v>
      </c>
      <c r="C10801">
        <v>15709.1</v>
      </c>
      <c r="D10801">
        <v>3.4</v>
      </c>
      <c r="E10801">
        <v>16814.400000000001</v>
      </c>
      <c r="F10801">
        <v>32.668500000000002</v>
      </c>
    </row>
    <row r="10802" spans="1:6" x14ac:dyDescent="0.25">
      <c r="A10802">
        <v>156.78</v>
      </c>
      <c r="B10802">
        <v>207.67</v>
      </c>
      <c r="C10802">
        <v>15709.1</v>
      </c>
      <c r="D10802">
        <v>3.7</v>
      </c>
      <c r="E10802">
        <v>16797.2</v>
      </c>
      <c r="F10802">
        <v>32.835799999999999</v>
      </c>
    </row>
    <row r="10803" spans="1:6" x14ac:dyDescent="0.25">
      <c r="A10803">
        <v>156.78</v>
      </c>
      <c r="B10803">
        <v>207.67</v>
      </c>
      <c r="C10803">
        <v>15709.1</v>
      </c>
      <c r="D10803">
        <v>4</v>
      </c>
      <c r="E10803">
        <v>16758.3</v>
      </c>
      <c r="F10803">
        <v>37.009399999999999</v>
      </c>
    </row>
    <row r="10804" spans="1:6" x14ac:dyDescent="0.25">
      <c r="A10804">
        <v>156.78</v>
      </c>
      <c r="B10804">
        <v>207.67</v>
      </c>
      <c r="C10804">
        <v>17254.5</v>
      </c>
      <c r="D10804">
        <v>1</v>
      </c>
      <c r="E10804">
        <v>6038.15</v>
      </c>
      <c r="F10804">
        <v>28.927499999999998</v>
      </c>
    </row>
    <row r="10805" spans="1:6" x14ac:dyDescent="0.25">
      <c r="A10805">
        <v>156.78</v>
      </c>
      <c r="B10805">
        <v>207.67</v>
      </c>
      <c r="C10805">
        <v>17254.5</v>
      </c>
      <c r="D10805">
        <v>1.3</v>
      </c>
      <c r="E10805">
        <v>20033.5</v>
      </c>
      <c r="F10805">
        <v>23.514800000000001</v>
      </c>
    </row>
    <row r="10806" spans="1:6" x14ac:dyDescent="0.25">
      <c r="A10806">
        <v>156.78</v>
      </c>
      <c r="B10806">
        <v>207.67</v>
      </c>
      <c r="C10806">
        <v>17254.5</v>
      </c>
      <c r="D10806">
        <v>1.6</v>
      </c>
      <c r="E10806">
        <v>5325.73</v>
      </c>
      <c r="F10806">
        <v>30.8367</v>
      </c>
    </row>
    <row r="10807" spans="1:6" x14ac:dyDescent="0.25">
      <c r="A10807">
        <v>156.78</v>
      </c>
      <c r="B10807">
        <v>207.67</v>
      </c>
      <c r="C10807">
        <v>17254.5</v>
      </c>
      <c r="D10807">
        <v>1.9</v>
      </c>
      <c r="E10807">
        <v>19281.2</v>
      </c>
      <c r="F10807">
        <v>34.7089</v>
      </c>
    </row>
    <row r="10808" spans="1:6" x14ac:dyDescent="0.25">
      <c r="A10808">
        <v>156.78</v>
      </c>
      <c r="B10808">
        <v>207.67</v>
      </c>
      <c r="C10808">
        <v>17254.5</v>
      </c>
      <c r="D10808">
        <v>2.2000000000000002</v>
      </c>
      <c r="E10808">
        <v>18997.8</v>
      </c>
      <c r="F10808">
        <v>34.403599999999997</v>
      </c>
    </row>
    <row r="10809" spans="1:6" x14ac:dyDescent="0.25">
      <c r="A10809">
        <v>156.78</v>
      </c>
      <c r="B10809">
        <v>207.67</v>
      </c>
      <c r="C10809">
        <v>17254.5</v>
      </c>
      <c r="D10809">
        <v>2.5</v>
      </c>
      <c r="E10809">
        <v>18835.099999999999</v>
      </c>
      <c r="F10809">
        <v>33.310899999999997</v>
      </c>
    </row>
    <row r="10810" spans="1:6" x14ac:dyDescent="0.25">
      <c r="A10810">
        <v>156.78</v>
      </c>
      <c r="B10810">
        <v>207.67</v>
      </c>
      <c r="C10810">
        <v>17254.5</v>
      </c>
      <c r="D10810">
        <v>2.8</v>
      </c>
      <c r="E10810">
        <v>18706.099999999999</v>
      </c>
      <c r="F10810">
        <v>32.041699999999999</v>
      </c>
    </row>
    <row r="10811" spans="1:6" x14ac:dyDescent="0.25">
      <c r="A10811">
        <v>156.78</v>
      </c>
      <c r="B10811">
        <v>207.67</v>
      </c>
      <c r="C10811">
        <v>17254.5</v>
      </c>
      <c r="D10811">
        <v>3.1</v>
      </c>
      <c r="E10811">
        <v>18579.599999999999</v>
      </c>
      <c r="F10811">
        <v>32.408900000000003</v>
      </c>
    </row>
    <row r="10812" spans="1:6" x14ac:dyDescent="0.25">
      <c r="A10812">
        <v>156.78</v>
      </c>
      <c r="B10812">
        <v>207.67</v>
      </c>
      <c r="C10812">
        <v>17254.5</v>
      </c>
      <c r="D10812">
        <v>3.4</v>
      </c>
      <c r="E10812">
        <v>18439.2</v>
      </c>
      <c r="F10812">
        <v>32.668500000000002</v>
      </c>
    </row>
    <row r="10813" spans="1:6" x14ac:dyDescent="0.25">
      <c r="A10813">
        <v>156.78</v>
      </c>
      <c r="B10813">
        <v>207.67</v>
      </c>
      <c r="C10813">
        <v>17254.5</v>
      </c>
      <c r="D10813">
        <v>3.7</v>
      </c>
      <c r="E10813">
        <v>18331.900000000001</v>
      </c>
      <c r="F10813">
        <v>32.835799999999999</v>
      </c>
    </row>
    <row r="10814" spans="1:6" x14ac:dyDescent="0.25">
      <c r="A10814">
        <v>156.78</v>
      </c>
      <c r="B10814">
        <v>207.67</v>
      </c>
      <c r="C10814">
        <v>17254.5</v>
      </c>
      <c r="D10814">
        <v>4</v>
      </c>
      <c r="E10814">
        <v>18345.599999999999</v>
      </c>
      <c r="F10814">
        <v>37.009399999999999</v>
      </c>
    </row>
    <row r="10815" spans="1:6" x14ac:dyDescent="0.25">
      <c r="A10815">
        <v>156.78</v>
      </c>
      <c r="B10815">
        <v>207.67</v>
      </c>
      <c r="C10815">
        <v>18800</v>
      </c>
      <c r="D10815">
        <v>1</v>
      </c>
      <c r="E10815">
        <v>6038.15</v>
      </c>
      <c r="F10815">
        <v>28.927499999999998</v>
      </c>
    </row>
    <row r="10816" spans="1:6" x14ac:dyDescent="0.25">
      <c r="A10816">
        <v>156.78</v>
      </c>
      <c r="B10816">
        <v>207.67</v>
      </c>
      <c r="C10816">
        <v>18800</v>
      </c>
      <c r="D10816">
        <v>1.3</v>
      </c>
      <c r="E10816">
        <v>21778.799999999999</v>
      </c>
      <c r="F10816">
        <v>23.514800000000001</v>
      </c>
    </row>
    <row r="10817" spans="1:6" x14ac:dyDescent="0.25">
      <c r="A10817">
        <v>156.78</v>
      </c>
      <c r="B10817">
        <v>207.67</v>
      </c>
      <c r="C10817">
        <v>18800</v>
      </c>
      <c r="D10817">
        <v>1.6</v>
      </c>
      <c r="E10817">
        <v>5325.73</v>
      </c>
      <c r="F10817">
        <v>30.8367</v>
      </c>
    </row>
    <row r="10818" spans="1:6" x14ac:dyDescent="0.25">
      <c r="A10818">
        <v>156.78</v>
      </c>
      <c r="B10818">
        <v>207.67</v>
      </c>
      <c r="C10818">
        <v>18800</v>
      </c>
      <c r="D10818">
        <v>1.9</v>
      </c>
      <c r="E10818">
        <v>20810.900000000001</v>
      </c>
      <c r="F10818">
        <v>34.7089</v>
      </c>
    </row>
    <row r="10819" spans="1:6" x14ac:dyDescent="0.25">
      <c r="A10819">
        <v>156.78</v>
      </c>
      <c r="B10819">
        <v>207.67</v>
      </c>
      <c r="C10819">
        <v>18800</v>
      </c>
      <c r="D10819">
        <v>2.2000000000000002</v>
      </c>
      <c r="E10819">
        <v>20488.7</v>
      </c>
      <c r="F10819">
        <v>34.403599999999997</v>
      </c>
    </row>
    <row r="10820" spans="1:6" x14ac:dyDescent="0.25">
      <c r="A10820">
        <v>156.78</v>
      </c>
      <c r="B10820">
        <v>207.67</v>
      </c>
      <c r="C10820">
        <v>18800</v>
      </c>
      <c r="D10820">
        <v>2.5</v>
      </c>
      <c r="E10820">
        <v>20326.099999999999</v>
      </c>
      <c r="F10820">
        <v>33.310899999999997</v>
      </c>
    </row>
    <row r="10821" spans="1:6" x14ac:dyDescent="0.25">
      <c r="A10821">
        <v>156.78</v>
      </c>
      <c r="B10821">
        <v>207.67</v>
      </c>
      <c r="C10821">
        <v>18800</v>
      </c>
      <c r="D10821">
        <v>2.8</v>
      </c>
      <c r="E10821">
        <v>20149.7</v>
      </c>
      <c r="F10821">
        <v>32.041699999999999</v>
      </c>
    </row>
    <row r="10822" spans="1:6" x14ac:dyDescent="0.25">
      <c r="A10822">
        <v>156.78</v>
      </c>
      <c r="B10822">
        <v>207.67</v>
      </c>
      <c r="C10822">
        <v>18800</v>
      </c>
      <c r="D10822">
        <v>3.1</v>
      </c>
      <c r="E10822">
        <v>19989.5</v>
      </c>
      <c r="F10822">
        <v>32.408900000000003</v>
      </c>
    </row>
    <row r="10823" spans="1:6" x14ac:dyDescent="0.25">
      <c r="A10823">
        <v>156.78</v>
      </c>
      <c r="B10823">
        <v>207.67</v>
      </c>
      <c r="C10823">
        <v>18800</v>
      </c>
      <c r="D10823">
        <v>3.4</v>
      </c>
      <c r="E10823">
        <v>19854.2</v>
      </c>
      <c r="F10823">
        <v>32.668500000000002</v>
      </c>
    </row>
    <row r="10824" spans="1:6" x14ac:dyDescent="0.25">
      <c r="A10824">
        <v>156.78</v>
      </c>
      <c r="B10824">
        <v>207.67</v>
      </c>
      <c r="C10824">
        <v>18800</v>
      </c>
      <c r="D10824">
        <v>3.7</v>
      </c>
      <c r="E10824">
        <v>19846.5</v>
      </c>
      <c r="F10824">
        <v>32.835799999999999</v>
      </c>
    </row>
    <row r="10825" spans="1:6" x14ac:dyDescent="0.25">
      <c r="A10825">
        <v>156.78</v>
      </c>
      <c r="B10825">
        <v>207.67</v>
      </c>
      <c r="C10825">
        <v>18800</v>
      </c>
      <c r="D10825">
        <v>4</v>
      </c>
      <c r="E10825">
        <v>19832.3</v>
      </c>
      <c r="F10825">
        <v>37.009399999999999</v>
      </c>
    </row>
    <row r="10826" spans="1:6" x14ac:dyDescent="0.25">
      <c r="A10826">
        <v>156.78</v>
      </c>
      <c r="B10826">
        <v>211.3</v>
      </c>
      <c r="C10826">
        <v>1800</v>
      </c>
      <c r="D10826">
        <v>1</v>
      </c>
      <c r="E10826">
        <v>5359.03</v>
      </c>
      <c r="F10826">
        <v>37.424100000000003</v>
      </c>
    </row>
    <row r="10827" spans="1:6" x14ac:dyDescent="0.25">
      <c r="A10827">
        <v>156.78</v>
      </c>
      <c r="B10827">
        <v>211.3</v>
      </c>
      <c r="C10827">
        <v>1800</v>
      </c>
      <c r="D10827">
        <v>1.3</v>
      </c>
      <c r="E10827">
        <v>4798.84</v>
      </c>
      <c r="F10827">
        <v>45.903599999999997</v>
      </c>
    </row>
    <row r="10828" spans="1:6" x14ac:dyDescent="0.25">
      <c r="A10828">
        <v>156.78</v>
      </c>
      <c r="B10828">
        <v>211.3</v>
      </c>
      <c r="C10828">
        <v>1800</v>
      </c>
      <c r="D10828">
        <v>1.6</v>
      </c>
      <c r="E10828">
        <v>4422.3500000000004</v>
      </c>
      <c r="F10828">
        <v>52.076799999999999</v>
      </c>
    </row>
    <row r="10829" spans="1:6" x14ac:dyDescent="0.25">
      <c r="A10829">
        <v>156.78</v>
      </c>
      <c r="B10829">
        <v>211.3</v>
      </c>
      <c r="C10829">
        <v>1800</v>
      </c>
      <c r="D10829">
        <v>1.9</v>
      </c>
      <c r="E10829">
        <v>4176.43</v>
      </c>
      <c r="F10829">
        <v>58.204099999999997</v>
      </c>
    </row>
    <row r="10830" spans="1:6" x14ac:dyDescent="0.25">
      <c r="A10830">
        <v>156.78</v>
      </c>
      <c r="B10830">
        <v>211.3</v>
      </c>
      <c r="C10830">
        <v>1800</v>
      </c>
      <c r="D10830">
        <v>2.2000000000000002</v>
      </c>
      <c r="E10830">
        <v>3959.57</v>
      </c>
      <c r="F10830">
        <v>61.855899999999998</v>
      </c>
    </row>
    <row r="10831" spans="1:6" x14ac:dyDescent="0.25">
      <c r="A10831">
        <v>156.78</v>
      </c>
      <c r="B10831">
        <v>211.3</v>
      </c>
      <c r="C10831">
        <v>1800</v>
      </c>
      <c r="D10831">
        <v>2.5</v>
      </c>
      <c r="E10831">
        <v>3752.49</v>
      </c>
      <c r="F10831">
        <v>63.821100000000001</v>
      </c>
    </row>
    <row r="10832" spans="1:6" x14ac:dyDescent="0.25">
      <c r="A10832">
        <v>156.78</v>
      </c>
      <c r="B10832">
        <v>211.3</v>
      </c>
      <c r="C10832">
        <v>1800</v>
      </c>
      <c r="D10832">
        <v>2.8</v>
      </c>
      <c r="E10832">
        <v>3573.1</v>
      </c>
      <c r="F10832">
        <v>68.980999999999995</v>
      </c>
    </row>
    <row r="10833" spans="1:6" x14ac:dyDescent="0.25">
      <c r="A10833">
        <v>156.78</v>
      </c>
      <c r="B10833">
        <v>211.3</v>
      </c>
      <c r="C10833">
        <v>1800</v>
      </c>
      <c r="D10833">
        <v>3.1</v>
      </c>
      <c r="E10833">
        <v>3437.95</v>
      </c>
      <c r="F10833">
        <v>69.831100000000006</v>
      </c>
    </row>
    <row r="10834" spans="1:6" x14ac:dyDescent="0.25">
      <c r="A10834">
        <v>156.78</v>
      </c>
      <c r="B10834">
        <v>211.3</v>
      </c>
      <c r="C10834">
        <v>1800</v>
      </c>
      <c r="D10834">
        <v>3.4</v>
      </c>
      <c r="E10834">
        <v>3395.48</v>
      </c>
      <c r="F10834">
        <v>72.020399999999995</v>
      </c>
    </row>
    <row r="10835" spans="1:6" x14ac:dyDescent="0.25">
      <c r="A10835">
        <v>156.78</v>
      </c>
      <c r="B10835">
        <v>211.3</v>
      </c>
      <c r="C10835">
        <v>1800</v>
      </c>
      <c r="D10835">
        <v>3.7</v>
      </c>
      <c r="E10835">
        <v>3299.57</v>
      </c>
      <c r="F10835">
        <v>74.455299999999994</v>
      </c>
    </row>
    <row r="10836" spans="1:6" x14ac:dyDescent="0.25">
      <c r="A10836">
        <v>156.78</v>
      </c>
      <c r="B10836">
        <v>211.3</v>
      </c>
      <c r="C10836">
        <v>1800</v>
      </c>
      <c r="D10836">
        <v>4</v>
      </c>
      <c r="E10836">
        <v>3180.8</v>
      </c>
      <c r="F10836">
        <v>73.6768</v>
      </c>
    </row>
    <row r="10837" spans="1:6" x14ac:dyDescent="0.25">
      <c r="A10837">
        <v>156.78</v>
      </c>
      <c r="B10837">
        <v>211.3</v>
      </c>
      <c r="C10837">
        <v>3345.45</v>
      </c>
      <c r="D10837">
        <v>1</v>
      </c>
      <c r="E10837">
        <v>7137.26</v>
      </c>
      <c r="F10837">
        <v>21.537299999999998</v>
      </c>
    </row>
    <row r="10838" spans="1:6" x14ac:dyDescent="0.25">
      <c r="A10838">
        <v>156.78</v>
      </c>
      <c r="B10838">
        <v>211.3</v>
      </c>
      <c r="C10838">
        <v>3345.45</v>
      </c>
      <c r="D10838">
        <v>1.3</v>
      </c>
      <c r="E10838">
        <v>6087.64</v>
      </c>
      <c r="F10838">
        <v>23.681100000000001</v>
      </c>
    </row>
    <row r="10839" spans="1:6" x14ac:dyDescent="0.25">
      <c r="A10839">
        <v>156.78</v>
      </c>
      <c r="B10839">
        <v>211.3</v>
      </c>
      <c r="C10839">
        <v>3345.45</v>
      </c>
      <c r="D10839">
        <v>1.6</v>
      </c>
      <c r="E10839">
        <v>5632.47</v>
      </c>
      <c r="F10839">
        <v>23.314900000000002</v>
      </c>
    </row>
    <row r="10840" spans="1:6" x14ac:dyDescent="0.25">
      <c r="A10840">
        <v>156.78</v>
      </c>
      <c r="B10840">
        <v>211.3</v>
      </c>
      <c r="C10840">
        <v>3345.45</v>
      </c>
      <c r="D10840">
        <v>1.9</v>
      </c>
      <c r="E10840">
        <v>5385.57</v>
      </c>
      <c r="F10840">
        <v>34.7089</v>
      </c>
    </row>
    <row r="10841" spans="1:6" x14ac:dyDescent="0.25">
      <c r="A10841">
        <v>156.78</v>
      </c>
      <c r="B10841">
        <v>211.3</v>
      </c>
      <c r="C10841">
        <v>3345.45</v>
      </c>
      <c r="D10841">
        <v>2.2000000000000002</v>
      </c>
      <c r="E10841">
        <v>5227.96</v>
      </c>
      <c r="F10841">
        <v>33.927199999999999</v>
      </c>
    </row>
    <row r="10842" spans="1:6" x14ac:dyDescent="0.25">
      <c r="A10842">
        <v>156.78</v>
      </c>
      <c r="B10842">
        <v>211.3</v>
      </c>
      <c r="C10842">
        <v>3345.45</v>
      </c>
      <c r="D10842">
        <v>2.5</v>
      </c>
      <c r="E10842">
        <v>5022.12</v>
      </c>
      <c r="F10842">
        <v>26.7746</v>
      </c>
    </row>
    <row r="10843" spans="1:6" x14ac:dyDescent="0.25">
      <c r="A10843">
        <v>156.78</v>
      </c>
      <c r="B10843">
        <v>211.3</v>
      </c>
      <c r="C10843">
        <v>3345.45</v>
      </c>
      <c r="D10843">
        <v>2.8</v>
      </c>
      <c r="E10843">
        <v>4968.8900000000003</v>
      </c>
      <c r="F10843">
        <v>23.9085</v>
      </c>
    </row>
    <row r="10844" spans="1:6" x14ac:dyDescent="0.25">
      <c r="A10844">
        <v>156.78</v>
      </c>
      <c r="B10844">
        <v>211.3</v>
      </c>
      <c r="C10844">
        <v>3345.45</v>
      </c>
      <c r="D10844">
        <v>3.1</v>
      </c>
      <c r="E10844">
        <v>4848.7700000000004</v>
      </c>
      <c r="F10844">
        <v>24.598500000000001</v>
      </c>
    </row>
    <row r="10845" spans="1:6" x14ac:dyDescent="0.25">
      <c r="A10845">
        <v>156.78</v>
      </c>
      <c r="B10845">
        <v>211.3</v>
      </c>
      <c r="C10845">
        <v>3345.45</v>
      </c>
      <c r="D10845">
        <v>3.4</v>
      </c>
      <c r="E10845">
        <v>4729.3900000000003</v>
      </c>
      <c r="F10845">
        <v>25.174499999999998</v>
      </c>
    </row>
    <row r="10846" spans="1:6" x14ac:dyDescent="0.25">
      <c r="A10846">
        <v>156.78</v>
      </c>
      <c r="B10846">
        <v>211.3</v>
      </c>
      <c r="C10846">
        <v>3345.45</v>
      </c>
      <c r="D10846">
        <v>3.7</v>
      </c>
      <c r="E10846">
        <v>4634.0200000000004</v>
      </c>
      <c r="F10846">
        <v>25.607199999999999</v>
      </c>
    </row>
    <row r="10847" spans="1:6" x14ac:dyDescent="0.25">
      <c r="A10847">
        <v>156.78</v>
      </c>
      <c r="B10847">
        <v>211.3</v>
      </c>
      <c r="C10847">
        <v>3345.45</v>
      </c>
      <c r="D10847">
        <v>4</v>
      </c>
      <c r="E10847">
        <v>4605.3999999999996</v>
      </c>
      <c r="F10847">
        <v>35.855600000000003</v>
      </c>
    </row>
    <row r="10848" spans="1:6" x14ac:dyDescent="0.25">
      <c r="A10848">
        <v>156.78</v>
      </c>
      <c r="B10848">
        <v>211.3</v>
      </c>
      <c r="C10848">
        <v>4890.8999999999996</v>
      </c>
      <c r="D10848">
        <v>1</v>
      </c>
      <c r="E10848">
        <v>6038.15</v>
      </c>
      <c r="F10848">
        <v>28.927499999999998</v>
      </c>
    </row>
    <row r="10849" spans="1:6" x14ac:dyDescent="0.25">
      <c r="A10849">
        <v>156.78</v>
      </c>
      <c r="B10849">
        <v>211.3</v>
      </c>
      <c r="C10849">
        <v>4890.8999999999996</v>
      </c>
      <c r="D10849">
        <v>1.3</v>
      </c>
      <c r="E10849">
        <v>7689.17</v>
      </c>
      <c r="F10849">
        <v>23.514800000000001</v>
      </c>
    </row>
    <row r="10850" spans="1:6" x14ac:dyDescent="0.25">
      <c r="A10850">
        <v>156.78</v>
      </c>
      <c r="B10850">
        <v>211.3</v>
      </c>
      <c r="C10850">
        <v>4890.8999999999996</v>
      </c>
      <c r="D10850">
        <v>1.6</v>
      </c>
      <c r="E10850">
        <v>5325.73</v>
      </c>
      <c r="F10850">
        <v>30.8367</v>
      </c>
    </row>
    <row r="10851" spans="1:6" x14ac:dyDescent="0.25">
      <c r="A10851">
        <v>156.78</v>
      </c>
      <c r="B10851">
        <v>211.3</v>
      </c>
      <c r="C10851">
        <v>4890.8999999999996</v>
      </c>
      <c r="D10851">
        <v>1.9</v>
      </c>
      <c r="E10851">
        <v>6968.68</v>
      </c>
      <c r="F10851">
        <v>34.7089</v>
      </c>
    </row>
    <row r="10852" spans="1:6" x14ac:dyDescent="0.25">
      <c r="A10852">
        <v>156.78</v>
      </c>
      <c r="B10852">
        <v>211.3</v>
      </c>
      <c r="C10852">
        <v>4890.8999999999996</v>
      </c>
      <c r="D10852">
        <v>2.2000000000000002</v>
      </c>
      <c r="E10852">
        <v>6766.54</v>
      </c>
      <c r="F10852">
        <v>34.403599999999997</v>
      </c>
    </row>
    <row r="10853" spans="1:6" x14ac:dyDescent="0.25">
      <c r="A10853">
        <v>156.78</v>
      </c>
      <c r="B10853">
        <v>211.3</v>
      </c>
      <c r="C10853">
        <v>4890.8999999999996</v>
      </c>
      <c r="D10853">
        <v>2.5</v>
      </c>
      <c r="E10853">
        <v>6444.02</v>
      </c>
      <c r="F10853">
        <v>33.310899999999997</v>
      </c>
    </row>
    <row r="10854" spans="1:6" x14ac:dyDescent="0.25">
      <c r="A10854">
        <v>156.78</v>
      </c>
      <c r="B10854">
        <v>211.3</v>
      </c>
      <c r="C10854">
        <v>4890.8999999999996</v>
      </c>
      <c r="D10854">
        <v>2.8</v>
      </c>
      <c r="E10854">
        <v>6377</v>
      </c>
      <c r="F10854">
        <v>32.041699999999999</v>
      </c>
    </row>
    <row r="10855" spans="1:6" x14ac:dyDescent="0.25">
      <c r="A10855">
        <v>156.78</v>
      </c>
      <c r="B10855">
        <v>211.3</v>
      </c>
      <c r="C10855">
        <v>4890.8999999999996</v>
      </c>
      <c r="D10855">
        <v>3.1</v>
      </c>
      <c r="E10855">
        <v>6155.34</v>
      </c>
      <c r="F10855">
        <v>32.408900000000003</v>
      </c>
    </row>
    <row r="10856" spans="1:6" x14ac:dyDescent="0.25">
      <c r="A10856">
        <v>156.78</v>
      </c>
      <c r="B10856">
        <v>211.3</v>
      </c>
      <c r="C10856">
        <v>4890.8999999999996</v>
      </c>
      <c r="D10856">
        <v>3.4</v>
      </c>
      <c r="E10856">
        <v>6095.38</v>
      </c>
      <c r="F10856">
        <v>32.668500000000002</v>
      </c>
    </row>
    <row r="10857" spans="1:6" x14ac:dyDescent="0.25">
      <c r="A10857">
        <v>156.78</v>
      </c>
      <c r="B10857">
        <v>211.3</v>
      </c>
      <c r="C10857">
        <v>4890.8999999999996</v>
      </c>
      <c r="D10857">
        <v>3.7</v>
      </c>
      <c r="E10857">
        <v>5970.81</v>
      </c>
      <c r="F10857">
        <v>32.835799999999999</v>
      </c>
    </row>
    <row r="10858" spans="1:6" x14ac:dyDescent="0.25">
      <c r="A10858">
        <v>156.78</v>
      </c>
      <c r="B10858">
        <v>211.3</v>
      </c>
      <c r="C10858">
        <v>4890.8999999999996</v>
      </c>
      <c r="D10858">
        <v>4</v>
      </c>
      <c r="E10858">
        <v>6007.95</v>
      </c>
      <c r="F10858">
        <v>37.009399999999999</v>
      </c>
    </row>
    <row r="10859" spans="1:6" x14ac:dyDescent="0.25">
      <c r="A10859">
        <v>156.78</v>
      </c>
      <c r="B10859">
        <v>211.3</v>
      </c>
      <c r="C10859">
        <v>6436.35</v>
      </c>
      <c r="D10859">
        <v>1</v>
      </c>
      <c r="E10859">
        <v>6038.15</v>
      </c>
      <c r="F10859">
        <v>28.927499999999998</v>
      </c>
    </row>
    <row r="10860" spans="1:6" x14ac:dyDescent="0.25">
      <c r="A10860">
        <v>156.78</v>
      </c>
      <c r="B10860">
        <v>211.3</v>
      </c>
      <c r="C10860">
        <v>6436.35</v>
      </c>
      <c r="D10860">
        <v>1.3</v>
      </c>
      <c r="E10860">
        <v>9485.67</v>
      </c>
      <c r="F10860">
        <v>23.514800000000001</v>
      </c>
    </row>
    <row r="10861" spans="1:6" x14ac:dyDescent="0.25">
      <c r="A10861">
        <v>156.78</v>
      </c>
      <c r="B10861">
        <v>211.3</v>
      </c>
      <c r="C10861">
        <v>6436.35</v>
      </c>
      <c r="D10861">
        <v>1.6</v>
      </c>
      <c r="E10861">
        <v>5325.73</v>
      </c>
      <c r="F10861">
        <v>30.8367</v>
      </c>
    </row>
    <row r="10862" spans="1:6" x14ac:dyDescent="0.25">
      <c r="A10862">
        <v>156.78</v>
      </c>
      <c r="B10862">
        <v>211.3</v>
      </c>
      <c r="C10862">
        <v>6436.35</v>
      </c>
      <c r="D10862">
        <v>1.9</v>
      </c>
      <c r="E10862">
        <v>8464.44</v>
      </c>
      <c r="F10862">
        <v>34.7089</v>
      </c>
    </row>
    <row r="10863" spans="1:6" x14ac:dyDescent="0.25">
      <c r="A10863">
        <v>156.78</v>
      </c>
      <c r="B10863">
        <v>211.3</v>
      </c>
      <c r="C10863">
        <v>6436.35</v>
      </c>
      <c r="D10863">
        <v>2.2000000000000002</v>
      </c>
      <c r="E10863">
        <v>8323.18</v>
      </c>
      <c r="F10863">
        <v>34.403599999999997</v>
      </c>
    </row>
    <row r="10864" spans="1:6" x14ac:dyDescent="0.25">
      <c r="A10864">
        <v>156.78</v>
      </c>
      <c r="B10864">
        <v>211.3</v>
      </c>
      <c r="C10864">
        <v>6436.35</v>
      </c>
      <c r="D10864">
        <v>2.5</v>
      </c>
      <c r="E10864">
        <v>8092.32</v>
      </c>
      <c r="F10864">
        <v>33.310899999999997</v>
      </c>
    </row>
    <row r="10865" spans="1:6" x14ac:dyDescent="0.25">
      <c r="A10865">
        <v>156.78</v>
      </c>
      <c r="B10865">
        <v>211.3</v>
      </c>
      <c r="C10865">
        <v>6436.35</v>
      </c>
      <c r="D10865">
        <v>2.8</v>
      </c>
      <c r="E10865">
        <v>7800.68</v>
      </c>
      <c r="F10865">
        <v>32.041699999999999</v>
      </c>
    </row>
    <row r="10866" spans="1:6" x14ac:dyDescent="0.25">
      <c r="A10866">
        <v>156.78</v>
      </c>
      <c r="B10866">
        <v>211.3</v>
      </c>
      <c r="C10866">
        <v>6436.35</v>
      </c>
      <c r="D10866">
        <v>3.1</v>
      </c>
      <c r="E10866">
        <v>7707.52</v>
      </c>
      <c r="F10866">
        <v>32.408900000000003</v>
      </c>
    </row>
    <row r="10867" spans="1:6" x14ac:dyDescent="0.25">
      <c r="A10867">
        <v>156.78</v>
      </c>
      <c r="B10867">
        <v>211.3</v>
      </c>
      <c r="C10867">
        <v>6436.35</v>
      </c>
      <c r="D10867">
        <v>3.4</v>
      </c>
      <c r="E10867">
        <v>7599.42</v>
      </c>
      <c r="F10867">
        <v>32.668500000000002</v>
      </c>
    </row>
    <row r="10868" spans="1:6" x14ac:dyDescent="0.25">
      <c r="A10868">
        <v>156.78</v>
      </c>
      <c r="B10868">
        <v>211.3</v>
      </c>
      <c r="C10868">
        <v>6436.35</v>
      </c>
      <c r="D10868">
        <v>3.7</v>
      </c>
      <c r="E10868">
        <v>7524.81</v>
      </c>
      <c r="F10868">
        <v>32.835799999999999</v>
      </c>
    </row>
    <row r="10869" spans="1:6" x14ac:dyDescent="0.25">
      <c r="A10869">
        <v>156.78</v>
      </c>
      <c r="B10869">
        <v>211.3</v>
      </c>
      <c r="C10869">
        <v>6436.35</v>
      </c>
      <c r="D10869">
        <v>4</v>
      </c>
      <c r="E10869">
        <v>7561.33</v>
      </c>
      <c r="F10869">
        <v>37.009399999999999</v>
      </c>
    </row>
    <row r="10870" spans="1:6" x14ac:dyDescent="0.25">
      <c r="A10870">
        <v>156.78</v>
      </c>
      <c r="B10870">
        <v>211.3</v>
      </c>
      <c r="C10870">
        <v>7981.8</v>
      </c>
      <c r="D10870">
        <v>1</v>
      </c>
      <c r="E10870">
        <v>6038.15</v>
      </c>
      <c r="F10870">
        <v>28.927499999999998</v>
      </c>
    </row>
    <row r="10871" spans="1:6" x14ac:dyDescent="0.25">
      <c r="A10871">
        <v>156.78</v>
      </c>
      <c r="B10871">
        <v>211.3</v>
      </c>
      <c r="C10871">
        <v>7981.8</v>
      </c>
      <c r="D10871">
        <v>1.3</v>
      </c>
      <c r="E10871">
        <v>10750.2</v>
      </c>
      <c r="F10871">
        <v>23.514800000000001</v>
      </c>
    </row>
    <row r="10872" spans="1:6" x14ac:dyDescent="0.25">
      <c r="A10872">
        <v>156.78</v>
      </c>
      <c r="B10872">
        <v>211.3</v>
      </c>
      <c r="C10872">
        <v>7981.8</v>
      </c>
      <c r="D10872">
        <v>1.6</v>
      </c>
      <c r="E10872">
        <v>5325.73</v>
      </c>
      <c r="F10872">
        <v>30.8367</v>
      </c>
    </row>
    <row r="10873" spans="1:6" x14ac:dyDescent="0.25">
      <c r="A10873">
        <v>156.78</v>
      </c>
      <c r="B10873">
        <v>211.3</v>
      </c>
      <c r="C10873">
        <v>7981.8</v>
      </c>
      <c r="D10873">
        <v>1.9</v>
      </c>
      <c r="E10873">
        <v>10102.6</v>
      </c>
      <c r="F10873">
        <v>34.7089</v>
      </c>
    </row>
    <row r="10874" spans="1:6" x14ac:dyDescent="0.25">
      <c r="A10874">
        <v>156.78</v>
      </c>
      <c r="B10874">
        <v>211.3</v>
      </c>
      <c r="C10874">
        <v>7981.8</v>
      </c>
      <c r="D10874">
        <v>2.2000000000000002</v>
      </c>
      <c r="E10874">
        <v>9739.48</v>
      </c>
      <c r="F10874">
        <v>34.403599999999997</v>
      </c>
    </row>
    <row r="10875" spans="1:6" x14ac:dyDescent="0.25">
      <c r="A10875">
        <v>156.78</v>
      </c>
      <c r="B10875">
        <v>211.3</v>
      </c>
      <c r="C10875">
        <v>7981.8</v>
      </c>
      <c r="D10875">
        <v>2.5</v>
      </c>
      <c r="E10875">
        <v>9541.52</v>
      </c>
      <c r="F10875">
        <v>33.310899999999997</v>
      </c>
    </row>
    <row r="10876" spans="1:6" x14ac:dyDescent="0.25">
      <c r="A10876">
        <v>156.78</v>
      </c>
      <c r="B10876">
        <v>211.3</v>
      </c>
      <c r="C10876">
        <v>7981.8</v>
      </c>
      <c r="D10876">
        <v>2.8</v>
      </c>
      <c r="E10876">
        <v>9413.24</v>
      </c>
      <c r="F10876">
        <v>32.041699999999999</v>
      </c>
    </row>
    <row r="10877" spans="1:6" x14ac:dyDescent="0.25">
      <c r="A10877">
        <v>156.78</v>
      </c>
      <c r="B10877">
        <v>211.3</v>
      </c>
      <c r="C10877">
        <v>7981.8</v>
      </c>
      <c r="D10877">
        <v>3.1</v>
      </c>
      <c r="E10877">
        <v>9256.07</v>
      </c>
      <c r="F10877">
        <v>32.408900000000003</v>
      </c>
    </row>
    <row r="10878" spans="1:6" x14ac:dyDescent="0.25">
      <c r="A10878">
        <v>156.78</v>
      </c>
      <c r="B10878">
        <v>211.3</v>
      </c>
      <c r="C10878">
        <v>7981.8</v>
      </c>
      <c r="D10878">
        <v>3.4</v>
      </c>
      <c r="E10878">
        <v>9124.48</v>
      </c>
      <c r="F10878">
        <v>32.668500000000002</v>
      </c>
    </row>
    <row r="10879" spans="1:6" x14ac:dyDescent="0.25">
      <c r="A10879">
        <v>156.78</v>
      </c>
      <c r="B10879">
        <v>211.3</v>
      </c>
      <c r="C10879">
        <v>7981.8</v>
      </c>
      <c r="D10879">
        <v>3.7</v>
      </c>
      <c r="E10879">
        <v>9015.27</v>
      </c>
      <c r="F10879">
        <v>32.835799999999999</v>
      </c>
    </row>
    <row r="10880" spans="1:6" x14ac:dyDescent="0.25">
      <c r="A10880">
        <v>156.78</v>
      </c>
      <c r="B10880">
        <v>211.3</v>
      </c>
      <c r="C10880">
        <v>7981.8</v>
      </c>
      <c r="D10880">
        <v>4</v>
      </c>
      <c r="E10880">
        <v>9051.36</v>
      </c>
      <c r="F10880">
        <v>37.009399999999999</v>
      </c>
    </row>
    <row r="10881" spans="1:6" x14ac:dyDescent="0.25">
      <c r="A10881">
        <v>156.78</v>
      </c>
      <c r="B10881">
        <v>211.3</v>
      </c>
      <c r="C10881">
        <v>9527.25</v>
      </c>
      <c r="D10881">
        <v>1</v>
      </c>
      <c r="E10881">
        <v>6038.15</v>
      </c>
      <c r="F10881">
        <v>28.927499999999998</v>
      </c>
    </row>
    <row r="10882" spans="1:6" x14ac:dyDescent="0.25">
      <c r="A10882">
        <v>156.78</v>
      </c>
      <c r="B10882">
        <v>211.3</v>
      </c>
      <c r="C10882">
        <v>9527.25</v>
      </c>
      <c r="D10882">
        <v>1.3</v>
      </c>
      <c r="E10882">
        <v>12472.9</v>
      </c>
      <c r="F10882">
        <v>23.514800000000001</v>
      </c>
    </row>
    <row r="10883" spans="1:6" x14ac:dyDescent="0.25">
      <c r="A10883">
        <v>156.78</v>
      </c>
      <c r="B10883">
        <v>211.3</v>
      </c>
      <c r="C10883">
        <v>9527.25</v>
      </c>
      <c r="D10883">
        <v>1.6</v>
      </c>
      <c r="E10883">
        <v>5325.73</v>
      </c>
      <c r="F10883">
        <v>30.8367</v>
      </c>
    </row>
    <row r="10884" spans="1:6" x14ac:dyDescent="0.25">
      <c r="A10884">
        <v>156.78</v>
      </c>
      <c r="B10884">
        <v>211.3</v>
      </c>
      <c r="C10884">
        <v>9527.25</v>
      </c>
      <c r="D10884">
        <v>1.9</v>
      </c>
      <c r="E10884">
        <v>11646</v>
      </c>
      <c r="F10884">
        <v>34.7089</v>
      </c>
    </row>
    <row r="10885" spans="1:6" x14ac:dyDescent="0.25">
      <c r="A10885">
        <v>156.78</v>
      </c>
      <c r="B10885">
        <v>211.3</v>
      </c>
      <c r="C10885">
        <v>9527.25</v>
      </c>
      <c r="D10885">
        <v>2.2000000000000002</v>
      </c>
      <c r="E10885">
        <v>11385.8</v>
      </c>
      <c r="F10885">
        <v>34.403599999999997</v>
      </c>
    </row>
    <row r="10886" spans="1:6" x14ac:dyDescent="0.25">
      <c r="A10886">
        <v>156.78</v>
      </c>
      <c r="B10886">
        <v>211.3</v>
      </c>
      <c r="C10886">
        <v>9527.25</v>
      </c>
      <c r="D10886">
        <v>2.5</v>
      </c>
      <c r="E10886">
        <v>11202.5</v>
      </c>
      <c r="F10886">
        <v>33.310899999999997</v>
      </c>
    </row>
    <row r="10887" spans="1:6" x14ac:dyDescent="0.25">
      <c r="A10887">
        <v>156.78</v>
      </c>
      <c r="B10887">
        <v>211.3</v>
      </c>
      <c r="C10887">
        <v>9527.25</v>
      </c>
      <c r="D10887">
        <v>2.8</v>
      </c>
      <c r="E10887">
        <v>11005.9</v>
      </c>
      <c r="F10887">
        <v>32.041699999999999</v>
      </c>
    </row>
    <row r="10888" spans="1:6" x14ac:dyDescent="0.25">
      <c r="A10888">
        <v>156.78</v>
      </c>
      <c r="B10888">
        <v>211.3</v>
      </c>
      <c r="C10888">
        <v>9527.25</v>
      </c>
      <c r="D10888">
        <v>3.1</v>
      </c>
      <c r="E10888">
        <v>10827.8</v>
      </c>
      <c r="F10888">
        <v>32.408900000000003</v>
      </c>
    </row>
    <row r="10889" spans="1:6" x14ac:dyDescent="0.25">
      <c r="A10889">
        <v>156.78</v>
      </c>
      <c r="B10889">
        <v>211.3</v>
      </c>
      <c r="C10889">
        <v>9527.25</v>
      </c>
      <c r="D10889">
        <v>3.4</v>
      </c>
      <c r="E10889">
        <v>10701.7</v>
      </c>
      <c r="F10889">
        <v>32.668500000000002</v>
      </c>
    </row>
    <row r="10890" spans="1:6" x14ac:dyDescent="0.25">
      <c r="A10890">
        <v>156.78</v>
      </c>
      <c r="B10890">
        <v>211.3</v>
      </c>
      <c r="C10890">
        <v>9527.25</v>
      </c>
      <c r="D10890">
        <v>3.7</v>
      </c>
      <c r="E10890">
        <v>10614.3</v>
      </c>
      <c r="F10890">
        <v>32.835799999999999</v>
      </c>
    </row>
    <row r="10891" spans="1:6" x14ac:dyDescent="0.25">
      <c r="A10891">
        <v>156.78</v>
      </c>
      <c r="B10891">
        <v>211.3</v>
      </c>
      <c r="C10891">
        <v>9527.25</v>
      </c>
      <c r="D10891">
        <v>4</v>
      </c>
      <c r="E10891">
        <v>10648.3</v>
      </c>
      <c r="F10891">
        <v>37.009399999999999</v>
      </c>
    </row>
    <row r="10892" spans="1:6" x14ac:dyDescent="0.25">
      <c r="A10892">
        <v>156.78</v>
      </c>
      <c r="B10892">
        <v>211.3</v>
      </c>
      <c r="C10892">
        <v>11072.7</v>
      </c>
      <c r="D10892">
        <v>1</v>
      </c>
      <c r="E10892">
        <v>6038.15</v>
      </c>
      <c r="F10892">
        <v>28.927499999999998</v>
      </c>
    </row>
    <row r="10893" spans="1:6" x14ac:dyDescent="0.25">
      <c r="A10893">
        <v>156.78</v>
      </c>
      <c r="B10893">
        <v>211.3</v>
      </c>
      <c r="C10893">
        <v>11072.7</v>
      </c>
      <c r="D10893">
        <v>1.3</v>
      </c>
      <c r="E10893">
        <v>14131.5</v>
      </c>
      <c r="F10893">
        <v>23.514800000000001</v>
      </c>
    </row>
    <row r="10894" spans="1:6" x14ac:dyDescent="0.25">
      <c r="A10894">
        <v>156.78</v>
      </c>
      <c r="B10894">
        <v>211.3</v>
      </c>
      <c r="C10894">
        <v>11072.7</v>
      </c>
      <c r="D10894">
        <v>1.6</v>
      </c>
      <c r="E10894">
        <v>5325.73</v>
      </c>
      <c r="F10894">
        <v>30.8367</v>
      </c>
    </row>
    <row r="10895" spans="1:6" x14ac:dyDescent="0.25">
      <c r="A10895">
        <v>156.78</v>
      </c>
      <c r="B10895">
        <v>211.3</v>
      </c>
      <c r="C10895">
        <v>11072.7</v>
      </c>
      <c r="D10895">
        <v>1.9</v>
      </c>
      <c r="E10895">
        <v>13044.4</v>
      </c>
      <c r="F10895">
        <v>34.7089</v>
      </c>
    </row>
    <row r="10896" spans="1:6" x14ac:dyDescent="0.25">
      <c r="A10896">
        <v>156.78</v>
      </c>
      <c r="B10896">
        <v>211.3</v>
      </c>
      <c r="C10896">
        <v>11072.7</v>
      </c>
      <c r="D10896">
        <v>2.2000000000000002</v>
      </c>
      <c r="E10896">
        <v>12939.4</v>
      </c>
      <c r="F10896">
        <v>34.403599999999997</v>
      </c>
    </row>
    <row r="10897" spans="1:6" x14ac:dyDescent="0.25">
      <c r="A10897">
        <v>156.78</v>
      </c>
      <c r="B10897">
        <v>211.3</v>
      </c>
      <c r="C10897">
        <v>11072.7</v>
      </c>
      <c r="D10897">
        <v>2.5</v>
      </c>
      <c r="E10897">
        <v>12671.2</v>
      </c>
      <c r="F10897">
        <v>33.310899999999997</v>
      </c>
    </row>
    <row r="10898" spans="1:6" x14ac:dyDescent="0.25">
      <c r="A10898">
        <v>156.78</v>
      </c>
      <c r="B10898">
        <v>211.3</v>
      </c>
      <c r="C10898">
        <v>11072.7</v>
      </c>
      <c r="D10898">
        <v>2.8</v>
      </c>
      <c r="E10898">
        <v>12489.8</v>
      </c>
      <c r="F10898">
        <v>32.041699999999999</v>
      </c>
    </row>
    <row r="10899" spans="1:6" x14ac:dyDescent="0.25">
      <c r="A10899">
        <v>156.78</v>
      </c>
      <c r="B10899">
        <v>211.3</v>
      </c>
      <c r="C10899">
        <v>11072.7</v>
      </c>
      <c r="D10899">
        <v>3.1</v>
      </c>
      <c r="E10899">
        <v>12360.7</v>
      </c>
      <c r="F10899">
        <v>32.408900000000003</v>
      </c>
    </row>
    <row r="10900" spans="1:6" x14ac:dyDescent="0.25">
      <c r="A10900">
        <v>156.78</v>
      </c>
      <c r="B10900">
        <v>211.3</v>
      </c>
      <c r="C10900">
        <v>11072.7</v>
      </c>
      <c r="D10900">
        <v>3.4</v>
      </c>
      <c r="E10900">
        <v>12207.5</v>
      </c>
      <c r="F10900">
        <v>32.668500000000002</v>
      </c>
    </row>
    <row r="10901" spans="1:6" x14ac:dyDescent="0.25">
      <c r="A10901">
        <v>156.78</v>
      </c>
      <c r="B10901">
        <v>211.3</v>
      </c>
      <c r="C10901">
        <v>11072.7</v>
      </c>
      <c r="D10901">
        <v>3.7</v>
      </c>
      <c r="E10901">
        <v>12187.6</v>
      </c>
      <c r="F10901">
        <v>32.835799999999999</v>
      </c>
    </row>
    <row r="10902" spans="1:6" x14ac:dyDescent="0.25">
      <c r="A10902">
        <v>156.78</v>
      </c>
      <c r="B10902">
        <v>211.3</v>
      </c>
      <c r="C10902">
        <v>11072.7</v>
      </c>
      <c r="D10902">
        <v>4</v>
      </c>
      <c r="E10902">
        <v>12170.5</v>
      </c>
      <c r="F10902">
        <v>37.009399999999999</v>
      </c>
    </row>
    <row r="10903" spans="1:6" x14ac:dyDescent="0.25">
      <c r="A10903">
        <v>156.78</v>
      </c>
      <c r="B10903">
        <v>211.3</v>
      </c>
      <c r="C10903">
        <v>12618.2</v>
      </c>
      <c r="D10903">
        <v>1</v>
      </c>
      <c r="E10903">
        <v>6038.15</v>
      </c>
      <c r="F10903">
        <v>28.927499999999998</v>
      </c>
    </row>
    <row r="10904" spans="1:6" x14ac:dyDescent="0.25">
      <c r="A10904">
        <v>156.78</v>
      </c>
      <c r="B10904">
        <v>211.3</v>
      </c>
      <c r="C10904">
        <v>12618.2</v>
      </c>
      <c r="D10904">
        <v>1.3</v>
      </c>
      <c r="E10904">
        <v>15531</v>
      </c>
      <c r="F10904">
        <v>23.514800000000001</v>
      </c>
    </row>
    <row r="10905" spans="1:6" x14ac:dyDescent="0.25">
      <c r="A10905">
        <v>156.78</v>
      </c>
      <c r="B10905">
        <v>211.3</v>
      </c>
      <c r="C10905">
        <v>12618.2</v>
      </c>
      <c r="D10905">
        <v>1.6</v>
      </c>
      <c r="E10905">
        <v>5325.73</v>
      </c>
      <c r="F10905">
        <v>30.8367</v>
      </c>
    </row>
    <row r="10906" spans="1:6" x14ac:dyDescent="0.25">
      <c r="A10906">
        <v>156.78</v>
      </c>
      <c r="B10906">
        <v>211.3</v>
      </c>
      <c r="C10906">
        <v>12618.2</v>
      </c>
      <c r="D10906">
        <v>1.9</v>
      </c>
      <c r="E10906">
        <v>14722</v>
      </c>
      <c r="F10906">
        <v>34.7089</v>
      </c>
    </row>
    <row r="10907" spans="1:6" x14ac:dyDescent="0.25">
      <c r="A10907">
        <v>156.78</v>
      </c>
      <c r="B10907">
        <v>211.3</v>
      </c>
      <c r="C10907">
        <v>12618.2</v>
      </c>
      <c r="D10907">
        <v>2.2000000000000002</v>
      </c>
      <c r="E10907">
        <v>14395.7</v>
      </c>
      <c r="F10907">
        <v>34.403599999999997</v>
      </c>
    </row>
    <row r="10908" spans="1:6" x14ac:dyDescent="0.25">
      <c r="A10908">
        <v>156.78</v>
      </c>
      <c r="B10908">
        <v>211.3</v>
      </c>
      <c r="C10908">
        <v>12618.2</v>
      </c>
      <c r="D10908">
        <v>2.5</v>
      </c>
      <c r="E10908">
        <v>14144.5</v>
      </c>
      <c r="F10908">
        <v>33.310899999999997</v>
      </c>
    </row>
    <row r="10909" spans="1:6" x14ac:dyDescent="0.25">
      <c r="A10909">
        <v>156.78</v>
      </c>
      <c r="B10909">
        <v>211.3</v>
      </c>
      <c r="C10909">
        <v>12618.2</v>
      </c>
      <c r="D10909">
        <v>2.8</v>
      </c>
      <c r="E10909">
        <v>13994.4</v>
      </c>
      <c r="F10909">
        <v>32.041699999999999</v>
      </c>
    </row>
    <row r="10910" spans="1:6" x14ac:dyDescent="0.25">
      <c r="A10910">
        <v>156.78</v>
      </c>
      <c r="B10910">
        <v>211.3</v>
      </c>
      <c r="C10910">
        <v>12618.2</v>
      </c>
      <c r="D10910">
        <v>3.1</v>
      </c>
      <c r="E10910">
        <v>13921</v>
      </c>
      <c r="F10910">
        <v>32.408900000000003</v>
      </c>
    </row>
    <row r="10911" spans="1:6" x14ac:dyDescent="0.25">
      <c r="A10911">
        <v>156.78</v>
      </c>
      <c r="B10911">
        <v>211.3</v>
      </c>
      <c r="C10911">
        <v>12618.2</v>
      </c>
      <c r="D10911">
        <v>3.4</v>
      </c>
      <c r="E10911">
        <v>13768.1</v>
      </c>
      <c r="F10911">
        <v>32.668500000000002</v>
      </c>
    </row>
    <row r="10912" spans="1:6" x14ac:dyDescent="0.25">
      <c r="A10912">
        <v>156.78</v>
      </c>
      <c r="B10912">
        <v>211.3</v>
      </c>
      <c r="C10912">
        <v>12618.2</v>
      </c>
      <c r="D10912">
        <v>3.7</v>
      </c>
      <c r="E10912">
        <v>13677</v>
      </c>
      <c r="F10912">
        <v>32.835799999999999</v>
      </c>
    </row>
    <row r="10913" spans="1:6" x14ac:dyDescent="0.25">
      <c r="A10913">
        <v>156.78</v>
      </c>
      <c r="B10913">
        <v>211.3</v>
      </c>
      <c r="C10913">
        <v>12618.2</v>
      </c>
      <c r="D10913">
        <v>4</v>
      </c>
      <c r="E10913">
        <v>13634.3</v>
      </c>
      <c r="F10913">
        <v>37.009399999999999</v>
      </c>
    </row>
    <row r="10914" spans="1:6" x14ac:dyDescent="0.25">
      <c r="A10914">
        <v>156.78</v>
      </c>
      <c r="B10914">
        <v>211.3</v>
      </c>
      <c r="C10914">
        <v>14163.6</v>
      </c>
      <c r="D10914">
        <v>1</v>
      </c>
      <c r="E10914">
        <v>6038.15</v>
      </c>
      <c r="F10914">
        <v>28.927499999999998</v>
      </c>
    </row>
    <row r="10915" spans="1:6" x14ac:dyDescent="0.25">
      <c r="A10915">
        <v>156.78</v>
      </c>
      <c r="B10915">
        <v>211.3</v>
      </c>
      <c r="C10915">
        <v>14163.6</v>
      </c>
      <c r="D10915">
        <v>1.3</v>
      </c>
      <c r="E10915">
        <v>17024.3</v>
      </c>
      <c r="F10915">
        <v>23.514800000000001</v>
      </c>
    </row>
    <row r="10916" spans="1:6" x14ac:dyDescent="0.25">
      <c r="A10916">
        <v>156.78</v>
      </c>
      <c r="B10916">
        <v>211.3</v>
      </c>
      <c r="C10916">
        <v>14163.6</v>
      </c>
      <c r="D10916">
        <v>1.6</v>
      </c>
      <c r="E10916">
        <v>5325.73</v>
      </c>
      <c r="F10916">
        <v>30.8367</v>
      </c>
    </row>
    <row r="10917" spans="1:6" x14ac:dyDescent="0.25">
      <c r="A10917">
        <v>156.78</v>
      </c>
      <c r="B10917">
        <v>211.3</v>
      </c>
      <c r="C10917">
        <v>14163.6</v>
      </c>
      <c r="D10917">
        <v>1.9</v>
      </c>
      <c r="E10917">
        <v>16192</v>
      </c>
      <c r="F10917">
        <v>34.7089</v>
      </c>
    </row>
    <row r="10918" spans="1:6" x14ac:dyDescent="0.25">
      <c r="A10918">
        <v>156.78</v>
      </c>
      <c r="B10918">
        <v>211.3</v>
      </c>
      <c r="C10918">
        <v>14163.6</v>
      </c>
      <c r="D10918">
        <v>2.2000000000000002</v>
      </c>
      <c r="E10918">
        <v>15944</v>
      </c>
      <c r="F10918">
        <v>34.403599999999997</v>
      </c>
    </row>
    <row r="10919" spans="1:6" x14ac:dyDescent="0.25">
      <c r="A10919">
        <v>156.78</v>
      </c>
      <c r="B10919">
        <v>211.3</v>
      </c>
      <c r="C10919">
        <v>14163.6</v>
      </c>
      <c r="D10919">
        <v>2.5</v>
      </c>
      <c r="E10919">
        <v>15785.1</v>
      </c>
      <c r="F10919">
        <v>33.310899999999997</v>
      </c>
    </row>
    <row r="10920" spans="1:6" x14ac:dyDescent="0.25">
      <c r="A10920">
        <v>156.78</v>
      </c>
      <c r="B10920">
        <v>211.3</v>
      </c>
      <c r="C10920">
        <v>14163.6</v>
      </c>
      <c r="D10920">
        <v>2.8</v>
      </c>
      <c r="E10920">
        <v>15608.5</v>
      </c>
      <c r="F10920">
        <v>32.041699999999999</v>
      </c>
    </row>
    <row r="10921" spans="1:6" x14ac:dyDescent="0.25">
      <c r="A10921">
        <v>156.78</v>
      </c>
      <c r="B10921">
        <v>211.3</v>
      </c>
      <c r="C10921">
        <v>14163.6</v>
      </c>
      <c r="D10921">
        <v>3.1</v>
      </c>
      <c r="E10921">
        <v>15468.8</v>
      </c>
      <c r="F10921">
        <v>32.408900000000003</v>
      </c>
    </row>
    <row r="10922" spans="1:6" x14ac:dyDescent="0.25">
      <c r="A10922">
        <v>156.78</v>
      </c>
      <c r="B10922">
        <v>211.3</v>
      </c>
      <c r="C10922">
        <v>14163.6</v>
      </c>
      <c r="D10922">
        <v>3.4</v>
      </c>
      <c r="E10922">
        <v>15303</v>
      </c>
      <c r="F10922">
        <v>32.668500000000002</v>
      </c>
    </row>
    <row r="10923" spans="1:6" x14ac:dyDescent="0.25">
      <c r="A10923">
        <v>156.78</v>
      </c>
      <c r="B10923">
        <v>211.3</v>
      </c>
      <c r="C10923">
        <v>14163.6</v>
      </c>
      <c r="D10923">
        <v>3.7</v>
      </c>
      <c r="E10923">
        <v>15184.4</v>
      </c>
      <c r="F10923">
        <v>32.835799999999999</v>
      </c>
    </row>
    <row r="10924" spans="1:6" x14ac:dyDescent="0.25">
      <c r="A10924">
        <v>156.78</v>
      </c>
      <c r="B10924">
        <v>211.3</v>
      </c>
      <c r="C10924">
        <v>14163.6</v>
      </c>
      <c r="D10924">
        <v>4</v>
      </c>
      <c r="E10924">
        <v>15254.5</v>
      </c>
      <c r="F10924">
        <v>37.009399999999999</v>
      </c>
    </row>
    <row r="10925" spans="1:6" x14ac:dyDescent="0.25">
      <c r="A10925">
        <v>156.78</v>
      </c>
      <c r="B10925">
        <v>211.3</v>
      </c>
      <c r="C10925">
        <v>15709.1</v>
      </c>
      <c r="D10925">
        <v>1</v>
      </c>
      <c r="E10925">
        <v>6038.15</v>
      </c>
      <c r="F10925">
        <v>28.927499999999998</v>
      </c>
    </row>
    <row r="10926" spans="1:6" x14ac:dyDescent="0.25">
      <c r="A10926">
        <v>156.78</v>
      </c>
      <c r="B10926">
        <v>211.3</v>
      </c>
      <c r="C10926">
        <v>15709.1</v>
      </c>
      <c r="D10926">
        <v>1.3</v>
      </c>
      <c r="E10926">
        <v>18615.3</v>
      </c>
      <c r="F10926">
        <v>23.514800000000001</v>
      </c>
    </row>
    <row r="10927" spans="1:6" x14ac:dyDescent="0.25">
      <c r="A10927">
        <v>156.78</v>
      </c>
      <c r="B10927">
        <v>211.3</v>
      </c>
      <c r="C10927">
        <v>15709.1</v>
      </c>
      <c r="D10927">
        <v>1.6</v>
      </c>
      <c r="E10927">
        <v>5325.73</v>
      </c>
      <c r="F10927">
        <v>30.8367</v>
      </c>
    </row>
    <row r="10928" spans="1:6" x14ac:dyDescent="0.25">
      <c r="A10928">
        <v>156.78</v>
      </c>
      <c r="B10928">
        <v>211.3</v>
      </c>
      <c r="C10928">
        <v>15709.1</v>
      </c>
      <c r="D10928">
        <v>1.9</v>
      </c>
      <c r="E10928">
        <v>17823.7</v>
      </c>
      <c r="F10928">
        <v>34.7089</v>
      </c>
    </row>
    <row r="10929" spans="1:6" x14ac:dyDescent="0.25">
      <c r="A10929">
        <v>156.78</v>
      </c>
      <c r="B10929">
        <v>211.3</v>
      </c>
      <c r="C10929">
        <v>15709.1</v>
      </c>
      <c r="D10929">
        <v>2.2000000000000002</v>
      </c>
      <c r="E10929">
        <v>17564.2</v>
      </c>
      <c r="F10929">
        <v>34.403599999999997</v>
      </c>
    </row>
    <row r="10930" spans="1:6" x14ac:dyDescent="0.25">
      <c r="A10930">
        <v>156.78</v>
      </c>
      <c r="B10930">
        <v>211.3</v>
      </c>
      <c r="C10930">
        <v>15709.1</v>
      </c>
      <c r="D10930">
        <v>2.5</v>
      </c>
      <c r="E10930">
        <v>17308.900000000001</v>
      </c>
      <c r="F10930">
        <v>33.310899999999997</v>
      </c>
    </row>
    <row r="10931" spans="1:6" x14ac:dyDescent="0.25">
      <c r="A10931">
        <v>156.78</v>
      </c>
      <c r="B10931">
        <v>211.3</v>
      </c>
      <c r="C10931">
        <v>15709.1</v>
      </c>
      <c r="D10931">
        <v>2.8</v>
      </c>
      <c r="E10931">
        <v>17103.8</v>
      </c>
      <c r="F10931">
        <v>32.041699999999999</v>
      </c>
    </row>
    <row r="10932" spans="1:6" x14ac:dyDescent="0.25">
      <c r="A10932">
        <v>156.78</v>
      </c>
      <c r="B10932">
        <v>211.3</v>
      </c>
      <c r="C10932">
        <v>15709.1</v>
      </c>
      <c r="D10932">
        <v>3.1</v>
      </c>
      <c r="E10932">
        <v>16979.599999999999</v>
      </c>
      <c r="F10932">
        <v>32.408900000000003</v>
      </c>
    </row>
    <row r="10933" spans="1:6" x14ac:dyDescent="0.25">
      <c r="A10933">
        <v>156.78</v>
      </c>
      <c r="B10933">
        <v>211.3</v>
      </c>
      <c r="C10933">
        <v>15709.1</v>
      </c>
      <c r="D10933">
        <v>3.4</v>
      </c>
      <c r="E10933">
        <v>16798.900000000001</v>
      </c>
      <c r="F10933">
        <v>32.668500000000002</v>
      </c>
    </row>
    <row r="10934" spans="1:6" x14ac:dyDescent="0.25">
      <c r="A10934">
        <v>156.78</v>
      </c>
      <c r="B10934">
        <v>211.3</v>
      </c>
      <c r="C10934">
        <v>15709.1</v>
      </c>
      <c r="D10934">
        <v>3.7</v>
      </c>
      <c r="E10934">
        <v>16767.8</v>
      </c>
      <c r="F10934">
        <v>32.835799999999999</v>
      </c>
    </row>
    <row r="10935" spans="1:6" x14ac:dyDescent="0.25">
      <c r="A10935">
        <v>156.78</v>
      </c>
      <c r="B10935">
        <v>211.3</v>
      </c>
      <c r="C10935">
        <v>15709.1</v>
      </c>
      <c r="D10935">
        <v>4</v>
      </c>
      <c r="E10935">
        <v>16788.599999999999</v>
      </c>
      <c r="F10935">
        <v>37.009399999999999</v>
      </c>
    </row>
    <row r="10936" spans="1:6" x14ac:dyDescent="0.25">
      <c r="A10936">
        <v>156.78</v>
      </c>
      <c r="B10936">
        <v>211.3</v>
      </c>
      <c r="C10936">
        <v>17254.5</v>
      </c>
      <c r="D10936">
        <v>1</v>
      </c>
      <c r="E10936">
        <v>6038.15</v>
      </c>
      <c r="F10936">
        <v>28.927499999999998</v>
      </c>
    </row>
    <row r="10937" spans="1:6" x14ac:dyDescent="0.25">
      <c r="A10937">
        <v>156.78</v>
      </c>
      <c r="B10937">
        <v>211.3</v>
      </c>
      <c r="C10937">
        <v>17254.5</v>
      </c>
      <c r="D10937">
        <v>1.3</v>
      </c>
      <c r="E10937">
        <v>20033.5</v>
      </c>
      <c r="F10937">
        <v>23.514800000000001</v>
      </c>
    </row>
    <row r="10938" spans="1:6" x14ac:dyDescent="0.25">
      <c r="A10938">
        <v>156.78</v>
      </c>
      <c r="B10938">
        <v>211.3</v>
      </c>
      <c r="C10938">
        <v>17254.5</v>
      </c>
      <c r="D10938">
        <v>1.6</v>
      </c>
      <c r="E10938">
        <v>5325.73</v>
      </c>
      <c r="F10938">
        <v>30.8367</v>
      </c>
    </row>
    <row r="10939" spans="1:6" x14ac:dyDescent="0.25">
      <c r="A10939">
        <v>156.78</v>
      </c>
      <c r="B10939">
        <v>211.3</v>
      </c>
      <c r="C10939">
        <v>17254.5</v>
      </c>
      <c r="D10939">
        <v>1.9</v>
      </c>
      <c r="E10939">
        <v>19285.400000000001</v>
      </c>
      <c r="F10939">
        <v>34.7089</v>
      </c>
    </row>
    <row r="10940" spans="1:6" x14ac:dyDescent="0.25">
      <c r="A10940">
        <v>156.78</v>
      </c>
      <c r="B10940">
        <v>211.3</v>
      </c>
      <c r="C10940">
        <v>17254.5</v>
      </c>
      <c r="D10940">
        <v>2.2000000000000002</v>
      </c>
      <c r="E10940">
        <v>18997.8</v>
      </c>
      <c r="F10940">
        <v>34.403599999999997</v>
      </c>
    </row>
    <row r="10941" spans="1:6" x14ac:dyDescent="0.25">
      <c r="A10941">
        <v>156.78</v>
      </c>
      <c r="B10941">
        <v>211.3</v>
      </c>
      <c r="C10941">
        <v>17254.5</v>
      </c>
      <c r="D10941">
        <v>2.5</v>
      </c>
      <c r="E10941">
        <v>18835.099999999999</v>
      </c>
      <c r="F10941">
        <v>33.310899999999997</v>
      </c>
    </row>
    <row r="10942" spans="1:6" x14ac:dyDescent="0.25">
      <c r="A10942">
        <v>156.78</v>
      </c>
      <c r="B10942">
        <v>211.3</v>
      </c>
      <c r="C10942">
        <v>17254.5</v>
      </c>
      <c r="D10942">
        <v>2.8</v>
      </c>
      <c r="E10942">
        <v>18706.099999999999</v>
      </c>
      <c r="F10942">
        <v>32.041699999999999</v>
      </c>
    </row>
    <row r="10943" spans="1:6" x14ac:dyDescent="0.25">
      <c r="A10943">
        <v>156.78</v>
      </c>
      <c r="B10943">
        <v>211.3</v>
      </c>
      <c r="C10943">
        <v>17254.5</v>
      </c>
      <c r="D10943">
        <v>3.1</v>
      </c>
      <c r="E10943">
        <v>18579.599999999999</v>
      </c>
      <c r="F10943">
        <v>32.408900000000003</v>
      </c>
    </row>
    <row r="10944" spans="1:6" x14ac:dyDescent="0.25">
      <c r="A10944">
        <v>156.78</v>
      </c>
      <c r="B10944">
        <v>211.3</v>
      </c>
      <c r="C10944">
        <v>17254.5</v>
      </c>
      <c r="D10944">
        <v>3.4</v>
      </c>
      <c r="E10944">
        <v>18439.2</v>
      </c>
      <c r="F10944">
        <v>32.668500000000002</v>
      </c>
    </row>
    <row r="10945" spans="1:6" x14ac:dyDescent="0.25">
      <c r="A10945">
        <v>156.78</v>
      </c>
      <c r="B10945">
        <v>211.3</v>
      </c>
      <c r="C10945">
        <v>17254.5</v>
      </c>
      <c r="D10945">
        <v>3.7</v>
      </c>
      <c r="E10945">
        <v>18331.900000000001</v>
      </c>
      <c r="F10945">
        <v>32.835799999999999</v>
      </c>
    </row>
    <row r="10946" spans="1:6" x14ac:dyDescent="0.25">
      <c r="A10946">
        <v>156.78</v>
      </c>
      <c r="B10946">
        <v>211.3</v>
      </c>
      <c r="C10946">
        <v>17254.5</v>
      </c>
      <c r="D10946">
        <v>4</v>
      </c>
      <c r="E10946">
        <v>18345.599999999999</v>
      </c>
      <c r="F10946">
        <v>37.009399999999999</v>
      </c>
    </row>
    <row r="10947" spans="1:6" x14ac:dyDescent="0.25">
      <c r="A10947">
        <v>156.78</v>
      </c>
      <c r="B10947">
        <v>211.3</v>
      </c>
      <c r="C10947">
        <v>18800</v>
      </c>
      <c r="D10947">
        <v>1</v>
      </c>
      <c r="E10947">
        <v>6038.15</v>
      </c>
      <c r="F10947">
        <v>28.927499999999998</v>
      </c>
    </row>
    <row r="10948" spans="1:6" x14ac:dyDescent="0.25">
      <c r="A10948">
        <v>156.78</v>
      </c>
      <c r="B10948">
        <v>211.3</v>
      </c>
      <c r="C10948">
        <v>18800</v>
      </c>
      <c r="D10948">
        <v>1.3</v>
      </c>
      <c r="E10948">
        <v>21778.799999999999</v>
      </c>
      <c r="F10948">
        <v>23.514800000000001</v>
      </c>
    </row>
    <row r="10949" spans="1:6" x14ac:dyDescent="0.25">
      <c r="A10949">
        <v>156.78</v>
      </c>
      <c r="B10949">
        <v>211.3</v>
      </c>
      <c r="C10949">
        <v>18800</v>
      </c>
      <c r="D10949">
        <v>1.6</v>
      </c>
      <c r="E10949">
        <v>5325.73</v>
      </c>
      <c r="F10949">
        <v>30.8367</v>
      </c>
    </row>
    <row r="10950" spans="1:6" x14ac:dyDescent="0.25">
      <c r="A10950">
        <v>156.78</v>
      </c>
      <c r="B10950">
        <v>211.3</v>
      </c>
      <c r="C10950">
        <v>18800</v>
      </c>
      <c r="D10950">
        <v>1.9</v>
      </c>
      <c r="E10950">
        <v>20810.900000000001</v>
      </c>
      <c r="F10950">
        <v>34.7089</v>
      </c>
    </row>
    <row r="10951" spans="1:6" x14ac:dyDescent="0.25">
      <c r="A10951">
        <v>156.78</v>
      </c>
      <c r="B10951">
        <v>211.3</v>
      </c>
      <c r="C10951">
        <v>18800</v>
      </c>
      <c r="D10951">
        <v>2.2000000000000002</v>
      </c>
      <c r="E10951">
        <v>20646.400000000001</v>
      </c>
      <c r="F10951">
        <v>34.403599999999997</v>
      </c>
    </row>
    <row r="10952" spans="1:6" x14ac:dyDescent="0.25">
      <c r="A10952">
        <v>156.78</v>
      </c>
      <c r="B10952">
        <v>211.3</v>
      </c>
      <c r="C10952">
        <v>18800</v>
      </c>
      <c r="D10952">
        <v>2.5</v>
      </c>
      <c r="E10952">
        <v>20324.3</v>
      </c>
      <c r="F10952">
        <v>33.310899999999997</v>
      </c>
    </row>
    <row r="10953" spans="1:6" x14ac:dyDescent="0.25">
      <c r="A10953">
        <v>156.78</v>
      </c>
      <c r="B10953">
        <v>211.3</v>
      </c>
      <c r="C10953">
        <v>18800</v>
      </c>
      <c r="D10953">
        <v>2.8</v>
      </c>
      <c r="E10953">
        <v>20248</v>
      </c>
      <c r="F10953">
        <v>32.041699999999999</v>
      </c>
    </row>
    <row r="10954" spans="1:6" x14ac:dyDescent="0.25">
      <c r="A10954">
        <v>156.78</v>
      </c>
      <c r="B10954">
        <v>211.3</v>
      </c>
      <c r="C10954">
        <v>18800</v>
      </c>
      <c r="D10954">
        <v>3.1</v>
      </c>
      <c r="E10954">
        <v>20031.8</v>
      </c>
      <c r="F10954">
        <v>32.408900000000003</v>
      </c>
    </row>
    <row r="10955" spans="1:6" x14ac:dyDescent="0.25">
      <c r="A10955">
        <v>156.78</v>
      </c>
      <c r="B10955">
        <v>211.3</v>
      </c>
      <c r="C10955">
        <v>18800</v>
      </c>
      <c r="D10955">
        <v>3.4</v>
      </c>
      <c r="E10955">
        <v>19928.400000000001</v>
      </c>
      <c r="F10955">
        <v>32.668500000000002</v>
      </c>
    </row>
    <row r="10956" spans="1:6" x14ac:dyDescent="0.25">
      <c r="A10956">
        <v>156.78</v>
      </c>
      <c r="B10956">
        <v>211.3</v>
      </c>
      <c r="C10956">
        <v>18800</v>
      </c>
      <c r="D10956">
        <v>3.7</v>
      </c>
      <c r="E10956">
        <v>19775.7</v>
      </c>
      <c r="F10956">
        <v>32.835799999999999</v>
      </c>
    </row>
    <row r="10957" spans="1:6" x14ac:dyDescent="0.25">
      <c r="A10957">
        <v>156.78</v>
      </c>
      <c r="B10957">
        <v>211.3</v>
      </c>
      <c r="C10957">
        <v>18800</v>
      </c>
      <c r="D10957">
        <v>4</v>
      </c>
      <c r="E10957">
        <v>19784</v>
      </c>
      <c r="F10957">
        <v>37.009399999999999</v>
      </c>
    </row>
    <row r="10958" spans="1:6" x14ac:dyDescent="0.25">
      <c r="A10958">
        <v>156.78</v>
      </c>
      <c r="B10958">
        <v>214.93</v>
      </c>
      <c r="C10958">
        <v>1800</v>
      </c>
      <c r="D10958">
        <v>1</v>
      </c>
      <c r="E10958">
        <v>5359.03</v>
      </c>
      <c r="F10958">
        <v>37.424100000000003</v>
      </c>
    </row>
    <row r="10959" spans="1:6" x14ac:dyDescent="0.25">
      <c r="A10959">
        <v>156.78</v>
      </c>
      <c r="B10959">
        <v>214.93</v>
      </c>
      <c r="C10959">
        <v>1800</v>
      </c>
      <c r="D10959">
        <v>1.3</v>
      </c>
      <c r="E10959">
        <v>4798.84</v>
      </c>
      <c r="F10959">
        <v>45.903599999999997</v>
      </c>
    </row>
    <row r="10960" spans="1:6" x14ac:dyDescent="0.25">
      <c r="A10960">
        <v>156.78</v>
      </c>
      <c r="B10960">
        <v>214.93</v>
      </c>
      <c r="C10960">
        <v>1800</v>
      </c>
      <c r="D10960">
        <v>1.6</v>
      </c>
      <c r="E10960">
        <v>4422.3500000000004</v>
      </c>
      <c r="F10960">
        <v>52.076799999999999</v>
      </c>
    </row>
    <row r="10961" spans="1:6" x14ac:dyDescent="0.25">
      <c r="A10961">
        <v>156.78</v>
      </c>
      <c r="B10961">
        <v>214.93</v>
      </c>
      <c r="C10961">
        <v>1800</v>
      </c>
      <c r="D10961">
        <v>1.9</v>
      </c>
      <c r="E10961">
        <v>4176.43</v>
      </c>
      <c r="F10961">
        <v>58.204099999999997</v>
      </c>
    </row>
    <row r="10962" spans="1:6" x14ac:dyDescent="0.25">
      <c r="A10962">
        <v>156.78</v>
      </c>
      <c r="B10962">
        <v>214.93</v>
      </c>
      <c r="C10962">
        <v>1800</v>
      </c>
      <c r="D10962">
        <v>2.2000000000000002</v>
      </c>
      <c r="E10962">
        <v>3959.57</v>
      </c>
      <c r="F10962">
        <v>61.855899999999998</v>
      </c>
    </row>
    <row r="10963" spans="1:6" x14ac:dyDescent="0.25">
      <c r="A10963">
        <v>156.78</v>
      </c>
      <c r="B10963">
        <v>214.93</v>
      </c>
      <c r="C10963">
        <v>1800</v>
      </c>
      <c r="D10963">
        <v>2.5</v>
      </c>
      <c r="E10963">
        <v>3752.49</v>
      </c>
      <c r="F10963">
        <v>63.821100000000001</v>
      </c>
    </row>
    <row r="10964" spans="1:6" x14ac:dyDescent="0.25">
      <c r="A10964">
        <v>156.78</v>
      </c>
      <c r="B10964">
        <v>214.93</v>
      </c>
      <c r="C10964">
        <v>1800</v>
      </c>
      <c r="D10964">
        <v>2.8</v>
      </c>
      <c r="E10964">
        <v>3573.1</v>
      </c>
      <c r="F10964">
        <v>68.980999999999995</v>
      </c>
    </row>
    <row r="10965" spans="1:6" x14ac:dyDescent="0.25">
      <c r="A10965">
        <v>156.78</v>
      </c>
      <c r="B10965">
        <v>214.93</v>
      </c>
      <c r="C10965">
        <v>1800</v>
      </c>
      <c r="D10965">
        <v>3.1</v>
      </c>
      <c r="E10965">
        <v>3437.95</v>
      </c>
      <c r="F10965">
        <v>69.831100000000006</v>
      </c>
    </row>
    <row r="10966" spans="1:6" x14ac:dyDescent="0.25">
      <c r="A10966">
        <v>156.78</v>
      </c>
      <c r="B10966">
        <v>214.93</v>
      </c>
      <c r="C10966">
        <v>1800</v>
      </c>
      <c r="D10966">
        <v>3.4</v>
      </c>
      <c r="E10966">
        <v>3395.48</v>
      </c>
      <c r="F10966">
        <v>72.020399999999995</v>
      </c>
    </row>
    <row r="10967" spans="1:6" x14ac:dyDescent="0.25">
      <c r="A10967">
        <v>156.78</v>
      </c>
      <c r="B10967">
        <v>214.93</v>
      </c>
      <c r="C10967">
        <v>1800</v>
      </c>
      <c r="D10967">
        <v>3.7</v>
      </c>
      <c r="E10967">
        <v>3299.57</v>
      </c>
      <c r="F10967">
        <v>74.455299999999994</v>
      </c>
    </row>
    <row r="10968" spans="1:6" x14ac:dyDescent="0.25">
      <c r="A10968">
        <v>156.78</v>
      </c>
      <c r="B10968">
        <v>214.93</v>
      </c>
      <c r="C10968">
        <v>1800</v>
      </c>
      <c r="D10968">
        <v>4</v>
      </c>
      <c r="E10968">
        <v>3180.8</v>
      </c>
      <c r="F10968">
        <v>73.6768</v>
      </c>
    </row>
    <row r="10969" spans="1:6" x14ac:dyDescent="0.25">
      <c r="A10969">
        <v>156.78</v>
      </c>
      <c r="B10969">
        <v>214.93</v>
      </c>
      <c r="C10969">
        <v>3345.45</v>
      </c>
      <c r="D10969">
        <v>1</v>
      </c>
      <c r="E10969">
        <v>7137.26</v>
      </c>
      <c r="F10969">
        <v>21.537299999999998</v>
      </c>
    </row>
    <row r="10970" spans="1:6" x14ac:dyDescent="0.25">
      <c r="A10970">
        <v>156.78</v>
      </c>
      <c r="B10970">
        <v>214.93</v>
      </c>
      <c r="C10970">
        <v>3345.45</v>
      </c>
      <c r="D10970">
        <v>1.3</v>
      </c>
      <c r="E10970">
        <v>6087.64</v>
      </c>
      <c r="F10970">
        <v>23.681100000000001</v>
      </c>
    </row>
    <row r="10971" spans="1:6" x14ac:dyDescent="0.25">
      <c r="A10971">
        <v>156.78</v>
      </c>
      <c r="B10971">
        <v>214.93</v>
      </c>
      <c r="C10971">
        <v>3345.45</v>
      </c>
      <c r="D10971">
        <v>1.6</v>
      </c>
      <c r="E10971">
        <v>5632.47</v>
      </c>
      <c r="F10971">
        <v>23.314900000000002</v>
      </c>
    </row>
    <row r="10972" spans="1:6" x14ac:dyDescent="0.25">
      <c r="A10972">
        <v>156.78</v>
      </c>
      <c r="B10972">
        <v>214.93</v>
      </c>
      <c r="C10972">
        <v>3345.45</v>
      </c>
      <c r="D10972">
        <v>1.9</v>
      </c>
      <c r="E10972">
        <v>5385.57</v>
      </c>
      <c r="F10972">
        <v>34.7089</v>
      </c>
    </row>
    <row r="10973" spans="1:6" x14ac:dyDescent="0.25">
      <c r="A10973">
        <v>156.78</v>
      </c>
      <c r="B10973">
        <v>214.93</v>
      </c>
      <c r="C10973">
        <v>3345.45</v>
      </c>
      <c r="D10973">
        <v>2.2000000000000002</v>
      </c>
      <c r="E10973">
        <v>5227.96</v>
      </c>
      <c r="F10973">
        <v>33.927199999999999</v>
      </c>
    </row>
    <row r="10974" spans="1:6" x14ac:dyDescent="0.25">
      <c r="A10974">
        <v>156.78</v>
      </c>
      <c r="B10974">
        <v>214.93</v>
      </c>
      <c r="C10974">
        <v>3345.45</v>
      </c>
      <c r="D10974">
        <v>2.5</v>
      </c>
      <c r="E10974">
        <v>5022.12</v>
      </c>
      <c r="F10974">
        <v>26.7746</v>
      </c>
    </row>
    <row r="10975" spans="1:6" x14ac:dyDescent="0.25">
      <c r="A10975">
        <v>156.78</v>
      </c>
      <c r="B10975">
        <v>214.93</v>
      </c>
      <c r="C10975">
        <v>3345.45</v>
      </c>
      <c r="D10975">
        <v>2.8</v>
      </c>
      <c r="E10975">
        <v>4968.8900000000003</v>
      </c>
      <c r="F10975">
        <v>23.9085</v>
      </c>
    </row>
    <row r="10976" spans="1:6" x14ac:dyDescent="0.25">
      <c r="A10976">
        <v>156.78</v>
      </c>
      <c r="B10976">
        <v>214.93</v>
      </c>
      <c r="C10976">
        <v>3345.45</v>
      </c>
      <c r="D10976">
        <v>3.1</v>
      </c>
      <c r="E10976">
        <v>4848.7700000000004</v>
      </c>
      <c r="F10976">
        <v>24.598500000000001</v>
      </c>
    </row>
    <row r="10977" spans="1:6" x14ac:dyDescent="0.25">
      <c r="A10977">
        <v>156.78</v>
      </c>
      <c r="B10977">
        <v>214.93</v>
      </c>
      <c r="C10977">
        <v>3345.45</v>
      </c>
      <c r="D10977">
        <v>3.4</v>
      </c>
      <c r="E10977">
        <v>4729.3900000000003</v>
      </c>
      <c r="F10977">
        <v>25.174499999999998</v>
      </c>
    </row>
    <row r="10978" spans="1:6" x14ac:dyDescent="0.25">
      <c r="A10978">
        <v>156.78</v>
      </c>
      <c r="B10978">
        <v>214.93</v>
      </c>
      <c r="C10978">
        <v>3345.45</v>
      </c>
      <c r="D10978">
        <v>3.7</v>
      </c>
      <c r="E10978">
        <v>4634.0200000000004</v>
      </c>
      <c r="F10978">
        <v>25.607199999999999</v>
      </c>
    </row>
    <row r="10979" spans="1:6" x14ac:dyDescent="0.25">
      <c r="A10979">
        <v>156.78</v>
      </c>
      <c r="B10979">
        <v>214.93</v>
      </c>
      <c r="C10979">
        <v>3345.45</v>
      </c>
      <c r="D10979">
        <v>4</v>
      </c>
      <c r="E10979">
        <v>4605.3999999999996</v>
      </c>
      <c r="F10979">
        <v>35.855600000000003</v>
      </c>
    </row>
    <row r="10980" spans="1:6" x14ac:dyDescent="0.25">
      <c r="A10980">
        <v>156.78</v>
      </c>
      <c r="B10980">
        <v>214.93</v>
      </c>
      <c r="C10980">
        <v>4890.8999999999996</v>
      </c>
      <c r="D10980">
        <v>1</v>
      </c>
      <c r="E10980">
        <v>6038.15</v>
      </c>
      <c r="F10980">
        <v>28.927499999999998</v>
      </c>
    </row>
    <row r="10981" spans="1:6" x14ac:dyDescent="0.25">
      <c r="A10981">
        <v>156.78</v>
      </c>
      <c r="B10981">
        <v>214.93</v>
      </c>
      <c r="C10981">
        <v>4890.8999999999996</v>
      </c>
      <c r="D10981">
        <v>1.3</v>
      </c>
      <c r="E10981">
        <v>7689.17</v>
      </c>
      <c r="F10981">
        <v>23.514800000000001</v>
      </c>
    </row>
    <row r="10982" spans="1:6" x14ac:dyDescent="0.25">
      <c r="A10982">
        <v>156.78</v>
      </c>
      <c r="B10982">
        <v>214.93</v>
      </c>
      <c r="C10982">
        <v>4890.8999999999996</v>
      </c>
      <c r="D10982">
        <v>1.6</v>
      </c>
      <c r="E10982">
        <v>5325.73</v>
      </c>
      <c r="F10982">
        <v>30.8367</v>
      </c>
    </row>
    <row r="10983" spans="1:6" x14ac:dyDescent="0.25">
      <c r="A10983">
        <v>156.78</v>
      </c>
      <c r="B10983">
        <v>214.93</v>
      </c>
      <c r="C10983">
        <v>4890.8999999999996</v>
      </c>
      <c r="D10983">
        <v>1.9</v>
      </c>
      <c r="E10983">
        <v>6968.68</v>
      </c>
      <c r="F10983">
        <v>34.7089</v>
      </c>
    </row>
    <row r="10984" spans="1:6" x14ac:dyDescent="0.25">
      <c r="A10984">
        <v>156.78</v>
      </c>
      <c r="B10984">
        <v>214.93</v>
      </c>
      <c r="C10984">
        <v>4890.8999999999996</v>
      </c>
      <c r="D10984">
        <v>2.2000000000000002</v>
      </c>
      <c r="E10984">
        <v>6766.54</v>
      </c>
      <c r="F10984">
        <v>34.403599999999997</v>
      </c>
    </row>
    <row r="10985" spans="1:6" x14ac:dyDescent="0.25">
      <c r="A10985">
        <v>156.78</v>
      </c>
      <c r="B10985">
        <v>214.93</v>
      </c>
      <c r="C10985">
        <v>4890.8999999999996</v>
      </c>
      <c r="D10985">
        <v>2.5</v>
      </c>
      <c r="E10985">
        <v>6444.02</v>
      </c>
      <c r="F10985">
        <v>33.310899999999997</v>
      </c>
    </row>
    <row r="10986" spans="1:6" x14ac:dyDescent="0.25">
      <c r="A10986">
        <v>156.78</v>
      </c>
      <c r="B10986">
        <v>214.93</v>
      </c>
      <c r="C10986">
        <v>4890.8999999999996</v>
      </c>
      <c r="D10986">
        <v>2.8</v>
      </c>
      <c r="E10986">
        <v>6377</v>
      </c>
      <c r="F10986">
        <v>32.041699999999999</v>
      </c>
    </row>
    <row r="10987" spans="1:6" x14ac:dyDescent="0.25">
      <c r="A10987">
        <v>156.78</v>
      </c>
      <c r="B10987">
        <v>214.93</v>
      </c>
      <c r="C10987">
        <v>4890.8999999999996</v>
      </c>
      <c r="D10987">
        <v>3.1</v>
      </c>
      <c r="E10987">
        <v>6155.34</v>
      </c>
      <c r="F10987">
        <v>32.408900000000003</v>
      </c>
    </row>
    <row r="10988" spans="1:6" x14ac:dyDescent="0.25">
      <c r="A10988">
        <v>156.78</v>
      </c>
      <c r="B10988">
        <v>214.93</v>
      </c>
      <c r="C10988">
        <v>4890.8999999999996</v>
      </c>
      <c r="D10988">
        <v>3.4</v>
      </c>
      <c r="E10988">
        <v>6095.38</v>
      </c>
      <c r="F10988">
        <v>32.668500000000002</v>
      </c>
    </row>
    <row r="10989" spans="1:6" x14ac:dyDescent="0.25">
      <c r="A10989">
        <v>156.78</v>
      </c>
      <c r="B10989">
        <v>214.93</v>
      </c>
      <c r="C10989">
        <v>4890.8999999999996</v>
      </c>
      <c r="D10989">
        <v>3.7</v>
      </c>
      <c r="E10989">
        <v>5970.81</v>
      </c>
      <c r="F10989">
        <v>32.835799999999999</v>
      </c>
    </row>
    <row r="10990" spans="1:6" x14ac:dyDescent="0.25">
      <c r="A10990">
        <v>156.78</v>
      </c>
      <c r="B10990">
        <v>214.93</v>
      </c>
      <c r="C10990">
        <v>4890.8999999999996</v>
      </c>
      <c r="D10990">
        <v>4</v>
      </c>
      <c r="E10990">
        <v>6007.95</v>
      </c>
      <c r="F10990">
        <v>37.009399999999999</v>
      </c>
    </row>
    <row r="10991" spans="1:6" x14ac:dyDescent="0.25">
      <c r="A10991">
        <v>156.78</v>
      </c>
      <c r="B10991">
        <v>214.93</v>
      </c>
      <c r="C10991">
        <v>6436.35</v>
      </c>
      <c r="D10991">
        <v>1</v>
      </c>
      <c r="E10991">
        <v>6038.15</v>
      </c>
      <c r="F10991">
        <v>28.927499999999998</v>
      </c>
    </row>
    <row r="10992" spans="1:6" x14ac:dyDescent="0.25">
      <c r="A10992">
        <v>156.78</v>
      </c>
      <c r="B10992">
        <v>214.93</v>
      </c>
      <c r="C10992">
        <v>6436.35</v>
      </c>
      <c r="D10992">
        <v>1.3</v>
      </c>
      <c r="E10992">
        <v>9485.67</v>
      </c>
      <c r="F10992">
        <v>23.514800000000001</v>
      </c>
    </row>
    <row r="10993" spans="1:6" x14ac:dyDescent="0.25">
      <c r="A10993">
        <v>156.78</v>
      </c>
      <c r="B10993">
        <v>214.93</v>
      </c>
      <c r="C10993">
        <v>6436.35</v>
      </c>
      <c r="D10993">
        <v>1.6</v>
      </c>
      <c r="E10993">
        <v>5325.73</v>
      </c>
      <c r="F10993">
        <v>30.8367</v>
      </c>
    </row>
    <row r="10994" spans="1:6" x14ac:dyDescent="0.25">
      <c r="A10994">
        <v>156.78</v>
      </c>
      <c r="B10994">
        <v>214.93</v>
      </c>
      <c r="C10994">
        <v>6436.35</v>
      </c>
      <c r="D10994">
        <v>1.9</v>
      </c>
      <c r="E10994">
        <v>8464.44</v>
      </c>
      <c r="F10994">
        <v>34.7089</v>
      </c>
    </row>
    <row r="10995" spans="1:6" x14ac:dyDescent="0.25">
      <c r="A10995">
        <v>156.78</v>
      </c>
      <c r="B10995">
        <v>214.93</v>
      </c>
      <c r="C10995">
        <v>6436.35</v>
      </c>
      <c r="D10995">
        <v>2.2000000000000002</v>
      </c>
      <c r="E10995">
        <v>8323.18</v>
      </c>
      <c r="F10995">
        <v>34.403599999999997</v>
      </c>
    </row>
    <row r="10996" spans="1:6" x14ac:dyDescent="0.25">
      <c r="A10996">
        <v>156.78</v>
      </c>
      <c r="B10996">
        <v>214.93</v>
      </c>
      <c r="C10996">
        <v>6436.35</v>
      </c>
      <c r="D10996">
        <v>2.5</v>
      </c>
      <c r="E10996">
        <v>8092.32</v>
      </c>
      <c r="F10996">
        <v>33.310899999999997</v>
      </c>
    </row>
    <row r="10997" spans="1:6" x14ac:dyDescent="0.25">
      <c r="A10997">
        <v>156.78</v>
      </c>
      <c r="B10997">
        <v>214.93</v>
      </c>
      <c r="C10997">
        <v>6436.35</v>
      </c>
      <c r="D10997">
        <v>2.8</v>
      </c>
      <c r="E10997">
        <v>7800.68</v>
      </c>
      <c r="F10997">
        <v>32.041699999999999</v>
      </c>
    </row>
    <row r="10998" spans="1:6" x14ac:dyDescent="0.25">
      <c r="A10998">
        <v>156.78</v>
      </c>
      <c r="B10998">
        <v>214.93</v>
      </c>
      <c r="C10998">
        <v>6436.35</v>
      </c>
      <c r="D10998">
        <v>3.1</v>
      </c>
      <c r="E10998">
        <v>7707.52</v>
      </c>
      <c r="F10998">
        <v>32.408900000000003</v>
      </c>
    </row>
    <row r="10999" spans="1:6" x14ac:dyDescent="0.25">
      <c r="A10999">
        <v>156.78</v>
      </c>
      <c r="B10999">
        <v>214.93</v>
      </c>
      <c r="C10999">
        <v>6436.35</v>
      </c>
      <c r="D10999">
        <v>3.4</v>
      </c>
      <c r="E10999">
        <v>7599.42</v>
      </c>
      <c r="F10999">
        <v>32.668500000000002</v>
      </c>
    </row>
    <row r="11000" spans="1:6" x14ac:dyDescent="0.25">
      <c r="A11000">
        <v>156.78</v>
      </c>
      <c r="B11000">
        <v>214.93</v>
      </c>
      <c r="C11000">
        <v>6436.35</v>
      </c>
      <c r="D11000">
        <v>3.7</v>
      </c>
      <c r="E11000">
        <v>7524.81</v>
      </c>
      <c r="F11000">
        <v>32.835799999999999</v>
      </c>
    </row>
    <row r="11001" spans="1:6" x14ac:dyDescent="0.25">
      <c r="A11001">
        <v>156.78</v>
      </c>
      <c r="B11001">
        <v>214.93</v>
      </c>
      <c r="C11001">
        <v>6436.35</v>
      </c>
      <c r="D11001">
        <v>4</v>
      </c>
      <c r="E11001">
        <v>7561.33</v>
      </c>
      <c r="F11001">
        <v>37.009399999999999</v>
      </c>
    </row>
    <row r="11002" spans="1:6" x14ac:dyDescent="0.25">
      <c r="A11002">
        <v>156.78</v>
      </c>
      <c r="B11002">
        <v>214.93</v>
      </c>
      <c r="C11002">
        <v>7981.8</v>
      </c>
      <c r="D11002">
        <v>1</v>
      </c>
      <c r="E11002">
        <v>6038.15</v>
      </c>
      <c r="F11002">
        <v>28.927499999999998</v>
      </c>
    </row>
    <row r="11003" spans="1:6" x14ac:dyDescent="0.25">
      <c r="A11003">
        <v>156.78</v>
      </c>
      <c r="B11003">
        <v>214.93</v>
      </c>
      <c r="C11003">
        <v>7981.8</v>
      </c>
      <c r="D11003">
        <v>1.3</v>
      </c>
      <c r="E11003">
        <v>10750.2</v>
      </c>
      <c r="F11003">
        <v>23.514800000000001</v>
      </c>
    </row>
    <row r="11004" spans="1:6" x14ac:dyDescent="0.25">
      <c r="A11004">
        <v>156.78</v>
      </c>
      <c r="B11004">
        <v>214.93</v>
      </c>
      <c r="C11004">
        <v>7981.8</v>
      </c>
      <c r="D11004">
        <v>1.6</v>
      </c>
      <c r="E11004">
        <v>5325.73</v>
      </c>
      <c r="F11004">
        <v>30.8367</v>
      </c>
    </row>
    <row r="11005" spans="1:6" x14ac:dyDescent="0.25">
      <c r="A11005">
        <v>156.78</v>
      </c>
      <c r="B11005">
        <v>214.93</v>
      </c>
      <c r="C11005">
        <v>7981.8</v>
      </c>
      <c r="D11005">
        <v>1.9</v>
      </c>
      <c r="E11005">
        <v>10102.6</v>
      </c>
      <c r="F11005">
        <v>34.7089</v>
      </c>
    </row>
    <row r="11006" spans="1:6" x14ac:dyDescent="0.25">
      <c r="A11006">
        <v>156.78</v>
      </c>
      <c r="B11006">
        <v>214.93</v>
      </c>
      <c r="C11006">
        <v>7981.8</v>
      </c>
      <c r="D11006">
        <v>2.2000000000000002</v>
      </c>
      <c r="E11006">
        <v>9739.48</v>
      </c>
      <c r="F11006">
        <v>34.403599999999997</v>
      </c>
    </row>
    <row r="11007" spans="1:6" x14ac:dyDescent="0.25">
      <c r="A11007">
        <v>156.78</v>
      </c>
      <c r="B11007">
        <v>214.93</v>
      </c>
      <c r="C11007">
        <v>7981.8</v>
      </c>
      <c r="D11007">
        <v>2.5</v>
      </c>
      <c r="E11007">
        <v>9541.52</v>
      </c>
      <c r="F11007">
        <v>33.310899999999997</v>
      </c>
    </row>
    <row r="11008" spans="1:6" x14ac:dyDescent="0.25">
      <c r="A11008">
        <v>156.78</v>
      </c>
      <c r="B11008">
        <v>214.93</v>
      </c>
      <c r="C11008">
        <v>7981.8</v>
      </c>
      <c r="D11008">
        <v>2.8</v>
      </c>
      <c r="E11008">
        <v>9413.24</v>
      </c>
      <c r="F11008">
        <v>32.041699999999999</v>
      </c>
    </row>
    <row r="11009" spans="1:6" x14ac:dyDescent="0.25">
      <c r="A11009">
        <v>156.78</v>
      </c>
      <c r="B11009">
        <v>214.93</v>
      </c>
      <c r="C11009">
        <v>7981.8</v>
      </c>
      <c r="D11009">
        <v>3.1</v>
      </c>
      <c r="E11009">
        <v>9256.07</v>
      </c>
      <c r="F11009">
        <v>32.408900000000003</v>
      </c>
    </row>
    <row r="11010" spans="1:6" x14ac:dyDescent="0.25">
      <c r="A11010">
        <v>156.78</v>
      </c>
      <c r="B11010">
        <v>214.93</v>
      </c>
      <c r="C11010">
        <v>7981.8</v>
      </c>
      <c r="D11010">
        <v>3.4</v>
      </c>
      <c r="E11010">
        <v>9124.48</v>
      </c>
      <c r="F11010">
        <v>32.668500000000002</v>
      </c>
    </row>
    <row r="11011" spans="1:6" x14ac:dyDescent="0.25">
      <c r="A11011">
        <v>156.78</v>
      </c>
      <c r="B11011">
        <v>214.93</v>
      </c>
      <c r="C11011">
        <v>7981.8</v>
      </c>
      <c r="D11011">
        <v>3.7</v>
      </c>
      <c r="E11011">
        <v>9015.27</v>
      </c>
      <c r="F11011">
        <v>32.835799999999999</v>
      </c>
    </row>
    <row r="11012" spans="1:6" x14ac:dyDescent="0.25">
      <c r="A11012">
        <v>156.78</v>
      </c>
      <c r="B11012">
        <v>214.93</v>
      </c>
      <c r="C11012">
        <v>7981.8</v>
      </c>
      <c r="D11012">
        <v>4</v>
      </c>
      <c r="E11012">
        <v>9051.36</v>
      </c>
      <c r="F11012">
        <v>37.009399999999999</v>
      </c>
    </row>
    <row r="11013" spans="1:6" x14ac:dyDescent="0.25">
      <c r="A11013">
        <v>156.78</v>
      </c>
      <c r="B11013">
        <v>214.93</v>
      </c>
      <c r="C11013">
        <v>9527.25</v>
      </c>
      <c r="D11013">
        <v>1</v>
      </c>
      <c r="E11013">
        <v>6038.15</v>
      </c>
      <c r="F11013">
        <v>28.927499999999998</v>
      </c>
    </row>
    <row r="11014" spans="1:6" x14ac:dyDescent="0.25">
      <c r="A11014">
        <v>156.78</v>
      </c>
      <c r="B11014">
        <v>214.93</v>
      </c>
      <c r="C11014">
        <v>9527.25</v>
      </c>
      <c r="D11014">
        <v>1.3</v>
      </c>
      <c r="E11014">
        <v>12472.9</v>
      </c>
      <c r="F11014">
        <v>23.514800000000001</v>
      </c>
    </row>
    <row r="11015" spans="1:6" x14ac:dyDescent="0.25">
      <c r="A11015">
        <v>156.78</v>
      </c>
      <c r="B11015">
        <v>214.93</v>
      </c>
      <c r="C11015">
        <v>9527.25</v>
      </c>
      <c r="D11015">
        <v>1.6</v>
      </c>
      <c r="E11015">
        <v>5325.73</v>
      </c>
      <c r="F11015">
        <v>30.8367</v>
      </c>
    </row>
    <row r="11016" spans="1:6" x14ac:dyDescent="0.25">
      <c r="A11016">
        <v>156.78</v>
      </c>
      <c r="B11016">
        <v>214.93</v>
      </c>
      <c r="C11016">
        <v>9527.25</v>
      </c>
      <c r="D11016">
        <v>1.9</v>
      </c>
      <c r="E11016">
        <v>11646</v>
      </c>
      <c r="F11016">
        <v>34.7089</v>
      </c>
    </row>
    <row r="11017" spans="1:6" x14ac:dyDescent="0.25">
      <c r="A11017">
        <v>156.78</v>
      </c>
      <c r="B11017">
        <v>214.93</v>
      </c>
      <c r="C11017">
        <v>9527.25</v>
      </c>
      <c r="D11017">
        <v>2.2000000000000002</v>
      </c>
      <c r="E11017">
        <v>11385.8</v>
      </c>
      <c r="F11017">
        <v>34.403599999999997</v>
      </c>
    </row>
    <row r="11018" spans="1:6" x14ac:dyDescent="0.25">
      <c r="A11018">
        <v>156.78</v>
      </c>
      <c r="B11018">
        <v>214.93</v>
      </c>
      <c r="C11018">
        <v>9527.25</v>
      </c>
      <c r="D11018">
        <v>2.5</v>
      </c>
      <c r="E11018">
        <v>11202.5</v>
      </c>
      <c r="F11018">
        <v>33.310899999999997</v>
      </c>
    </row>
    <row r="11019" spans="1:6" x14ac:dyDescent="0.25">
      <c r="A11019">
        <v>156.78</v>
      </c>
      <c r="B11019">
        <v>214.93</v>
      </c>
      <c r="C11019">
        <v>9527.25</v>
      </c>
      <c r="D11019">
        <v>2.8</v>
      </c>
      <c r="E11019">
        <v>11005.9</v>
      </c>
      <c r="F11019">
        <v>32.041699999999999</v>
      </c>
    </row>
    <row r="11020" spans="1:6" x14ac:dyDescent="0.25">
      <c r="A11020">
        <v>156.78</v>
      </c>
      <c r="B11020">
        <v>214.93</v>
      </c>
      <c r="C11020">
        <v>9527.25</v>
      </c>
      <c r="D11020">
        <v>3.1</v>
      </c>
      <c r="E11020">
        <v>10827.8</v>
      </c>
      <c r="F11020">
        <v>32.408900000000003</v>
      </c>
    </row>
    <row r="11021" spans="1:6" x14ac:dyDescent="0.25">
      <c r="A11021">
        <v>156.78</v>
      </c>
      <c r="B11021">
        <v>214.93</v>
      </c>
      <c r="C11021">
        <v>9527.25</v>
      </c>
      <c r="D11021">
        <v>3.4</v>
      </c>
      <c r="E11021">
        <v>10699.8</v>
      </c>
      <c r="F11021">
        <v>32.668500000000002</v>
      </c>
    </row>
    <row r="11022" spans="1:6" x14ac:dyDescent="0.25">
      <c r="A11022">
        <v>156.78</v>
      </c>
      <c r="B11022">
        <v>214.93</v>
      </c>
      <c r="C11022">
        <v>9527.25</v>
      </c>
      <c r="D11022">
        <v>3.7</v>
      </c>
      <c r="E11022">
        <v>10601.9</v>
      </c>
      <c r="F11022">
        <v>32.835799999999999</v>
      </c>
    </row>
    <row r="11023" spans="1:6" x14ac:dyDescent="0.25">
      <c r="A11023">
        <v>156.78</v>
      </c>
      <c r="B11023">
        <v>214.93</v>
      </c>
      <c r="C11023">
        <v>9527.25</v>
      </c>
      <c r="D11023">
        <v>4</v>
      </c>
      <c r="E11023">
        <v>10648.3</v>
      </c>
      <c r="F11023">
        <v>37.009399999999999</v>
      </c>
    </row>
    <row r="11024" spans="1:6" x14ac:dyDescent="0.25">
      <c r="A11024">
        <v>156.78</v>
      </c>
      <c r="B11024">
        <v>214.93</v>
      </c>
      <c r="C11024">
        <v>11072.7</v>
      </c>
      <c r="D11024">
        <v>1</v>
      </c>
      <c r="E11024">
        <v>6038.15</v>
      </c>
      <c r="F11024">
        <v>28.927499999999998</v>
      </c>
    </row>
    <row r="11025" spans="1:6" x14ac:dyDescent="0.25">
      <c r="A11025">
        <v>156.78</v>
      </c>
      <c r="B11025">
        <v>214.93</v>
      </c>
      <c r="C11025">
        <v>11072.7</v>
      </c>
      <c r="D11025">
        <v>1.3</v>
      </c>
      <c r="E11025">
        <v>14131.5</v>
      </c>
      <c r="F11025">
        <v>23.514800000000001</v>
      </c>
    </row>
    <row r="11026" spans="1:6" x14ac:dyDescent="0.25">
      <c r="A11026">
        <v>156.78</v>
      </c>
      <c r="B11026">
        <v>214.93</v>
      </c>
      <c r="C11026">
        <v>11072.7</v>
      </c>
      <c r="D11026">
        <v>1.6</v>
      </c>
      <c r="E11026">
        <v>5325.73</v>
      </c>
      <c r="F11026">
        <v>30.8367</v>
      </c>
    </row>
    <row r="11027" spans="1:6" x14ac:dyDescent="0.25">
      <c r="A11027">
        <v>156.78</v>
      </c>
      <c r="B11027">
        <v>214.93</v>
      </c>
      <c r="C11027">
        <v>11072.7</v>
      </c>
      <c r="D11027">
        <v>1.9</v>
      </c>
      <c r="E11027">
        <v>13044.4</v>
      </c>
      <c r="F11027">
        <v>34.7089</v>
      </c>
    </row>
    <row r="11028" spans="1:6" x14ac:dyDescent="0.25">
      <c r="A11028">
        <v>156.78</v>
      </c>
      <c r="B11028">
        <v>214.93</v>
      </c>
      <c r="C11028">
        <v>11072.7</v>
      </c>
      <c r="D11028">
        <v>2.2000000000000002</v>
      </c>
      <c r="E11028">
        <v>12939.4</v>
      </c>
      <c r="F11028">
        <v>34.403599999999997</v>
      </c>
    </row>
    <row r="11029" spans="1:6" x14ac:dyDescent="0.25">
      <c r="A11029">
        <v>156.78</v>
      </c>
      <c r="B11029">
        <v>214.93</v>
      </c>
      <c r="C11029">
        <v>11072.7</v>
      </c>
      <c r="D11029">
        <v>2.5</v>
      </c>
      <c r="E11029">
        <v>12671.2</v>
      </c>
      <c r="F11029">
        <v>33.310899999999997</v>
      </c>
    </row>
    <row r="11030" spans="1:6" x14ac:dyDescent="0.25">
      <c r="A11030">
        <v>156.78</v>
      </c>
      <c r="B11030">
        <v>214.93</v>
      </c>
      <c r="C11030">
        <v>11072.7</v>
      </c>
      <c r="D11030">
        <v>2.8</v>
      </c>
      <c r="E11030">
        <v>12489.8</v>
      </c>
      <c r="F11030">
        <v>32.041699999999999</v>
      </c>
    </row>
    <row r="11031" spans="1:6" x14ac:dyDescent="0.25">
      <c r="A11031">
        <v>156.78</v>
      </c>
      <c r="B11031">
        <v>214.93</v>
      </c>
      <c r="C11031">
        <v>11072.7</v>
      </c>
      <c r="D11031">
        <v>3.1</v>
      </c>
      <c r="E11031">
        <v>12360.7</v>
      </c>
      <c r="F11031">
        <v>32.408900000000003</v>
      </c>
    </row>
    <row r="11032" spans="1:6" x14ac:dyDescent="0.25">
      <c r="A11032">
        <v>156.78</v>
      </c>
      <c r="B11032">
        <v>214.93</v>
      </c>
      <c r="C11032">
        <v>11072.7</v>
      </c>
      <c r="D11032">
        <v>3.4</v>
      </c>
      <c r="E11032">
        <v>12207.5</v>
      </c>
      <c r="F11032">
        <v>32.668500000000002</v>
      </c>
    </row>
    <row r="11033" spans="1:6" x14ac:dyDescent="0.25">
      <c r="A11033">
        <v>156.78</v>
      </c>
      <c r="B11033">
        <v>214.93</v>
      </c>
      <c r="C11033">
        <v>11072.7</v>
      </c>
      <c r="D11033">
        <v>3.7</v>
      </c>
      <c r="E11033">
        <v>12187.6</v>
      </c>
      <c r="F11033">
        <v>32.835799999999999</v>
      </c>
    </row>
    <row r="11034" spans="1:6" x14ac:dyDescent="0.25">
      <c r="A11034">
        <v>156.78</v>
      </c>
      <c r="B11034">
        <v>214.93</v>
      </c>
      <c r="C11034">
        <v>11072.7</v>
      </c>
      <c r="D11034">
        <v>4</v>
      </c>
      <c r="E11034">
        <v>12170.5</v>
      </c>
      <c r="F11034">
        <v>37.009399999999999</v>
      </c>
    </row>
    <row r="11035" spans="1:6" x14ac:dyDescent="0.25">
      <c r="A11035">
        <v>156.78</v>
      </c>
      <c r="B11035">
        <v>214.93</v>
      </c>
      <c r="C11035">
        <v>12618.2</v>
      </c>
      <c r="D11035">
        <v>1</v>
      </c>
      <c r="E11035">
        <v>6038.15</v>
      </c>
      <c r="F11035">
        <v>28.927499999999998</v>
      </c>
    </row>
    <row r="11036" spans="1:6" x14ac:dyDescent="0.25">
      <c r="A11036">
        <v>156.78</v>
      </c>
      <c r="B11036">
        <v>214.93</v>
      </c>
      <c r="C11036">
        <v>12618.2</v>
      </c>
      <c r="D11036">
        <v>1.3</v>
      </c>
      <c r="E11036">
        <v>15531</v>
      </c>
      <c r="F11036">
        <v>23.514800000000001</v>
      </c>
    </row>
    <row r="11037" spans="1:6" x14ac:dyDescent="0.25">
      <c r="A11037">
        <v>156.78</v>
      </c>
      <c r="B11037">
        <v>214.93</v>
      </c>
      <c r="C11037">
        <v>12618.2</v>
      </c>
      <c r="D11037">
        <v>1.6</v>
      </c>
      <c r="E11037">
        <v>5325.73</v>
      </c>
      <c r="F11037">
        <v>30.8367</v>
      </c>
    </row>
    <row r="11038" spans="1:6" x14ac:dyDescent="0.25">
      <c r="A11038">
        <v>156.78</v>
      </c>
      <c r="B11038">
        <v>214.93</v>
      </c>
      <c r="C11038">
        <v>12618.2</v>
      </c>
      <c r="D11038">
        <v>1.9</v>
      </c>
      <c r="E11038">
        <v>14722</v>
      </c>
      <c r="F11038">
        <v>34.7089</v>
      </c>
    </row>
    <row r="11039" spans="1:6" x14ac:dyDescent="0.25">
      <c r="A11039">
        <v>156.78</v>
      </c>
      <c r="B11039">
        <v>214.93</v>
      </c>
      <c r="C11039">
        <v>12618.2</v>
      </c>
      <c r="D11039">
        <v>2.2000000000000002</v>
      </c>
      <c r="E11039">
        <v>14395.7</v>
      </c>
      <c r="F11039">
        <v>34.403599999999997</v>
      </c>
    </row>
    <row r="11040" spans="1:6" x14ac:dyDescent="0.25">
      <c r="A11040">
        <v>156.78</v>
      </c>
      <c r="B11040">
        <v>214.93</v>
      </c>
      <c r="C11040">
        <v>12618.2</v>
      </c>
      <c r="D11040">
        <v>2.5</v>
      </c>
      <c r="E11040">
        <v>14144.5</v>
      </c>
      <c r="F11040">
        <v>33.310899999999997</v>
      </c>
    </row>
    <row r="11041" spans="1:6" x14ac:dyDescent="0.25">
      <c r="A11041">
        <v>156.78</v>
      </c>
      <c r="B11041">
        <v>214.93</v>
      </c>
      <c r="C11041">
        <v>12618.2</v>
      </c>
      <c r="D11041">
        <v>2.8</v>
      </c>
      <c r="E11041">
        <v>13994.4</v>
      </c>
      <c r="F11041">
        <v>32.041699999999999</v>
      </c>
    </row>
    <row r="11042" spans="1:6" x14ac:dyDescent="0.25">
      <c r="A11042">
        <v>156.78</v>
      </c>
      <c r="B11042">
        <v>214.93</v>
      </c>
      <c r="C11042">
        <v>12618.2</v>
      </c>
      <c r="D11042">
        <v>3.1</v>
      </c>
      <c r="E11042">
        <v>13921</v>
      </c>
      <c r="F11042">
        <v>32.408900000000003</v>
      </c>
    </row>
    <row r="11043" spans="1:6" x14ac:dyDescent="0.25">
      <c r="A11043">
        <v>156.78</v>
      </c>
      <c r="B11043">
        <v>214.93</v>
      </c>
      <c r="C11043">
        <v>12618.2</v>
      </c>
      <c r="D11043">
        <v>3.4</v>
      </c>
      <c r="E11043">
        <v>13768.1</v>
      </c>
      <c r="F11043">
        <v>32.668500000000002</v>
      </c>
    </row>
    <row r="11044" spans="1:6" x14ac:dyDescent="0.25">
      <c r="A11044">
        <v>156.78</v>
      </c>
      <c r="B11044">
        <v>214.93</v>
      </c>
      <c r="C11044">
        <v>12618.2</v>
      </c>
      <c r="D11044">
        <v>3.7</v>
      </c>
      <c r="E11044">
        <v>13677</v>
      </c>
      <c r="F11044">
        <v>32.835799999999999</v>
      </c>
    </row>
    <row r="11045" spans="1:6" x14ac:dyDescent="0.25">
      <c r="A11045">
        <v>156.78</v>
      </c>
      <c r="B11045">
        <v>214.93</v>
      </c>
      <c r="C11045">
        <v>12618.2</v>
      </c>
      <c r="D11045">
        <v>4</v>
      </c>
      <c r="E11045">
        <v>13634.3</v>
      </c>
      <c r="F11045">
        <v>37.009399999999999</v>
      </c>
    </row>
    <row r="11046" spans="1:6" x14ac:dyDescent="0.25">
      <c r="A11046">
        <v>156.78</v>
      </c>
      <c r="B11046">
        <v>214.93</v>
      </c>
      <c r="C11046">
        <v>14163.6</v>
      </c>
      <c r="D11046">
        <v>1</v>
      </c>
      <c r="E11046">
        <v>6038.15</v>
      </c>
      <c r="F11046">
        <v>28.927499999999998</v>
      </c>
    </row>
    <row r="11047" spans="1:6" x14ac:dyDescent="0.25">
      <c r="A11047">
        <v>156.78</v>
      </c>
      <c r="B11047">
        <v>214.93</v>
      </c>
      <c r="C11047">
        <v>14163.6</v>
      </c>
      <c r="D11047">
        <v>1.3</v>
      </c>
      <c r="E11047">
        <v>17024.3</v>
      </c>
      <c r="F11047">
        <v>23.514800000000001</v>
      </c>
    </row>
    <row r="11048" spans="1:6" x14ac:dyDescent="0.25">
      <c r="A11048">
        <v>156.78</v>
      </c>
      <c r="B11048">
        <v>214.93</v>
      </c>
      <c r="C11048">
        <v>14163.6</v>
      </c>
      <c r="D11048">
        <v>1.6</v>
      </c>
      <c r="E11048">
        <v>5325.73</v>
      </c>
      <c r="F11048">
        <v>30.8367</v>
      </c>
    </row>
    <row r="11049" spans="1:6" x14ac:dyDescent="0.25">
      <c r="A11049">
        <v>156.78</v>
      </c>
      <c r="B11049">
        <v>214.93</v>
      </c>
      <c r="C11049">
        <v>14163.6</v>
      </c>
      <c r="D11049">
        <v>1.9</v>
      </c>
      <c r="E11049">
        <v>16192</v>
      </c>
      <c r="F11049">
        <v>34.7089</v>
      </c>
    </row>
    <row r="11050" spans="1:6" x14ac:dyDescent="0.25">
      <c r="A11050">
        <v>156.78</v>
      </c>
      <c r="B11050">
        <v>214.93</v>
      </c>
      <c r="C11050">
        <v>14163.6</v>
      </c>
      <c r="D11050">
        <v>2.2000000000000002</v>
      </c>
      <c r="E11050">
        <v>15919.3</v>
      </c>
      <c r="F11050">
        <v>34.403599999999997</v>
      </c>
    </row>
    <row r="11051" spans="1:6" x14ac:dyDescent="0.25">
      <c r="A11051">
        <v>156.78</v>
      </c>
      <c r="B11051">
        <v>214.93</v>
      </c>
      <c r="C11051">
        <v>14163.6</v>
      </c>
      <c r="D11051">
        <v>2.5</v>
      </c>
      <c r="E11051">
        <v>15785.1</v>
      </c>
      <c r="F11051">
        <v>33.310899999999997</v>
      </c>
    </row>
    <row r="11052" spans="1:6" x14ac:dyDescent="0.25">
      <c r="A11052">
        <v>156.78</v>
      </c>
      <c r="B11052">
        <v>214.93</v>
      </c>
      <c r="C11052">
        <v>14163.6</v>
      </c>
      <c r="D11052">
        <v>2.8</v>
      </c>
      <c r="E11052">
        <v>15564.3</v>
      </c>
      <c r="F11052">
        <v>32.041699999999999</v>
      </c>
    </row>
    <row r="11053" spans="1:6" x14ac:dyDescent="0.25">
      <c r="A11053">
        <v>156.78</v>
      </c>
      <c r="B11053">
        <v>214.93</v>
      </c>
      <c r="C11053">
        <v>14163.6</v>
      </c>
      <c r="D11053">
        <v>3.1</v>
      </c>
      <c r="E11053">
        <v>15427.6</v>
      </c>
      <c r="F11053">
        <v>32.408900000000003</v>
      </c>
    </row>
    <row r="11054" spans="1:6" x14ac:dyDescent="0.25">
      <c r="A11054">
        <v>156.78</v>
      </c>
      <c r="B11054">
        <v>214.93</v>
      </c>
      <c r="C11054">
        <v>14163.6</v>
      </c>
      <c r="D11054">
        <v>3.4</v>
      </c>
      <c r="E11054">
        <v>15262.8</v>
      </c>
      <c r="F11054">
        <v>32.668500000000002</v>
      </c>
    </row>
    <row r="11055" spans="1:6" x14ac:dyDescent="0.25">
      <c r="A11055">
        <v>156.78</v>
      </c>
      <c r="B11055">
        <v>214.93</v>
      </c>
      <c r="C11055">
        <v>14163.6</v>
      </c>
      <c r="D11055">
        <v>3.7</v>
      </c>
      <c r="E11055">
        <v>15253</v>
      </c>
      <c r="F11055">
        <v>32.835799999999999</v>
      </c>
    </row>
    <row r="11056" spans="1:6" x14ac:dyDescent="0.25">
      <c r="A11056">
        <v>156.78</v>
      </c>
      <c r="B11056">
        <v>214.93</v>
      </c>
      <c r="C11056">
        <v>14163.6</v>
      </c>
      <c r="D11056">
        <v>4</v>
      </c>
      <c r="E11056">
        <v>15206.3</v>
      </c>
      <c r="F11056">
        <v>37.009399999999999</v>
      </c>
    </row>
    <row r="11057" spans="1:6" x14ac:dyDescent="0.25">
      <c r="A11057">
        <v>156.78</v>
      </c>
      <c r="B11057">
        <v>214.93</v>
      </c>
      <c r="C11057">
        <v>15709.1</v>
      </c>
      <c r="D11057">
        <v>1</v>
      </c>
      <c r="E11057">
        <v>6038.15</v>
      </c>
      <c r="F11057">
        <v>28.927499999999998</v>
      </c>
    </row>
    <row r="11058" spans="1:6" x14ac:dyDescent="0.25">
      <c r="A11058">
        <v>156.78</v>
      </c>
      <c r="B11058">
        <v>214.93</v>
      </c>
      <c r="C11058">
        <v>15709.1</v>
      </c>
      <c r="D11058">
        <v>1.3</v>
      </c>
      <c r="E11058">
        <v>18615.3</v>
      </c>
      <c r="F11058">
        <v>23.514800000000001</v>
      </c>
    </row>
    <row r="11059" spans="1:6" x14ac:dyDescent="0.25">
      <c r="A11059">
        <v>156.78</v>
      </c>
      <c r="B11059">
        <v>214.93</v>
      </c>
      <c r="C11059">
        <v>15709.1</v>
      </c>
      <c r="D11059">
        <v>1.6</v>
      </c>
      <c r="E11059">
        <v>5325.73</v>
      </c>
      <c r="F11059">
        <v>30.8367</v>
      </c>
    </row>
    <row r="11060" spans="1:6" x14ac:dyDescent="0.25">
      <c r="A11060">
        <v>156.78</v>
      </c>
      <c r="B11060">
        <v>214.93</v>
      </c>
      <c r="C11060">
        <v>15709.1</v>
      </c>
      <c r="D11060">
        <v>1.9</v>
      </c>
      <c r="E11060">
        <v>17823.7</v>
      </c>
      <c r="F11060">
        <v>34.7089</v>
      </c>
    </row>
    <row r="11061" spans="1:6" x14ac:dyDescent="0.25">
      <c r="A11061">
        <v>156.78</v>
      </c>
      <c r="B11061">
        <v>214.93</v>
      </c>
      <c r="C11061">
        <v>15709.1</v>
      </c>
      <c r="D11061">
        <v>2.2000000000000002</v>
      </c>
      <c r="E11061">
        <v>17567.8</v>
      </c>
      <c r="F11061">
        <v>34.403599999999997</v>
      </c>
    </row>
    <row r="11062" spans="1:6" x14ac:dyDescent="0.25">
      <c r="A11062">
        <v>156.78</v>
      </c>
      <c r="B11062">
        <v>214.93</v>
      </c>
      <c r="C11062">
        <v>15709.1</v>
      </c>
      <c r="D11062">
        <v>2.5</v>
      </c>
      <c r="E11062">
        <v>17274.400000000001</v>
      </c>
      <c r="F11062">
        <v>33.310899999999997</v>
      </c>
    </row>
    <row r="11063" spans="1:6" x14ac:dyDescent="0.25">
      <c r="A11063">
        <v>156.78</v>
      </c>
      <c r="B11063">
        <v>214.93</v>
      </c>
      <c r="C11063">
        <v>15709.1</v>
      </c>
      <c r="D11063">
        <v>2.8</v>
      </c>
      <c r="E11063">
        <v>17105.8</v>
      </c>
      <c r="F11063">
        <v>32.041699999999999</v>
      </c>
    </row>
    <row r="11064" spans="1:6" x14ac:dyDescent="0.25">
      <c r="A11064">
        <v>156.78</v>
      </c>
      <c r="B11064">
        <v>214.93</v>
      </c>
      <c r="C11064">
        <v>15709.1</v>
      </c>
      <c r="D11064">
        <v>3.1</v>
      </c>
      <c r="E11064">
        <v>16965.5</v>
      </c>
      <c r="F11064">
        <v>32.408900000000003</v>
      </c>
    </row>
    <row r="11065" spans="1:6" x14ac:dyDescent="0.25">
      <c r="A11065">
        <v>156.78</v>
      </c>
      <c r="B11065">
        <v>214.93</v>
      </c>
      <c r="C11065">
        <v>15709.1</v>
      </c>
      <c r="D11065">
        <v>3.4</v>
      </c>
      <c r="E11065">
        <v>16903.599999999999</v>
      </c>
      <c r="F11065">
        <v>32.668500000000002</v>
      </c>
    </row>
    <row r="11066" spans="1:6" x14ac:dyDescent="0.25">
      <c r="A11066">
        <v>156.78</v>
      </c>
      <c r="B11066">
        <v>214.93</v>
      </c>
      <c r="C11066">
        <v>15709.1</v>
      </c>
      <c r="D11066">
        <v>3.7</v>
      </c>
      <c r="E11066">
        <v>16773.900000000001</v>
      </c>
      <c r="F11066">
        <v>32.835799999999999</v>
      </c>
    </row>
    <row r="11067" spans="1:6" x14ac:dyDescent="0.25">
      <c r="A11067">
        <v>156.78</v>
      </c>
      <c r="B11067">
        <v>214.93</v>
      </c>
      <c r="C11067">
        <v>15709.1</v>
      </c>
      <c r="D11067">
        <v>4</v>
      </c>
      <c r="E11067">
        <v>16739.400000000001</v>
      </c>
      <c r="F11067">
        <v>37.009399999999999</v>
      </c>
    </row>
    <row r="11068" spans="1:6" x14ac:dyDescent="0.25">
      <c r="A11068">
        <v>156.78</v>
      </c>
      <c r="B11068">
        <v>214.93</v>
      </c>
      <c r="C11068">
        <v>17254.5</v>
      </c>
      <c r="D11068">
        <v>1</v>
      </c>
      <c r="E11068">
        <v>6038.15</v>
      </c>
      <c r="F11068">
        <v>28.927499999999998</v>
      </c>
    </row>
    <row r="11069" spans="1:6" x14ac:dyDescent="0.25">
      <c r="A11069">
        <v>156.78</v>
      </c>
      <c r="B11069">
        <v>214.93</v>
      </c>
      <c r="C11069">
        <v>17254.5</v>
      </c>
      <c r="D11069">
        <v>1.3</v>
      </c>
      <c r="E11069">
        <v>20033.5</v>
      </c>
      <c r="F11069">
        <v>23.514800000000001</v>
      </c>
    </row>
    <row r="11070" spans="1:6" x14ac:dyDescent="0.25">
      <c r="A11070">
        <v>156.78</v>
      </c>
      <c r="B11070">
        <v>214.93</v>
      </c>
      <c r="C11070">
        <v>17254.5</v>
      </c>
      <c r="D11070">
        <v>1.6</v>
      </c>
      <c r="E11070">
        <v>5325.73</v>
      </c>
      <c r="F11070">
        <v>30.8367</v>
      </c>
    </row>
    <row r="11071" spans="1:6" x14ac:dyDescent="0.25">
      <c r="A11071">
        <v>156.78</v>
      </c>
      <c r="B11071">
        <v>214.93</v>
      </c>
      <c r="C11071">
        <v>17254.5</v>
      </c>
      <c r="D11071">
        <v>1.9</v>
      </c>
      <c r="E11071">
        <v>19289.5</v>
      </c>
      <c r="F11071">
        <v>34.7089</v>
      </c>
    </row>
    <row r="11072" spans="1:6" x14ac:dyDescent="0.25">
      <c r="A11072">
        <v>156.78</v>
      </c>
      <c r="B11072">
        <v>214.93</v>
      </c>
      <c r="C11072">
        <v>17254.5</v>
      </c>
      <c r="D11072">
        <v>2.2000000000000002</v>
      </c>
      <c r="E11072">
        <v>18997.8</v>
      </c>
      <c r="F11072">
        <v>34.403599999999997</v>
      </c>
    </row>
    <row r="11073" spans="1:6" x14ac:dyDescent="0.25">
      <c r="A11073">
        <v>156.78</v>
      </c>
      <c r="B11073">
        <v>214.93</v>
      </c>
      <c r="C11073">
        <v>17254.5</v>
      </c>
      <c r="D11073">
        <v>2.5</v>
      </c>
      <c r="E11073">
        <v>18835.099999999999</v>
      </c>
      <c r="F11073">
        <v>33.310899999999997</v>
      </c>
    </row>
    <row r="11074" spans="1:6" x14ac:dyDescent="0.25">
      <c r="A11074">
        <v>156.78</v>
      </c>
      <c r="B11074">
        <v>214.93</v>
      </c>
      <c r="C11074">
        <v>17254.5</v>
      </c>
      <c r="D11074">
        <v>2.8</v>
      </c>
      <c r="E11074">
        <v>18706.099999999999</v>
      </c>
      <c r="F11074">
        <v>32.041699999999999</v>
      </c>
    </row>
    <row r="11075" spans="1:6" x14ac:dyDescent="0.25">
      <c r="A11075">
        <v>156.78</v>
      </c>
      <c r="B11075">
        <v>214.93</v>
      </c>
      <c r="C11075">
        <v>17254.5</v>
      </c>
      <c r="D11075">
        <v>3.1</v>
      </c>
      <c r="E11075">
        <v>18579.599999999999</v>
      </c>
      <c r="F11075">
        <v>32.408900000000003</v>
      </c>
    </row>
    <row r="11076" spans="1:6" x14ac:dyDescent="0.25">
      <c r="A11076">
        <v>156.78</v>
      </c>
      <c r="B11076">
        <v>214.93</v>
      </c>
      <c r="C11076">
        <v>17254.5</v>
      </c>
      <c r="D11076">
        <v>3.4</v>
      </c>
      <c r="E11076">
        <v>18439.2</v>
      </c>
      <c r="F11076">
        <v>32.668500000000002</v>
      </c>
    </row>
    <row r="11077" spans="1:6" x14ac:dyDescent="0.25">
      <c r="A11077">
        <v>156.78</v>
      </c>
      <c r="B11077">
        <v>214.93</v>
      </c>
      <c r="C11077">
        <v>17254.5</v>
      </c>
      <c r="D11077">
        <v>3.7</v>
      </c>
      <c r="E11077">
        <v>18331.900000000001</v>
      </c>
      <c r="F11077">
        <v>32.835799999999999</v>
      </c>
    </row>
    <row r="11078" spans="1:6" x14ac:dyDescent="0.25">
      <c r="A11078">
        <v>156.78</v>
      </c>
      <c r="B11078">
        <v>214.93</v>
      </c>
      <c r="C11078">
        <v>17254.5</v>
      </c>
      <c r="D11078">
        <v>4</v>
      </c>
      <c r="E11078">
        <v>18345.599999999999</v>
      </c>
      <c r="F11078">
        <v>37.009399999999999</v>
      </c>
    </row>
    <row r="11079" spans="1:6" x14ac:dyDescent="0.25">
      <c r="A11079">
        <v>156.78</v>
      </c>
      <c r="B11079">
        <v>214.93</v>
      </c>
      <c r="C11079">
        <v>18800</v>
      </c>
      <c r="D11079">
        <v>1</v>
      </c>
      <c r="E11079">
        <v>6038.15</v>
      </c>
      <c r="F11079">
        <v>28.927499999999998</v>
      </c>
    </row>
    <row r="11080" spans="1:6" x14ac:dyDescent="0.25">
      <c r="A11080">
        <v>156.78</v>
      </c>
      <c r="B11080">
        <v>214.93</v>
      </c>
      <c r="C11080">
        <v>18800</v>
      </c>
      <c r="D11080">
        <v>1.3</v>
      </c>
      <c r="E11080">
        <v>21778.799999999999</v>
      </c>
      <c r="F11080">
        <v>23.514800000000001</v>
      </c>
    </row>
    <row r="11081" spans="1:6" x14ac:dyDescent="0.25">
      <c r="A11081">
        <v>156.78</v>
      </c>
      <c r="B11081">
        <v>214.93</v>
      </c>
      <c r="C11081">
        <v>18800</v>
      </c>
      <c r="D11081">
        <v>1.6</v>
      </c>
      <c r="E11081">
        <v>5325.73</v>
      </c>
      <c r="F11081">
        <v>30.8367</v>
      </c>
    </row>
    <row r="11082" spans="1:6" x14ac:dyDescent="0.25">
      <c r="A11082">
        <v>156.78</v>
      </c>
      <c r="B11082">
        <v>214.93</v>
      </c>
      <c r="C11082">
        <v>18800</v>
      </c>
      <c r="D11082">
        <v>1.9</v>
      </c>
      <c r="E11082">
        <v>20810.900000000001</v>
      </c>
      <c r="F11082">
        <v>34.7089</v>
      </c>
    </row>
    <row r="11083" spans="1:6" x14ac:dyDescent="0.25">
      <c r="A11083">
        <v>156.78</v>
      </c>
      <c r="B11083">
        <v>214.93</v>
      </c>
      <c r="C11083">
        <v>18800</v>
      </c>
      <c r="D11083">
        <v>2.2000000000000002</v>
      </c>
      <c r="E11083">
        <v>20630.3</v>
      </c>
      <c r="F11083">
        <v>34.403599999999997</v>
      </c>
    </row>
    <row r="11084" spans="1:6" x14ac:dyDescent="0.25">
      <c r="A11084">
        <v>156.78</v>
      </c>
      <c r="B11084">
        <v>214.93</v>
      </c>
      <c r="C11084">
        <v>18800</v>
      </c>
      <c r="D11084">
        <v>2.5</v>
      </c>
      <c r="E11084">
        <v>20364.599999999999</v>
      </c>
      <c r="F11084">
        <v>33.310899999999997</v>
      </c>
    </row>
    <row r="11085" spans="1:6" x14ac:dyDescent="0.25">
      <c r="A11085">
        <v>156.78</v>
      </c>
      <c r="B11085">
        <v>214.93</v>
      </c>
      <c r="C11085">
        <v>18800</v>
      </c>
      <c r="D11085">
        <v>2.8</v>
      </c>
      <c r="E11085">
        <v>20184.5</v>
      </c>
      <c r="F11085">
        <v>32.041699999999999</v>
      </c>
    </row>
    <row r="11086" spans="1:6" x14ac:dyDescent="0.25">
      <c r="A11086">
        <v>156.78</v>
      </c>
      <c r="B11086">
        <v>214.93</v>
      </c>
      <c r="C11086">
        <v>18800</v>
      </c>
      <c r="D11086">
        <v>3.1</v>
      </c>
      <c r="E11086">
        <v>20086.099999999999</v>
      </c>
      <c r="F11086">
        <v>32.408900000000003</v>
      </c>
    </row>
    <row r="11087" spans="1:6" x14ac:dyDescent="0.25">
      <c r="A11087">
        <v>156.78</v>
      </c>
      <c r="B11087">
        <v>214.93</v>
      </c>
      <c r="C11087">
        <v>18800</v>
      </c>
      <c r="D11087">
        <v>3.4</v>
      </c>
      <c r="E11087">
        <v>19867</v>
      </c>
      <c r="F11087">
        <v>32.668500000000002</v>
      </c>
    </row>
    <row r="11088" spans="1:6" x14ac:dyDescent="0.25">
      <c r="A11088">
        <v>156.78</v>
      </c>
      <c r="B11088">
        <v>214.93</v>
      </c>
      <c r="C11088">
        <v>18800</v>
      </c>
      <c r="D11088">
        <v>3.7</v>
      </c>
      <c r="E11088">
        <v>19829.5</v>
      </c>
      <c r="F11088">
        <v>32.835799999999999</v>
      </c>
    </row>
    <row r="11089" spans="1:6" x14ac:dyDescent="0.25">
      <c r="A11089">
        <v>156.78</v>
      </c>
      <c r="B11089">
        <v>214.93</v>
      </c>
      <c r="C11089">
        <v>18800</v>
      </c>
      <c r="D11089">
        <v>4</v>
      </c>
      <c r="E11089">
        <v>19860.5</v>
      </c>
      <c r="F11089">
        <v>37.009399999999999</v>
      </c>
    </row>
    <row r="11090" spans="1:6" x14ac:dyDescent="0.25">
      <c r="A11090">
        <v>160.41</v>
      </c>
      <c r="B11090">
        <v>175</v>
      </c>
      <c r="C11090">
        <v>1800</v>
      </c>
      <c r="D11090">
        <v>1</v>
      </c>
      <c r="E11090">
        <v>5313.64</v>
      </c>
      <c r="F11090">
        <v>34.501300000000001</v>
      </c>
    </row>
    <row r="11091" spans="1:6" x14ac:dyDescent="0.25">
      <c r="A11091">
        <v>160.41</v>
      </c>
      <c r="B11091">
        <v>175</v>
      </c>
      <c r="C11091">
        <v>1800</v>
      </c>
      <c r="D11091">
        <v>1.3</v>
      </c>
      <c r="E11091">
        <v>4789.22</v>
      </c>
      <c r="F11091">
        <v>41.200899999999997</v>
      </c>
    </row>
    <row r="11092" spans="1:6" x14ac:dyDescent="0.25">
      <c r="A11092">
        <v>160.41</v>
      </c>
      <c r="B11092">
        <v>175</v>
      </c>
      <c r="C11092">
        <v>1800</v>
      </c>
      <c r="D11092">
        <v>1.6</v>
      </c>
      <c r="E11092">
        <v>4482.57</v>
      </c>
      <c r="F11092">
        <v>50.622399999999999</v>
      </c>
    </row>
    <row r="11093" spans="1:6" x14ac:dyDescent="0.25">
      <c r="A11093">
        <v>160.41</v>
      </c>
      <c r="B11093">
        <v>175</v>
      </c>
      <c r="C11093">
        <v>1800</v>
      </c>
      <c r="D11093">
        <v>1.9</v>
      </c>
      <c r="E11093">
        <v>4277.71</v>
      </c>
      <c r="F11093">
        <v>57.499699999999997</v>
      </c>
    </row>
    <row r="11094" spans="1:6" x14ac:dyDescent="0.25">
      <c r="A11094">
        <v>160.41</v>
      </c>
      <c r="B11094">
        <v>175</v>
      </c>
      <c r="C11094">
        <v>1800</v>
      </c>
      <c r="D11094">
        <v>2.2000000000000002</v>
      </c>
      <c r="E11094">
        <v>4142.91</v>
      </c>
      <c r="F11094">
        <v>62.108899999999998</v>
      </c>
    </row>
    <row r="11095" spans="1:6" x14ac:dyDescent="0.25">
      <c r="A11095">
        <v>160.41</v>
      </c>
      <c r="B11095">
        <v>175</v>
      </c>
      <c r="C11095">
        <v>1800</v>
      </c>
      <c r="D11095">
        <v>2.5</v>
      </c>
      <c r="E11095">
        <v>4001.55</v>
      </c>
      <c r="F11095">
        <v>65.773799999999994</v>
      </c>
    </row>
    <row r="11096" spans="1:6" x14ac:dyDescent="0.25">
      <c r="A11096">
        <v>160.41</v>
      </c>
      <c r="B11096">
        <v>175</v>
      </c>
      <c r="C11096">
        <v>1800</v>
      </c>
      <c r="D11096">
        <v>2.8</v>
      </c>
      <c r="E11096">
        <v>3945.22</v>
      </c>
      <c r="F11096">
        <v>67.7</v>
      </c>
    </row>
    <row r="11097" spans="1:6" x14ac:dyDescent="0.25">
      <c r="A11097">
        <v>160.41</v>
      </c>
      <c r="B11097">
        <v>175</v>
      </c>
      <c r="C11097">
        <v>1800</v>
      </c>
      <c r="D11097">
        <v>3.1</v>
      </c>
      <c r="E11097">
        <v>3849.26</v>
      </c>
      <c r="F11097">
        <v>72.347499999999997</v>
      </c>
    </row>
    <row r="11098" spans="1:6" x14ac:dyDescent="0.25">
      <c r="A11098">
        <v>160.41</v>
      </c>
      <c r="B11098">
        <v>175</v>
      </c>
      <c r="C11098">
        <v>1800</v>
      </c>
      <c r="D11098">
        <v>3.4</v>
      </c>
      <c r="E11098">
        <v>3735.86</v>
      </c>
      <c r="F11098">
        <v>75.33</v>
      </c>
    </row>
    <row r="11099" spans="1:6" x14ac:dyDescent="0.25">
      <c r="A11099">
        <v>160.41</v>
      </c>
      <c r="B11099">
        <v>175</v>
      </c>
      <c r="C11099">
        <v>1800</v>
      </c>
      <c r="D11099">
        <v>3.7</v>
      </c>
      <c r="E11099">
        <v>3773.09</v>
      </c>
      <c r="F11099">
        <v>77.771600000000007</v>
      </c>
    </row>
    <row r="11100" spans="1:6" x14ac:dyDescent="0.25">
      <c r="A11100">
        <v>160.41</v>
      </c>
      <c r="B11100">
        <v>175</v>
      </c>
      <c r="C11100">
        <v>1800</v>
      </c>
      <c r="D11100">
        <v>4</v>
      </c>
      <c r="E11100">
        <v>3722.52</v>
      </c>
      <c r="F11100">
        <v>81.107900000000001</v>
      </c>
    </row>
    <row r="11101" spans="1:6" x14ac:dyDescent="0.25">
      <c r="A11101">
        <v>160.41</v>
      </c>
      <c r="B11101">
        <v>175</v>
      </c>
      <c r="C11101">
        <v>3345.45</v>
      </c>
      <c r="D11101">
        <v>1</v>
      </c>
      <c r="E11101">
        <v>6911.55</v>
      </c>
      <c r="F11101">
        <v>37.7286</v>
      </c>
    </row>
    <row r="11102" spans="1:6" x14ac:dyDescent="0.25">
      <c r="A11102">
        <v>160.41</v>
      </c>
      <c r="B11102">
        <v>175</v>
      </c>
      <c r="C11102">
        <v>3345.45</v>
      </c>
      <c r="D11102">
        <v>1.3</v>
      </c>
      <c r="E11102">
        <v>6198.66</v>
      </c>
      <c r="F11102">
        <v>40.700099999999999</v>
      </c>
    </row>
    <row r="11103" spans="1:6" x14ac:dyDescent="0.25">
      <c r="A11103">
        <v>160.41</v>
      </c>
      <c r="B11103">
        <v>175</v>
      </c>
      <c r="C11103">
        <v>3345.45</v>
      </c>
      <c r="D11103">
        <v>1.6</v>
      </c>
      <c r="E11103">
        <v>5648.48</v>
      </c>
      <c r="F11103">
        <v>36.637099999999997</v>
      </c>
    </row>
    <row r="11104" spans="1:6" x14ac:dyDescent="0.25">
      <c r="A11104">
        <v>160.41</v>
      </c>
      <c r="B11104">
        <v>175</v>
      </c>
      <c r="C11104">
        <v>3345.45</v>
      </c>
      <c r="D11104">
        <v>1.9</v>
      </c>
      <c r="E11104">
        <v>5677.93</v>
      </c>
      <c r="F11104">
        <v>20.4754</v>
      </c>
    </row>
    <row r="11105" spans="1:6" x14ac:dyDescent="0.25">
      <c r="A11105">
        <v>160.41</v>
      </c>
      <c r="B11105">
        <v>175</v>
      </c>
      <c r="C11105">
        <v>3345.45</v>
      </c>
      <c r="D11105">
        <v>2.2000000000000002</v>
      </c>
      <c r="E11105">
        <v>5295.34</v>
      </c>
      <c r="F11105">
        <v>48.799300000000002</v>
      </c>
    </row>
    <row r="11106" spans="1:6" x14ac:dyDescent="0.25">
      <c r="A11106">
        <v>160.41</v>
      </c>
      <c r="B11106">
        <v>175</v>
      </c>
      <c r="C11106">
        <v>3345.45</v>
      </c>
      <c r="D11106">
        <v>2.5</v>
      </c>
      <c r="E11106">
        <v>5061.54</v>
      </c>
      <c r="F11106">
        <v>48.241100000000003</v>
      </c>
    </row>
    <row r="11107" spans="1:6" x14ac:dyDescent="0.25">
      <c r="A11107">
        <v>160.41</v>
      </c>
      <c r="B11107">
        <v>175</v>
      </c>
      <c r="C11107">
        <v>3345.45</v>
      </c>
      <c r="D11107">
        <v>2.8</v>
      </c>
      <c r="E11107">
        <v>5062.92</v>
      </c>
      <c r="F11107">
        <v>38.1128</v>
      </c>
    </row>
    <row r="11108" spans="1:6" x14ac:dyDescent="0.25">
      <c r="A11108">
        <v>160.41</v>
      </c>
      <c r="B11108">
        <v>175</v>
      </c>
      <c r="C11108">
        <v>3345.45</v>
      </c>
      <c r="D11108">
        <v>3.1</v>
      </c>
      <c r="E11108">
        <v>5001.41</v>
      </c>
      <c r="F11108">
        <v>22.291599999999999</v>
      </c>
    </row>
    <row r="11109" spans="1:6" x14ac:dyDescent="0.25">
      <c r="A11109">
        <v>160.41</v>
      </c>
      <c r="B11109">
        <v>175</v>
      </c>
      <c r="C11109">
        <v>3345.45</v>
      </c>
      <c r="D11109">
        <v>3.4</v>
      </c>
      <c r="E11109">
        <v>4849.67</v>
      </c>
      <c r="F11109">
        <v>22.236699999999999</v>
      </c>
    </row>
    <row r="11110" spans="1:6" x14ac:dyDescent="0.25">
      <c r="A11110">
        <v>160.41</v>
      </c>
      <c r="B11110">
        <v>175</v>
      </c>
      <c r="C11110">
        <v>3345.45</v>
      </c>
      <c r="D11110">
        <v>3.7</v>
      </c>
      <c r="E11110">
        <v>4629.91</v>
      </c>
      <c r="F11110">
        <v>22.8964</v>
      </c>
    </row>
    <row r="11111" spans="1:6" x14ac:dyDescent="0.25">
      <c r="A11111">
        <v>160.41</v>
      </c>
      <c r="B11111">
        <v>175</v>
      </c>
      <c r="C11111">
        <v>3345.45</v>
      </c>
      <c r="D11111">
        <v>4</v>
      </c>
      <c r="E11111">
        <v>4745.6499999999996</v>
      </c>
      <c r="F11111">
        <v>23.463799999999999</v>
      </c>
    </row>
    <row r="11112" spans="1:6" x14ac:dyDescent="0.25">
      <c r="A11112">
        <v>160.41</v>
      </c>
      <c r="B11112">
        <v>175</v>
      </c>
      <c r="C11112">
        <v>4890.8999999999996</v>
      </c>
      <c r="D11112">
        <v>1</v>
      </c>
      <c r="E11112">
        <v>8419.4500000000007</v>
      </c>
      <c r="F11112">
        <v>37.7286</v>
      </c>
    </row>
    <row r="11113" spans="1:6" x14ac:dyDescent="0.25">
      <c r="A11113">
        <v>160.41</v>
      </c>
      <c r="B11113">
        <v>175</v>
      </c>
      <c r="C11113">
        <v>4890.8999999999996</v>
      </c>
      <c r="D11113">
        <v>1.3</v>
      </c>
      <c r="E11113">
        <v>8209.98</v>
      </c>
      <c r="F11113">
        <v>40.700099999999999</v>
      </c>
    </row>
    <row r="11114" spans="1:6" x14ac:dyDescent="0.25">
      <c r="A11114">
        <v>160.41</v>
      </c>
      <c r="B11114">
        <v>175</v>
      </c>
      <c r="C11114">
        <v>4890.8999999999996</v>
      </c>
      <c r="D11114">
        <v>1.6</v>
      </c>
      <c r="E11114">
        <v>7751.85</v>
      </c>
      <c r="F11114">
        <v>36.637099999999997</v>
      </c>
    </row>
    <row r="11115" spans="1:6" x14ac:dyDescent="0.25">
      <c r="A11115">
        <v>160.41</v>
      </c>
      <c r="B11115">
        <v>175</v>
      </c>
      <c r="C11115">
        <v>4890.8999999999996</v>
      </c>
      <c r="D11115">
        <v>1.9</v>
      </c>
      <c r="E11115">
        <v>7031.83</v>
      </c>
      <c r="F11115">
        <v>20.4754</v>
      </c>
    </row>
    <row r="11116" spans="1:6" x14ac:dyDescent="0.25">
      <c r="A11116">
        <v>160.41</v>
      </c>
      <c r="B11116">
        <v>175</v>
      </c>
      <c r="C11116">
        <v>4890.8999999999996</v>
      </c>
      <c r="D11116">
        <v>2.2000000000000002</v>
      </c>
      <c r="E11116">
        <v>6680.13</v>
      </c>
      <c r="F11116">
        <v>48.799300000000002</v>
      </c>
    </row>
    <row r="11117" spans="1:6" x14ac:dyDescent="0.25">
      <c r="A11117">
        <v>160.41</v>
      </c>
      <c r="B11117">
        <v>175</v>
      </c>
      <c r="C11117">
        <v>4890.8999999999996</v>
      </c>
      <c r="D11117">
        <v>2.5</v>
      </c>
      <c r="E11117">
        <v>6504.58</v>
      </c>
      <c r="F11117">
        <v>48.241100000000003</v>
      </c>
    </row>
    <row r="11118" spans="1:6" x14ac:dyDescent="0.25">
      <c r="A11118">
        <v>160.41</v>
      </c>
      <c r="B11118">
        <v>175</v>
      </c>
      <c r="C11118">
        <v>4890.8999999999996</v>
      </c>
      <c r="D11118">
        <v>2.8</v>
      </c>
      <c r="E11118">
        <v>6317.05</v>
      </c>
      <c r="F11118">
        <v>38.1128</v>
      </c>
    </row>
    <row r="11119" spans="1:6" x14ac:dyDescent="0.25">
      <c r="A11119">
        <v>160.41</v>
      </c>
      <c r="B11119">
        <v>175</v>
      </c>
      <c r="C11119">
        <v>4890.8999999999996</v>
      </c>
      <c r="D11119">
        <v>3.1</v>
      </c>
      <c r="E11119">
        <v>6367.61</v>
      </c>
      <c r="F11119">
        <v>22.291599999999999</v>
      </c>
    </row>
    <row r="11120" spans="1:6" x14ac:dyDescent="0.25">
      <c r="A11120">
        <v>160.41</v>
      </c>
      <c r="B11120">
        <v>175</v>
      </c>
      <c r="C11120">
        <v>4890.8999999999996</v>
      </c>
      <c r="D11120">
        <v>3.4</v>
      </c>
      <c r="E11120">
        <v>6960.31</v>
      </c>
      <c r="F11120">
        <v>22.236699999999999</v>
      </c>
    </row>
    <row r="11121" spans="1:6" x14ac:dyDescent="0.25">
      <c r="A11121">
        <v>160.41</v>
      </c>
      <c r="B11121">
        <v>175</v>
      </c>
      <c r="C11121">
        <v>4890.8999999999996</v>
      </c>
      <c r="D11121">
        <v>3.7</v>
      </c>
      <c r="E11121">
        <v>6874.31</v>
      </c>
      <c r="F11121">
        <v>22.8964</v>
      </c>
    </row>
    <row r="11122" spans="1:6" x14ac:dyDescent="0.25">
      <c r="A11122">
        <v>160.41</v>
      </c>
      <c r="B11122">
        <v>175</v>
      </c>
      <c r="C11122">
        <v>4890.8999999999996</v>
      </c>
      <c r="D11122">
        <v>4</v>
      </c>
      <c r="E11122">
        <v>6055.43</v>
      </c>
      <c r="F11122">
        <v>23.463799999999999</v>
      </c>
    </row>
    <row r="11123" spans="1:6" x14ac:dyDescent="0.25">
      <c r="A11123">
        <v>160.41</v>
      </c>
      <c r="B11123">
        <v>175</v>
      </c>
      <c r="C11123">
        <v>6436.35</v>
      </c>
      <c r="D11123">
        <v>1</v>
      </c>
      <c r="E11123">
        <v>9952.83</v>
      </c>
      <c r="F11123">
        <v>37.7286</v>
      </c>
    </row>
    <row r="11124" spans="1:6" x14ac:dyDescent="0.25">
      <c r="A11124">
        <v>160.41</v>
      </c>
      <c r="B11124">
        <v>175</v>
      </c>
      <c r="C11124">
        <v>6436.35</v>
      </c>
      <c r="D11124">
        <v>1.3</v>
      </c>
      <c r="E11124">
        <v>9380.9</v>
      </c>
      <c r="F11124">
        <v>40.700099999999999</v>
      </c>
    </row>
    <row r="11125" spans="1:6" x14ac:dyDescent="0.25">
      <c r="A11125">
        <v>160.41</v>
      </c>
      <c r="B11125">
        <v>175</v>
      </c>
      <c r="C11125">
        <v>6436.35</v>
      </c>
      <c r="D11125">
        <v>1.6</v>
      </c>
      <c r="E11125">
        <v>8642.7099999999991</v>
      </c>
      <c r="F11125">
        <v>36.637099999999997</v>
      </c>
    </row>
    <row r="11126" spans="1:6" x14ac:dyDescent="0.25">
      <c r="A11126">
        <v>160.41</v>
      </c>
      <c r="B11126">
        <v>175</v>
      </c>
      <c r="C11126">
        <v>6436.35</v>
      </c>
      <c r="D11126">
        <v>1.9</v>
      </c>
      <c r="E11126">
        <v>8515.4500000000007</v>
      </c>
      <c r="F11126">
        <v>20.4754</v>
      </c>
    </row>
    <row r="11127" spans="1:6" x14ac:dyDescent="0.25">
      <c r="A11127">
        <v>160.41</v>
      </c>
      <c r="B11127">
        <v>175</v>
      </c>
      <c r="C11127">
        <v>6436.35</v>
      </c>
      <c r="D11127">
        <v>2.2000000000000002</v>
      </c>
      <c r="E11127">
        <v>8504.67</v>
      </c>
      <c r="F11127">
        <v>48.799300000000002</v>
      </c>
    </row>
    <row r="11128" spans="1:6" x14ac:dyDescent="0.25">
      <c r="A11128">
        <v>160.41</v>
      </c>
      <c r="B11128">
        <v>175</v>
      </c>
      <c r="C11128">
        <v>6436.35</v>
      </c>
      <c r="D11128">
        <v>2.5</v>
      </c>
      <c r="E11128">
        <v>8190.7</v>
      </c>
      <c r="F11128">
        <v>48.241100000000003</v>
      </c>
    </row>
    <row r="11129" spans="1:6" x14ac:dyDescent="0.25">
      <c r="A11129">
        <v>160.41</v>
      </c>
      <c r="B11129">
        <v>175</v>
      </c>
      <c r="C11129">
        <v>6436.35</v>
      </c>
      <c r="D11129">
        <v>2.8</v>
      </c>
      <c r="E11129">
        <v>8189.31</v>
      </c>
      <c r="F11129">
        <v>38.1128</v>
      </c>
    </row>
    <row r="11130" spans="1:6" x14ac:dyDescent="0.25">
      <c r="A11130">
        <v>160.41</v>
      </c>
      <c r="B11130">
        <v>175</v>
      </c>
      <c r="C11130">
        <v>6436.35</v>
      </c>
      <c r="D11130">
        <v>3.1</v>
      </c>
      <c r="E11130">
        <v>8264.4</v>
      </c>
      <c r="F11130">
        <v>22.291599999999999</v>
      </c>
    </row>
    <row r="11131" spans="1:6" x14ac:dyDescent="0.25">
      <c r="A11131">
        <v>160.41</v>
      </c>
      <c r="B11131">
        <v>175</v>
      </c>
      <c r="C11131">
        <v>6436.35</v>
      </c>
      <c r="D11131">
        <v>3.4</v>
      </c>
      <c r="E11131">
        <v>7742.99</v>
      </c>
      <c r="F11131">
        <v>22.236699999999999</v>
      </c>
    </row>
    <row r="11132" spans="1:6" x14ac:dyDescent="0.25">
      <c r="A11132">
        <v>160.41</v>
      </c>
      <c r="B11132">
        <v>175</v>
      </c>
      <c r="C11132">
        <v>6436.35</v>
      </c>
      <c r="D11132">
        <v>3.7</v>
      </c>
      <c r="E11132">
        <v>7756.18</v>
      </c>
      <c r="F11132">
        <v>22.8964</v>
      </c>
    </row>
    <row r="11133" spans="1:6" x14ac:dyDescent="0.25">
      <c r="A11133">
        <v>160.41</v>
      </c>
      <c r="B11133">
        <v>175</v>
      </c>
      <c r="C11133">
        <v>6436.35</v>
      </c>
      <c r="D11133">
        <v>4</v>
      </c>
      <c r="E11133">
        <v>7636.59</v>
      </c>
      <c r="F11133">
        <v>23.463799999999999</v>
      </c>
    </row>
    <row r="11134" spans="1:6" x14ac:dyDescent="0.25">
      <c r="A11134">
        <v>160.41</v>
      </c>
      <c r="B11134">
        <v>175</v>
      </c>
      <c r="C11134">
        <v>7981.8</v>
      </c>
      <c r="D11134">
        <v>1</v>
      </c>
      <c r="E11134">
        <v>11568.6</v>
      </c>
      <c r="F11134">
        <v>37.7286</v>
      </c>
    </row>
    <row r="11135" spans="1:6" x14ac:dyDescent="0.25">
      <c r="A11135">
        <v>160.41</v>
      </c>
      <c r="B11135">
        <v>175</v>
      </c>
      <c r="C11135">
        <v>7981.8</v>
      </c>
      <c r="D11135">
        <v>1.3</v>
      </c>
      <c r="E11135">
        <v>10947</v>
      </c>
      <c r="F11135">
        <v>40.700099999999999</v>
      </c>
    </row>
    <row r="11136" spans="1:6" x14ac:dyDescent="0.25">
      <c r="A11136">
        <v>160.41</v>
      </c>
      <c r="B11136">
        <v>175</v>
      </c>
      <c r="C11136">
        <v>7981.8</v>
      </c>
      <c r="D11136">
        <v>1.6</v>
      </c>
      <c r="E11136">
        <v>10395.4</v>
      </c>
      <c r="F11136">
        <v>36.637099999999997</v>
      </c>
    </row>
    <row r="11137" spans="1:6" x14ac:dyDescent="0.25">
      <c r="A11137">
        <v>160.41</v>
      </c>
      <c r="B11137">
        <v>175</v>
      </c>
      <c r="C11137">
        <v>7981.8</v>
      </c>
      <c r="D11137">
        <v>1.9</v>
      </c>
      <c r="E11137">
        <v>10050.799999999999</v>
      </c>
      <c r="F11137">
        <v>20.4754</v>
      </c>
    </row>
    <row r="11138" spans="1:6" x14ac:dyDescent="0.25">
      <c r="A11138">
        <v>160.41</v>
      </c>
      <c r="B11138">
        <v>175</v>
      </c>
      <c r="C11138">
        <v>7981.8</v>
      </c>
      <c r="D11138">
        <v>2.2000000000000002</v>
      </c>
      <c r="E11138">
        <v>9757.9599999999991</v>
      </c>
      <c r="F11138">
        <v>48.799300000000002</v>
      </c>
    </row>
    <row r="11139" spans="1:6" x14ac:dyDescent="0.25">
      <c r="A11139">
        <v>160.41</v>
      </c>
      <c r="B11139">
        <v>175</v>
      </c>
      <c r="C11139">
        <v>7981.8</v>
      </c>
      <c r="D11139">
        <v>2.5</v>
      </c>
      <c r="E11139">
        <v>10202.799999999999</v>
      </c>
      <c r="F11139">
        <v>48.241100000000003</v>
      </c>
    </row>
    <row r="11140" spans="1:6" x14ac:dyDescent="0.25">
      <c r="A11140">
        <v>160.41</v>
      </c>
      <c r="B11140">
        <v>175</v>
      </c>
      <c r="C11140">
        <v>7981.8</v>
      </c>
      <c r="D11140">
        <v>2.8</v>
      </c>
      <c r="E11140">
        <v>9321.17</v>
      </c>
      <c r="F11140">
        <v>38.1128</v>
      </c>
    </row>
    <row r="11141" spans="1:6" x14ac:dyDescent="0.25">
      <c r="A11141">
        <v>160.41</v>
      </c>
      <c r="B11141">
        <v>175</v>
      </c>
      <c r="C11141">
        <v>7981.8</v>
      </c>
      <c r="D11141">
        <v>3.1</v>
      </c>
      <c r="E11141">
        <v>9233.92</v>
      </c>
      <c r="F11141">
        <v>22.291599999999999</v>
      </c>
    </row>
    <row r="11142" spans="1:6" x14ac:dyDescent="0.25">
      <c r="A11142">
        <v>160.41</v>
      </c>
      <c r="B11142">
        <v>175</v>
      </c>
      <c r="C11142">
        <v>7981.8</v>
      </c>
      <c r="D11142">
        <v>3.4</v>
      </c>
      <c r="E11142">
        <v>9309.5400000000009</v>
      </c>
      <c r="F11142">
        <v>22.236699999999999</v>
      </c>
    </row>
    <row r="11143" spans="1:6" x14ac:dyDescent="0.25">
      <c r="A11143">
        <v>160.41</v>
      </c>
      <c r="B11143">
        <v>175</v>
      </c>
      <c r="C11143">
        <v>7981.8</v>
      </c>
      <c r="D11143">
        <v>3.7</v>
      </c>
      <c r="E11143">
        <v>9236.8700000000008</v>
      </c>
      <c r="F11143">
        <v>22.8964</v>
      </c>
    </row>
    <row r="11144" spans="1:6" x14ac:dyDescent="0.25">
      <c r="A11144">
        <v>160.41</v>
      </c>
      <c r="B11144">
        <v>175</v>
      </c>
      <c r="C11144">
        <v>7981.8</v>
      </c>
      <c r="D11144">
        <v>4</v>
      </c>
      <c r="E11144">
        <v>9187.7199999999993</v>
      </c>
      <c r="F11144">
        <v>23.463799999999999</v>
      </c>
    </row>
    <row r="11145" spans="1:6" x14ac:dyDescent="0.25">
      <c r="A11145">
        <v>160.41</v>
      </c>
      <c r="B11145">
        <v>175</v>
      </c>
      <c r="C11145">
        <v>9527.25</v>
      </c>
      <c r="D11145">
        <v>1</v>
      </c>
      <c r="E11145">
        <v>13297.7</v>
      </c>
      <c r="F11145">
        <v>37.7286</v>
      </c>
    </row>
    <row r="11146" spans="1:6" x14ac:dyDescent="0.25">
      <c r="A11146">
        <v>160.41</v>
      </c>
      <c r="B11146">
        <v>175</v>
      </c>
      <c r="C11146">
        <v>9527.25</v>
      </c>
      <c r="D11146">
        <v>1.3</v>
      </c>
      <c r="E11146">
        <v>12578.7</v>
      </c>
      <c r="F11146">
        <v>40.700099999999999</v>
      </c>
    </row>
    <row r="11147" spans="1:6" x14ac:dyDescent="0.25">
      <c r="A11147">
        <v>160.41</v>
      </c>
      <c r="B11147">
        <v>175</v>
      </c>
      <c r="C11147">
        <v>9527.25</v>
      </c>
      <c r="D11147">
        <v>1.6</v>
      </c>
      <c r="E11147">
        <v>11909.8</v>
      </c>
      <c r="F11147">
        <v>36.637099999999997</v>
      </c>
    </row>
    <row r="11148" spans="1:6" x14ac:dyDescent="0.25">
      <c r="A11148">
        <v>160.41</v>
      </c>
      <c r="B11148">
        <v>175</v>
      </c>
      <c r="C11148">
        <v>9527.25</v>
      </c>
      <c r="D11148">
        <v>1.9</v>
      </c>
      <c r="E11148">
        <v>11690.6</v>
      </c>
      <c r="F11148">
        <v>20.4754</v>
      </c>
    </row>
    <row r="11149" spans="1:6" x14ac:dyDescent="0.25">
      <c r="A11149">
        <v>160.41</v>
      </c>
      <c r="B11149">
        <v>175</v>
      </c>
      <c r="C11149">
        <v>9527.25</v>
      </c>
      <c r="D11149">
        <v>2.2000000000000002</v>
      </c>
      <c r="E11149">
        <v>11458.2</v>
      </c>
      <c r="F11149">
        <v>48.799300000000002</v>
      </c>
    </row>
    <row r="11150" spans="1:6" x14ac:dyDescent="0.25">
      <c r="A11150">
        <v>160.41</v>
      </c>
      <c r="B11150">
        <v>175</v>
      </c>
      <c r="C11150">
        <v>9527.25</v>
      </c>
      <c r="D11150">
        <v>2.5</v>
      </c>
      <c r="E11150">
        <v>11139.5</v>
      </c>
      <c r="F11150">
        <v>48.241100000000003</v>
      </c>
    </row>
    <row r="11151" spans="1:6" x14ac:dyDescent="0.25">
      <c r="A11151">
        <v>160.41</v>
      </c>
      <c r="B11151">
        <v>175</v>
      </c>
      <c r="C11151">
        <v>9527.25</v>
      </c>
      <c r="D11151">
        <v>2.8</v>
      </c>
      <c r="E11151">
        <v>11043</v>
      </c>
      <c r="F11151">
        <v>38.1128</v>
      </c>
    </row>
    <row r="11152" spans="1:6" x14ac:dyDescent="0.25">
      <c r="A11152">
        <v>160.41</v>
      </c>
      <c r="B11152">
        <v>175</v>
      </c>
      <c r="C11152">
        <v>9527.25</v>
      </c>
      <c r="D11152">
        <v>3.1</v>
      </c>
      <c r="E11152">
        <v>10807.3</v>
      </c>
      <c r="F11152">
        <v>22.291599999999999</v>
      </c>
    </row>
    <row r="11153" spans="1:6" x14ac:dyDescent="0.25">
      <c r="A11153">
        <v>160.41</v>
      </c>
      <c r="B11153">
        <v>175</v>
      </c>
      <c r="C11153">
        <v>9527.25</v>
      </c>
      <c r="D11153">
        <v>3.4</v>
      </c>
      <c r="E11153">
        <v>10731.2</v>
      </c>
      <c r="F11153">
        <v>22.236699999999999</v>
      </c>
    </row>
    <row r="11154" spans="1:6" x14ac:dyDescent="0.25">
      <c r="A11154">
        <v>160.41</v>
      </c>
      <c r="B11154">
        <v>175</v>
      </c>
      <c r="C11154">
        <v>9527.25</v>
      </c>
      <c r="D11154">
        <v>3.7</v>
      </c>
      <c r="E11154">
        <v>10656.2</v>
      </c>
      <c r="F11154">
        <v>22.8964</v>
      </c>
    </row>
    <row r="11155" spans="1:6" x14ac:dyDescent="0.25">
      <c r="A11155">
        <v>160.41</v>
      </c>
      <c r="B11155">
        <v>175</v>
      </c>
      <c r="C11155">
        <v>9527.25</v>
      </c>
      <c r="D11155">
        <v>4</v>
      </c>
      <c r="E11155">
        <v>10556.5</v>
      </c>
      <c r="F11155">
        <v>23.463799999999999</v>
      </c>
    </row>
    <row r="11156" spans="1:6" x14ac:dyDescent="0.25">
      <c r="A11156">
        <v>160.41</v>
      </c>
      <c r="B11156">
        <v>175</v>
      </c>
      <c r="C11156">
        <v>11072.7</v>
      </c>
      <c r="D11156">
        <v>1</v>
      </c>
      <c r="E11156">
        <v>14674.7</v>
      </c>
      <c r="F11156">
        <v>37.7286</v>
      </c>
    </row>
    <row r="11157" spans="1:6" x14ac:dyDescent="0.25">
      <c r="A11157">
        <v>160.41</v>
      </c>
      <c r="B11157">
        <v>175</v>
      </c>
      <c r="C11157">
        <v>11072.7</v>
      </c>
      <c r="D11157">
        <v>1.3</v>
      </c>
      <c r="E11157">
        <v>13758</v>
      </c>
      <c r="F11157">
        <v>40.700099999999999</v>
      </c>
    </row>
    <row r="11158" spans="1:6" x14ac:dyDescent="0.25">
      <c r="A11158">
        <v>160.41</v>
      </c>
      <c r="B11158">
        <v>175</v>
      </c>
      <c r="C11158">
        <v>11072.7</v>
      </c>
      <c r="D11158">
        <v>1.6</v>
      </c>
      <c r="E11158">
        <v>14515.5</v>
      </c>
      <c r="F11158">
        <v>36.637099999999997</v>
      </c>
    </row>
    <row r="11159" spans="1:6" x14ac:dyDescent="0.25">
      <c r="A11159">
        <v>160.41</v>
      </c>
      <c r="B11159">
        <v>175</v>
      </c>
      <c r="C11159">
        <v>11072.7</v>
      </c>
      <c r="D11159">
        <v>1.9</v>
      </c>
      <c r="E11159">
        <v>13358</v>
      </c>
      <c r="F11159">
        <v>20.4754</v>
      </c>
    </row>
    <row r="11160" spans="1:6" x14ac:dyDescent="0.25">
      <c r="A11160">
        <v>160.41</v>
      </c>
      <c r="B11160">
        <v>175</v>
      </c>
      <c r="C11160">
        <v>11072.7</v>
      </c>
      <c r="D11160">
        <v>2.2000000000000002</v>
      </c>
      <c r="E11160">
        <v>12639.9</v>
      </c>
      <c r="F11160">
        <v>48.799300000000002</v>
      </c>
    </row>
    <row r="11161" spans="1:6" x14ac:dyDescent="0.25">
      <c r="A11161">
        <v>160.41</v>
      </c>
      <c r="B11161">
        <v>175</v>
      </c>
      <c r="C11161">
        <v>11072.7</v>
      </c>
      <c r="D11161">
        <v>2.5</v>
      </c>
      <c r="E11161">
        <v>12887.2</v>
      </c>
      <c r="F11161">
        <v>48.241100000000003</v>
      </c>
    </row>
    <row r="11162" spans="1:6" x14ac:dyDescent="0.25">
      <c r="A11162">
        <v>160.41</v>
      </c>
      <c r="B11162">
        <v>175</v>
      </c>
      <c r="C11162">
        <v>11072.7</v>
      </c>
      <c r="D11162">
        <v>2.8</v>
      </c>
      <c r="E11162">
        <v>13724.7</v>
      </c>
      <c r="F11162">
        <v>38.1128</v>
      </c>
    </row>
    <row r="11163" spans="1:6" x14ac:dyDescent="0.25">
      <c r="A11163">
        <v>160.41</v>
      </c>
      <c r="B11163">
        <v>175</v>
      </c>
      <c r="C11163">
        <v>11072.7</v>
      </c>
      <c r="D11163">
        <v>3.1</v>
      </c>
      <c r="E11163">
        <v>12396.3</v>
      </c>
      <c r="F11163">
        <v>22.291599999999999</v>
      </c>
    </row>
    <row r="11164" spans="1:6" x14ac:dyDescent="0.25">
      <c r="A11164">
        <v>160.41</v>
      </c>
      <c r="B11164">
        <v>175</v>
      </c>
      <c r="C11164">
        <v>11072.7</v>
      </c>
      <c r="D11164">
        <v>3.4</v>
      </c>
      <c r="E11164">
        <v>12275.9</v>
      </c>
      <c r="F11164">
        <v>22.236699999999999</v>
      </c>
    </row>
    <row r="11165" spans="1:6" x14ac:dyDescent="0.25">
      <c r="A11165">
        <v>160.41</v>
      </c>
      <c r="B11165">
        <v>175</v>
      </c>
      <c r="C11165">
        <v>11072.7</v>
      </c>
      <c r="D11165">
        <v>3.7</v>
      </c>
      <c r="E11165">
        <v>12366.6</v>
      </c>
      <c r="F11165">
        <v>22.8964</v>
      </c>
    </row>
    <row r="11166" spans="1:6" x14ac:dyDescent="0.25">
      <c r="A11166">
        <v>160.41</v>
      </c>
      <c r="B11166">
        <v>175</v>
      </c>
      <c r="C11166">
        <v>11072.7</v>
      </c>
      <c r="D11166">
        <v>4</v>
      </c>
      <c r="E11166">
        <v>12154.2</v>
      </c>
      <c r="F11166">
        <v>23.463799999999999</v>
      </c>
    </row>
    <row r="11167" spans="1:6" x14ac:dyDescent="0.25">
      <c r="A11167">
        <v>160.41</v>
      </c>
      <c r="B11167">
        <v>175</v>
      </c>
      <c r="C11167">
        <v>12618.2</v>
      </c>
      <c r="D11167">
        <v>1</v>
      </c>
      <c r="E11167">
        <v>17665.2</v>
      </c>
      <c r="F11167">
        <v>37.7286</v>
      </c>
    </row>
    <row r="11168" spans="1:6" x14ac:dyDescent="0.25">
      <c r="A11168">
        <v>160.41</v>
      </c>
      <c r="B11168">
        <v>175</v>
      </c>
      <c r="C11168">
        <v>12618.2</v>
      </c>
      <c r="D11168">
        <v>1.3</v>
      </c>
      <c r="E11168">
        <v>15743.9</v>
      </c>
      <c r="F11168">
        <v>40.700099999999999</v>
      </c>
    </row>
    <row r="11169" spans="1:6" x14ac:dyDescent="0.25">
      <c r="A11169">
        <v>160.41</v>
      </c>
      <c r="B11169">
        <v>175</v>
      </c>
      <c r="C11169">
        <v>12618.2</v>
      </c>
      <c r="D11169">
        <v>1.6</v>
      </c>
      <c r="E11169">
        <v>14947.1</v>
      </c>
      <c r="F11169">
        <v>36.637099999999997</v>
      </c>
    </row>
    <row r="11170" spans="1:6" x14ac:dyDescent="0.25">
      <c r="A11170">
        <v>160.41</v>
      </c>
      <c r="B11170">
        <v>175</v>
      </c>
      <c r="C11170">
        <v>12618.2</v>
      </c>
      <c r="D11170">
        <v>1.9</v>
      </c>
      <c r="E11170">
        <v>14409.1</v>
      </c>
      <c r="F11170">
        <v>20.4754</v>
      </c>
    </row>
    <row r="11171" spans="1:6" x14ac:dyDescent="0.25">
      <c r="A11171">
        <v>160.41</v>
      </c>
      <c r="B11171">
        <v>175</v>
      </c>
      <c r="C11171">
        <v>12618.2</v>
      </c>
      <c r="D11171">
        <v>2.2000000000000002</v>
      </c>
      <c r="E11171">
        <v>14293</v>
      </c>
      <c r="F11171">
        <v>48.799300000000002</v>
      </c>
    </row>
    <row r="11172" spans="1:6" x14ac:dyDescent="0.25">
      <c r="A11172">
        <v>160.41</v>
      </c>
      <c r="B11172">
        <v>175</v>
      </c>
      <c r="C11172">
        <v>12618.2</v>
      </c>
      <c r="D11172">
        <v>2.5</v>
      </c>
      <c r="E11172">
        <v>14022.9</v>
      </c>
      <c r="F11172">
        <v>48.241100000000003</v>
      </c>
    </row>
    <row r="11173" spans="1:6" x14ac:dyDescent="0.25">
      <c r="A11173">
        <v>160.41</v>
      </c>
      <c r="B11173">
        <v>175</v>
      </c>
      <c r="C11173">
        <v>12618.2</v>
      </c>
      <c r="D11173">
        <v>2.8</v>
      </c>
      <c r="E11173">
        <v>13829.1</v>
      </c>
      <c r="F11173">
        <v>38.1128</v>
      </c>
    </row>
    <row r="11174" spans="1:6" x14ac:dyDescent="0.25">
      <c r="A11174">
        <v>160.41</v>
      </c>
      <c r="B11174">
        <v>175</v>
      </c>
      <c r="C11174">
        <v>12618.2</v>
      </c>
      <c r="D11174">
        <v>3.1</v>
      </c>
      <c r="E11174">
        <v>13796.8</v>
      </c>
      <c r="F11174">
        <v>22.291599999999999</v>
      </c>
    </row>
    <row r="11175" spans="1:6" x14ac:dyDescent="0.25">
      <c r="A11175">
        <v>160.41</v>
      </c>
      <c r="B11175">
        <v>175</v>
      </c>
      <c r="C11175">
        <v>12618.2</v>
      </c>
      <c r="D11175">
        <v>3.4</v>
      </c>
      <c r="E11175">
        <v>13884.5</v>
      </c>
      <c r="F11175">
        <v>22.236699999999999</v>
      </c>
    </row>
    <row r="11176" spans="1:6" x14ac:dyDescent="0.25">
      <c r="A11176">
        <v>160.41</v>
      </c>
      <c r="B11176">
        <v>175</v>
      </c>
      <c r="C11176">
        <v>12618.2</v>
      </c>
      <c r="D11176">
        <v>3.7</v>
      </c>
      <c r="E11176">
        <v>13636.4</v>
      </c>
      <c r="F11176">
        <v>22.8964</v>
      </c>
    </row>
    <row r="11177" spans="1:6" x14ac:dyDescent="0.25">
      <c r="A11177">
        <v>160.41</v>
      </c>
      <c r="B11177">
        <v>175</v>
      </c>
      <c r="C11177">
        <v>12618.2</v>
      </c>
      <c r="D11177">
        <v>4</v>
      </c>
      <c r="E11177">
        <v>13596.1</v>
      </c>
      <c r="F11177">
        <v>23.463799999999999</v>
      </c>
    </row>
    <row r="11178" spans="1:6" x14ac:dyDescent="0.25">
      <c r="A11178">
        <v>160.41</v>
      </c>
      <c r="B11178">
        <v>175</v>
      </c>
      <c r="C11178">
        <v>14163.6</v>
      </c>
      <c r="D11178">
        <v>1</v>
      </c>
      <c r="E11178">
        <v>16493.599999999999</v>
      </c>
      <c r="F11178">
        <v>37.7286</v>
      </c>
    </row>
    <row r="11179" spans="1:6" x14ac:dyDescent="0.25">
      <c r="A11179">
        <v>160.41</v>
      </c>
      <c r="B11179">
        <v>175</v>
      </c>
      <c r="C11179">
        <v>14163.6</v>
      </c>
      <c r="D11179">
        <v>1.3</v>
      </c>
      <c r="E11179">
        <v>15925.1</v>
      </c>
      <c r="F11179">
        <v>40.700099999999999</v>
      </c>
    </row>
    <row r="11180" spans="1:6" x14ac:dyDescent="0.25">
      <c r="A11180">
        <v>160.41</v>
      </c>
      <c r="B11180">
        <v>175</v>
      </c>
      <c r="C11180">
        <v>14163.6</v>
      </c>
      <c r="D11180">
        <v>1.6</v>
      </c>
      <c r="E11180">
        <v>15435.8</v>
      </c>
      <c r="F11180">
        <v>36.637099999999997</v>
      </c>
    </row>
    <row r="11181" spans="1:6" x14ac:dyDescent="0.25">
      <c r="A11181">
        <v>160.41</v>
      </c>
      <c r="B11181">
        <v>175</v>
      </c>
      <c r="C11181">
        <v>14163.6</v>
      </c>
      <c r="D11181">
        <v>1.9</v>
      </c>
      <c r="E11181">
        <v>15552.6</v>
      </c>
      <c r="F11181">
        <v>20.4754</v>
      </c>
    </row>
    <row r="11182" spans="1:6" x14ac:dyDescent="0.25">
      <c r="A11182">
        <v>160.41</v>
      </c>
      <c r="B11182">
        <v>175</v>
      </c>
      <c r="C11182">
        <v>14163.6</v>
      </c>
      <c r="D11182">
        <v>2.2000000000000002</v>
      </c>
      <c r="E11182">
        <v>15465.5</v>
      </c>
      <c r="F11182">
        <v>48.799300000000002</v>
      </c>
    </row>
    <row r="11183" spans="1:6" x14ac:dyDescent="0.25">
      <c r="A11183">
        <v>160.41</v>
      </c>
      <c r="B11183">
        <v>175</v>
      </c>
      <c r="C11183">
        <v>14163.6</v>
      </c>
      <c r="D11183">
        <v>2.5</v>
      </c>
      <c r="E11183">
        <v>15329.9</v>
      </c>
      <c r="F11183">
        <v>48.241100000000003</v>
      </c>
    </row>
    <row r="11184" spans="1:6" x14ac:dyDescent="0.25">
      <c r="A11184">
        <v>160.41</v>
      </c>
      <c r="B11184">
        <v>175</v>
      </c>
      <c r="C11184">
        <v>14163.6</v>
      </c>
      <c r="D11184">
        <v>2.8</v>
      </c>
      <c r="E11184">
        <v>15031.2</v>
      </c>
      <c r="F11184">
        <v>38.1128</v>
      </c>
    </row>
    <row r="11185" spans="1:6" x14ac:dyDescent="0.25">
      <c r="A11185">
        <v>160.41</v>
      </c>
      <c r="B11185">
        <v>175</v>
      </c>
      <c r="C11185">
        <v>14163.6</v>
      </c>
      <c r="D11185">
        <v>3.1</v>
      </c>
      <c r="E11185">
        <v>14802.7</v>
      </c>
      <c r="F11185">
        <v>22.291599999999999</v>
      </c>
    </row>
    <row r="11186" spans="1:6" x14ac:dyDescent="0.25">
      <c r="A11186">
        <v>160.41</v>
      </c>
      <c r="B11186">
        <v>175</v>
      </c>
      <c r="C11186">
        <v>14163.6</v>
      </c>
      <c r="D11186">
        <v>3.4</v>
      </c>
      <c r="E11186">
        <v>14947.8</v>
      </c>
      <c r="F11186">
        <v>22.236699999999999</v>
      </c>
    </row>
    <row r="11187" spans="1:6" x14ac:dyDescent="0.25">
      <c r="A11187">
        <v>160.41</v>
      </c>
      <c r="B11187">
        <v>175</v>
      </c>
      <c r="C11187">
        <v>14163.6</v>
      </c>
      <c r="D11187">
        <v>3.7</v>
      </c>
      <c r="E11187">
        <v>14787.8</v>
      </c>
      <c r="F11187">
        <v>22.8964</v>
      </c>
    </row>
    <row r="11188" spans="1:6" x14ac:dyDescent="0.25">
      <c r="A11188">
        <v>160.41</v>
      </c>
      <c r="B11188">
        <v>175</v>
      </c>
      <c r="C11188">
        <v>14163.6</v>
      </c>
      <c r="D11188">
        <v>4</v>
      </c>
      <c r="E11188">
        <v>14783.8</v>
      </c>
      <c r="F11188">
        <v>23.463799999999999</v>
      </c>
    </row>
    <row r="11189" spans="1:6" x14ac:dyDescent="0.25">
      <c r="A11189">
        <v>160.41</v>
      </c>
      <c r="B11189">
        <v>175</v>
      </c>
      <c r="C11189">
        <v>15709.1</v>
      </c>
      <c r="D11189">
        <v>1</v>
      </c>
      <c r="E11189">
        <v>17665.2</v>
      </c>
      <c r="F11189">
        <v>37.7286</v>
      </c>
    </row>
    <row r="11190" spans="1:6" x14ac:dyDescent="0.25">
      <c r="A11190">
        <v>160.41</v>
      </c>
      <c r="B11190">
        <v>175</v>
      </c>
      <c r="C11190">
        <v>15709.1</v>
      </c>
      <c r="D11190">
        <v>1.3</v>
      </c>
      <c r="E11190">
        <v>15925.1</v>
      </c>
      <c r="F11190">
        <v>40.700099999999999</v>
      </c>
    </row>
    <row r="11191" spans="1:6" x14ac:dyDescent="0.25">
      <c r="A11191">
        <v>160.41</v>
      </c>
      <c r="B11191">
        <v>175</v>
      </c>
      <c r="C11191">
        <v>15709.1</v>
      </c>
      <c r="D11191">
        <v>1.6</v>
      </c>
      <c r="E11191">
        <v>16549.400000000001</v>
      </c>
      <c r="F11191">
        <v>36.637099999999997</v>
      </c>
    </row>
    <row r="11192" spans="1:6" x14ac:dyDescent="0.25">
      <c r="A11192">
        <v>160.41</v>
      </c>
      <c r="B11192">
        <v>175</v>
      </c>
      <c r="C11192">
        <v>15709.1</v>
      </c>
      <c r="D11192">
        <v>1.9</v>
      </c>
      <c r="E11192">
        <v>15552.6</v>
      </c>
      <c r="F11192">
        <v>20.4754</v>
      </c>
    </row>
    <row r="11193" spans="1:6" x14ac:dyDescent="0.25">
      <c r="A11193">
        <v>160.41</v>
      </c>
      <c r="B11193">
        <v>175</v>
      </c>
      <c r="C11193">
        <v>15709.1</v>
      </c>
      <c r="D11193">
        <v>2.2000000000000002</v>
      </c>
      <c r="E11193">
        <v>16632.2</v>
      </c>
      <c r="F11193">
        <v>48.799300000000002</v>
      </c>
    </row>
    <row r="11194" spans="1:6" x14ac:dyDescent="0.25">
      <c r="A11194">
        <v>160.41</v>
      </c>
      <c r="B11194">
        <v>175</v>
      </c>
      <c r="C11194">
        <v>15709.1</v>
      </c>
      <c r="D11194">
        <v>2.5</v>
      </c>
      <c r="E11194">
        <v>15864.8</v>
      </c>
      <c r="F11194">
        <v>48.241100000000003</v>
      </c>
    </row>
    <row r="11195" spans="1:6" x14ac:dyDescent="0.25">
      <c r="A11195">
        <v>160.41</v>
      </c>
      <c r="B11195">
        <v>175</v>
      </c>
      <c r="C11195">
        <v>15709.1</v>
      </c>
      <c r="D11195">
        <v>2.8</v>
      </c>
      <c r="E11195">
        <v>15690.5</v>
      </c>
      <c r="F11195">
        <v>38.1128</v>
      </c>
    </row>
    <row r="11196" spans="1:6" x14ac:dyDescent="0.25">
      <c r="A11196">
        <v>160.41</v>
      </c>
      <c r="B11196">
        <v>175</v>
      </c>
      <c r="C11196">
        <v>15709.1</v>
      </c>
      <c r="D11196">
        <v>3.1</v>
      </c>
      <c r="E11196">
        <v>16383.8</v>
      </c>
      <c r="F11196">
        <v>22.291599999999999</v>
      </c>
    </row>
    <row r="11197" spans="1:6" x14ac:dyDescent="0.25">
      <c r="A11197">
        <v>160.41</v>
      </c>
      <c r="B11197">
        <v>175</v>
      </c>
      <c r="C11197">
        <v>15709.1</v>
      </c>
      <c r="D11197">
        <v>3.4</v>
      </c>
      <c r="E11197">
        <v>15056.3</v>
      </c>
      <c r="F11197">
        <v>22.236699999999999</v>
      </c>
    </row>
    <row r="11198" spans="1:6" x14ac:dyDescent="0.25">
      <c r="A11198">
        <v>160.41</v>
      </c>
      <c r="B11198">
        <v>175</v>
      </c>
      <c r="C11198">
        <v>15709.1</v>
      </c>
      <c r="D11198">
        <v>3.7</v>
      </c>
      <c r="E11198">
        <v>14787.8</v>
      </c>
      <c r="F11198">
        <v>22.8964</v>
      </c>
    </row>
    <row r="11199" spans="1:6" x14ac:dyDescent="0.25">
      <c r="A11199">
        <v>160.41</v>
      </c>
      <c r="B11199">
        <v>175</v>
      </c>
      <c r="C11199">
        <v>15709.1</v>
      </c>
      <c r="D11199">
        <v>4</v>
      </c>
      <c r="E11199">
        <v>14783.8</v>
      </c>
      <c r="F11199">
        <v>23.463799999999999</v>
      </c>
    </row>
    <row r="11200" spans="1:6" x14ac:dyDescent="0.25">
      <c r="A11200">
        <v>160.41</v>
      </c>
      <c r="B11200">
        <v>175</v>
      </c>
      <c r="C11200">
        <v>17254.5</v>
      </c>
      <c r="D11200">
        <v>1</v>
      </c>
      <c r="E11200">
        <v>17665.2</v>
      </c>
      <c r="F11200">
        <v>37.7286</v>
      </c>
    </row>
    <row r="11201" spans="1:6" x14ac:dyDescent="0.25">
      <c r="A11201">
        <v>160.41</v>
      </c>
      <c r="B11201">
        <v>175</v>
      </c>
      <c r="C11201">
        <v>17254.5</v>
      </c>
      <c r="D11201">
        <v>1.3</v>
      </c>
      <c r="E11201">
        <v>15925.1</v>
      </c>
      <c r="F11201">
        <v>40.700099999999999</v>
      </c>
    </row>
    <row r="11202" spans="1:6" x14ac:dyDescent="0.25">
      <c r="A11202">
        <v>160.41</v>
      </c>
      <c r="B11202">
        <v>175</v>
      </c>
      <c r="C11202">
        <v>17254.5</v>
      </c>
      <c r="D11202">
        <v>1.6</v>
      </c>
      <c r="E11202">
        <v>16549.400000000001</v>
      </c>
      <c r="F11202">
        <v>36.637099999999997</v>
      </c>
    </row>
    <row r="11203" spans="1:6" x14ac:dyDescent="0.25">
      <c r="A11203">
        <v>160.41</v>
      </c>
      <c r="B11203">
        <v>175</v>
      </c>
      <c r="C11203">
        <v>17254.5</v>
      </c>
      <c r="D11203">
        <v>1.9</v>
      </c>
      <c r="E11203">
        <v>15552.6</v>
      </c>
      <c r="F11203">
        <v>20.4754</v>
      </c>
    </row>
    <row r="11204" spans="1:6" x14ac:dyDescent="0.25">
      <c r="A11204">
        <v>160.41</v>
      </c>
      <c r="B11204">
        <v>175</v>
      </c>
      <c r="C11204">
        <v>17254.5</v>
      </c>
      <c r="D11204">
        <v>2.2000000000000002</v>
      </c>
      <c r="E11204">
        <v>16632.2</v>
      </c>
      <c r="F11204">
        <v>48.799300000000002</v>
      </c>
    </row>
    <row r="11205" spans="1:6" x14ac:dyDescent="0.25">
      <c r="A11205">
        <v>160.41</v>
      </c>
      <c r="B11205">
        <v>175</v>
      </c>
      <c r="C11205">
        <v>17254.5</v>
      </c>
      <c r="D11205">
        <v>2.5</v>
      </c>
      <c r="E11205">
        <v>17079</v>
      </c>
      <c r="F11205">
        <v>48.241100000000003</v>
      </c>
    </row>
    <row r="11206" spans="1:6" x14ac:dyDescent="0.25">
      <c r="A11206">
        <v>160.41</v>
      </c>
      <c r="B11206">
        <v>175</v>
      </c>
      <c r="C11206">
        <v>17254.5</v>
      </c>
      <c r="D11206">
        <v>2.8</v>
      </c>
      <c r="E11206">
        <v>15690.5</v>
      </c>
      <c r="F11206">
        <v>38.1128</v>
      </c>
    </row>
    <row r="11207" spans="1:6" x14ac:dyDescent="0.25">
      <c r="A11207">
        <v>160.41</v>
      </c>
      <c r="B11207">
        <v>175</v>
      </c>
      <c r="C11207">
        <v>17254.5</v>
      </c>
      <c r="D11207">
        <v>3.1</v>
      </c>
      <c r="E11207">
        <v>16383.8</v>
      </c>
      <c r="F11207">
        <v>22.291599999999999</v>
      </c>
    </row>
    <row r="11208" spans="1:6" x14ac:dyDescent="0.25">
      <c r="A11208">
        <v>160.41</v>
      </c>
      <c r="B11208">
        <v>175</v>
      </c>
      <c r="C11208">
        <v>17254.5</v>
      </c>
      <c r="D11208">
        <v>3.4</v>
      </c>
      <c r="E11208">
        <v>15056.3</v>
      </c>
      <c r="F11208">
        <v>22.236699999999999</v>
      </c>
    </row>
    <row r="11209" spans="1:6" x14ac:dyDescent="0.25">
      <c r="A11209">
        <v>160.41</v>
      </c>
      <c r="B11209">
        <v>175</v>
      </c>
      <c r="C11209">
        <v>17254.5</v>
      </c>
      <c r="D11209">
        <v>3.7</v>
      </c>
      <c r="E11209">
        <v>14787.8</v>
      </c>
      <c r="F11209">
        <v>22.8964</v>
      </c>
    </row>
    <row r="11210" spans="1:6" x14ac:dyDescent="0.25">
      <c r="A11210">
        <v>160.41</v>
      </c>
      <c r="B11210">
        <v>175</v>
      </c>
      <c r="C11210">
        <v>17254.5</v>
      </c>
      <c r="D11210">
        <v>4</v>
      </c>
      <c r="E11210">
        <v>14783.8</v>
      </c>
      <c r="F11210">
        <v>23.463799999999999</v>
      </c>
    </row>
    <row r="11211" spans="1:6" x14ac:dyDescent="0.25">
      <c r="A11211">
        <v>160.41</v>
      </c>
      <c r="B11211">
        <v>175</v>
      </c>
      <c r="C11211">
        <v>18800</v>
      </c>
      <c r="D11211">
        <v>1</v>
      </c>
      <c r="E11211">
        <v>17665.2</v>
      </c>
      <c r="F11211">
        <v>37.7286</v>
      </c>
    </row>
    <row r="11212" spans="1:6" x14ac:dyDescent="0.25">
      <c r="A11212">
        <v>160.41</v>
      </c>
      <c r="B11212">
        <v>175</v>
      </c>
      <c r="C11212">
        <v>18800</v>
      </c>
      <c r="D11212">
        <v>1.3</v>
      </c>
      <c r="E11212">
        <v>15925.1</v>
      </c>
      <c r="F11212">
        <v>40.700099999999999</v>
      </c>
    </row>
    <row r="11213" spans="1:6" x14ac:dyDescent="0.25">
      <c r="A11213">
        <v>160.41</v>
      </c>
      <c r="B11213">
        <v>175</v>
      </c>
      <c r="C11213">
        <v>18800</v>
      </c>
      <c r="D11213">
        <v>1.6</v>
      </c>
      <c r="E11213">
        <v>16549.400000000001</v>
      </c>
      <c r="F11213">
        <v>36.637099999999997</v>
      </c>
    </row>
    <row r="11214" spans="1:6" x14ac:dyDescent="0.25">
      <c r="A11214">
        <v>160.41</v>
      </c>
      <c r="B11214">
        <v>175</v>
      </c>
      <c r="C11214">
        <v>18800</v>
      </c>
      <c r="D11214">
        <v>1.9</v>
      </c>
      <c r="E11214">
        <v>15552.6</v>
      </c>
      <c r="F11214">
        <v>20.4754</v>
      </c>
    </row>
    <row r="11215" spans="1:6" x14ac:dyDescent="0.25">
      <c r="A11215">
        <v>160.41</v>
      </c>
      <c r="B11215">
        <v>175</v>
      </c>
      <c r="C11215">
        <v>18800</v>
      </c>
      <c r="D11215">
        <v>2.2000000000000002</v>
      </c>
      <c r="E11215">
        <v>16632.2</v>
      </c>
      <c r="F11215">
        <v>48.799300000000002</v>
      </c>
    </row>
    <row r="11216" spans="1:6" x14ac:dyDescent="0.25">
      <c r="A11216">
        <v>160.41</v>
      </c>
      <c r="B11216">
        <v>175</v>
      </c>
      <c r="C11216">
        <v>18800</v>
      </c>
      <c r="D11216">
        <v>2.5</v>
      </c>
      <c r="E11216">
        <v>17079</v>
      </c>
      <c r="F11216">
        <v>48.241100000000003</v>
      </c>
    </row>
    <row r="11217" spans="1:6" x14ac:dyDescent="0.25">
      <c r="A11217">
        <v>160.41</v>
      </c>
      <c r="B11217">
        <v>175</v>
      </c>
      <c r="C11217">
        <v>18800</v>
      </c>
      <c r="D11217">
        <v>2.8</v>
      </c>
      <c r="E11217">
        <v>15690.5</v>
      </c>
      <c r="F11217">
        <v>38.1128</v>
      </c>
    </row>
    <row r="11218" spans="1:6" x14ac:dyDescent="0.25">
      <c r="A11218">
        <v>160.41</v>
      </c>
      <c r="B11218">
        <v>175</v>
      </c>
      <c r="C11218">
        <v>18800</v>
      </c>
      <c r="D11218">
        <v>3.1</v>
      </c>
      <c r="E11218">
        <v>16383.8</v>
      </c>
      <c r="F11218">
        <v>22.291599999999999</v>
      </c>
    </row>
    <row r="11219" spans="1:6" x14ac:dyDescent="0.25">
      <c r="A11219">
        <v>160.41</v>
      </c>
      <c r="B11219">
        <v>175</v>
      </c>
      <c r="C11219">
        <v>18800</v>
      </c>
      <c r="D11219">
        <v>3.4</v>
      </c>
      <c r="E11219">
        <v>15056.3</v>
      </c>
      <c r="F11219">
        <v>22.236699999999999</v>
      </c>
    </row>
    <row r="11220" spans="1:6" x14ac:dyDescent="0.25">
      <c r="A11220">
        <v>160.41</v>
      </c>
      <c r="B11220">
        <v>175</v>
      </c>
      <c r="C11220">
        <v>18800</v>
      </c>
      <c r="D11220">
        <v>3.7</v>
      </c>
      <c r="E11220">
        <v>14787.8</v>
      </c>
      <c r="F11220">
        <v>22.8964</v>
      </c>
    </row>
    <row r="11221" spans="1:6" x14ac:dyDescent="0.25">
      <c r="A11221">
        <v>160.41</v>
      </c>
      <c r="B11221">
        <v>175</v>
      </c>
      <c r="C11221">
        <v>18800</v>
      </c>
      <c r="D11221">
        <v>4</v>
      </c>
      <c r="E11221">
        <v>14783.8</v>
      </c>
      <c r="F11221">
        <v>23.463799999999999</v>
      </c>
    </row>
    <row r="11222" spans="1:6" x14ac:dyDescent="0.25">
      <c r="A11222">
        <v>160.41</v>
      </c>
      <c r="B11222">
        <v>178.63</v>
      </c>
      <c r="C11222">
        <v>1800</v>
      </c>
      <c r="D11222">
        <v>1</v>
      </c>
      <c r="E11222">
        <v>5495.24</v>
      </c>
      <c r="F11222">
        <v>34.501300000000001</v>
      </c>
    </row>
    <row r="11223" spans="1:6" x14ac:dyDescent="0.25">
      <c r="A11223">
        <v>160.41</v>
      </c>
      <c r="B11223">
        <v>178.63</v>
      </c>
      <c r="C11223">
        <v>1800</v>
      </c>
      <c r="D11223">
        <v>1.3</v>
      </c>
      <c r="E11223">
        <v>4791.55</v>
      </c>
      <c r="F11223">
        <v>39.780500000000004</v>
      </c>
    </row>
    <row r="11224" spans="1:6" x14ac:dyDescent="0.25">
      <c r="A11224">
        <v>160.41</v>
      </c>
      <c r="B11224">
        <v>178.63</v>
      </c>
      <c r="C11224">
        <v>1800</v>
      </c>
      <c r="D11224">
        <v>1.6</v>
      </c>
      <c r="E11224">
        <v>4399.3900000000003</v>
      </c>
      <c r="F11224">
        <v>48.336500000000001</v>
      </c>
    </row>
    <row r="11225" spans="1:6" x14ac:dyDescent="0.25">
      <c r="A11225">
        <v>160.41</v>
      </c>
      <c r="B11225">
        <v>178.63</v>
      </c>
      <c r="C11225">
        <v>1800</v>
      </c>
      <c r="D11225">
        <v>1.9</v>
      </c>
      <c r="E11225">
        <v>4174.1099999999997</v>
      </c>
      <c r="F11225">
        <v>55.13</v>
      </c>
    </row>
    <row r="11226" spans="1:6" x14ac:dyDescent="0.25">
      <c r="A11226">
        <v>160.41</v>
      </c>
      <c r="B11226">
        <v>178.63</v>
      </c>
      <c r="C11226">
        <v>1800</v>
      </c>
      <c r="D11226">
        <v>2.2000000000000002</v>
      </c>
      <c r="E11226">
        <v>4015.22</v>
      </c>
      <c r="F11226">
        <v>61.496899999999997</v>
      </c>
    </row>
    <row r="11227" spans="1:6" x14ac:dyDescent="0.25">
      <c r="A11227">
        <v>160.41</v>
      </c>
      <c r="B11227">
        <v>178.63</v>
      </c>
      <c r="C11227">
        <v>1800</v>
      </c>
      <c r="D11227">
        <v>2.5</v>
      </c>
      <c r="E11227">
        <v>3873.61</v>
      </c>
      <c r="F11227">
        <v>64.456299999999999</v>
      </c>
    </row>
    <row r="11228" spans="1:6" x14ac:dyDescent="0.25">
      <c r="A11228">
        <v>160.41</v>
      </c>
      <c r="B11228">
        <v>178.63</v>
      </c>
      <c r="C11228">
        <v>1800</v>
      </c>
      <c r="D11228">
        <v>2.8</v>
      </c>
      <c r="E11228">
        <v>3792.97</v>
      </c>
      <c r="F11228">
        <v>71.107600000000005</v>
      </c>
    </row>
    <row r="11229" spans="1:6" x14ac:dyDescent="0.25">
      <c r="A11229">
        <v>160.41</v>
      </c>
      <c r="B11229">
        <v>178.63</v>
      </c>
      <c r="C11229">
        <v>1800</v>
      </c>
      <c r="D11229">
        <v>3.1</v>
      </c>
      <c r="E11229">
        <v>3705.67</v>
      </c>
      <c r="F11229">
        <v>72.379499999999993</v>
      </c>
    </row>
    <row r="11230" spans="1:6" x14ac:dyDescent="0.25">
      <c r="A11230">
        <v>160.41</v>
      </c>
      <c r="B11230">
        <v>178.63</v>
      </c>
      <c r="C11230">
        <v>1800</v>
      </c>
      <c r="D11230">
        <v>3.4</v>
      </c>
      <c r="E11230">
        <v>3631.92</v>
      </c>
      <c r="F11230">
        <v>75.713399999999993</v>
      </c>
    </row>
    <row r="11231" spans="1:6" x14ac:dyDescent="0.25">
      <c r="A11231">
        <v>160.41</v>
      </c>
      <c r="B11231">
        <v>178.63</v>
      </c>
      <c r="C11231">
        <v>1800</v>
      </c>
      <c r="D11231">
        <v>3.7</v>
      </c>
      <c r="E11231">
        <v>3540.73</v>
      </c>
      <c r="F11231">
        <v>77.902199999999993</v>
      </c>
    </row>
    <row r="11232" spans="1:6" x14ac:dyDescent="0.25">
      <c r="A11232">
        <v>160.41</v>
      </c>
      <c r="B11232">
        <v>178.63</v>
      </c>
      <c r="C11232">
        <v>1800</v>
      </c>
      <c r="D11232">
        <v>4</v>
      </c>
      <c r="E11232">
        <v>3496.58</v>
      </c>
      <c r="F11232">
        <v>78.587000000000003</v>
      </c>
    </row>
    <row r="11233" spans="1:6" x14ac:dyDescent="0.25">
      <c r="A11233">
        <v>160.41</v>
      </c>
      <c r="B11233">
        <v>178.63</v>
      </c>
      <c r="C11233">
        <v>3345.45</v>
      </c>
      <c r="D11233">
        <v>1</v>
      </c>
      <c r="E11233">
        <v>6911.55</v>
      </c>
      <c r="F11233">
        <v>37.7286</v>
      </c>
    </row>
    <row r="11234" spans="1:6" x14ac:dyDescent="0.25">
      <c r="A11234">
        <v>160.41</v>
      </c>
      <c r="B11234">
        <v>178.63</v>
      </c>
      <c r="C11234">
        <v>3345.45</v>
      </c>
      <c r="D11234">
        <v>1.3</v>
      </c>
      <c r="E11234">
        <v>6198.66</v>
      </c>
      <c r="F11234">
        <v>40.700099999999999</v>
      </c>
    </row>
    <row r="11235" spans="1:6" x14ac:dyDescent="0.25">
      <c r="A11235">
        <v>160.41</v>
      </c>
      <c r="B11235">
        <v>178.63</v>
      </c>
      <c r="C11235">
        <v>3345.45</v>
      </c>
      <c r="D11235">
        <v>1.6</v>
      </c>
      <c r="E11235">
        <v>5648.48</v>
      </c>
      <c r="F11235">
        <v>36.637099999999997</v>
      </c>
    </row>
    <row r="11236" spans="1:6" x14ac:dyDescent="0.25">
      <c r="A11236">
        <v>160.41</v>
      </c>
      <c r="B11236">
        <v>178.63</v>
      </c>
      <c r="C11236">
        <v>3345.45</v>
      </c>
      <c r="D11236">
        <v>1.9</v>
      </c>
      <c r="E11236">
        <v>5677.93</v>
      </c>
      <c r="F11236">
        <v>20.4754</v>
      </c>
    </row>
    <row r="11237" spans="1:6" x14ac:dyDescent="0.25">
      <c r="A11237">
        <v>160.41</v>
      </c>
      <c r="B11237">
        <v>178.63</v>
      </c>
      <c r="C11237">
        <v>3345.45</v>
      </c>
      <c r="D11237">
        <v>2.2000000000000002</v>
      </c>
      <c r="E11237">
        <v>5056.1099999999997</v>
      </c>
      <c r="F11237">
        <v>48.799300000000002</v>
      </c>
    </row>
    <row r="11238" spans="1:6" x14ac:dyDescent="0.25">
      <c r="A11238">
        <v>160.41</v>
      </c>
      <c r="B11238">
        <v>178.63</v>
      </c>
      <c r="C11238">
        <v>3345.45</v>
      </c>
      <c r="D11238">
        <v>2.5</v>
      </c>
      <c r="E11238">
        <v>5061.54</v>
      </c>
      <c r="F11238">
        <v>48.241100000000003</v>
      </c>
    </row>
    <row r="11239" spans="1:6" x14ac:dyDescent="0.25">
      <c r="A11239">
        <v>160.41</v>
      </c>
      <c r="B11239">
        <v>178.63</v>
      </c>
      <c r="C11239">
        <v>3345.45</v>
      </c>
      <c r="D11239">
        <v>2.8</v>
      </c>
      <c r="E11239">
        <v>4769.8</v>
      </c>
      <c r="F11239">
        <v>38.1128</v>
      </c>
    </row>
    <row r="11240" spans="1:6" x14ac:dyDescent="0.25">
      <c r="A11240">
        <v>160.41</v>
      </c>
      <c r="B11240">
        <v>178.63</v>
      </c>
      <c r="C11240">
        <v>3345.45</v>
      </c>
      <c r="D11240">
        <v>3.1</v>
      </c>
      <c r="E11240">
        <v>5001.41</v>
      </c>
      <c r="F11240">
        <v>22.291599999999999</v>
      </c>
    </row>
    <row r="11241" spans="1:6" x14ac:dyDescent="0.25">
      <c r="A11241">
        <v>160.41</v>
      </c>
      <c r="B11241">
        <v>178.63</v>
      </c>
      <c r="C11241">
        <v>3345.45</v>
      </c>
      <c r="D11241">
        <v>3.4</v>
      </c>
      <c r="E11241">
        <v>4849.67</v>
      </c>
      <c r="F11241">
        <v>22.236699999999999</v>
      </c>
    </row>
    <row r="11242" spans="1:6" x14ac:dyDescent="0.25">
      <c r="A11242">
        <v>160.41</v>
      </c>
      <c r="B11242">
        <v>178.63</v>
      </c>
      <c r="C11242">
        <v>3345.45</v>
      </c>
      <c r="D11242">
        <v>3.7</v>
      </c>
      <c r="E11242">
        <v>4629.91</v>
      </c>
      <c r="F11242">
        <v>22.8964</v>
      </c>
    </row>
    <row r="11243" spans="1:6" x14ac:dyDescent="0.25">
      <c r="A11243">
        <v>160.41</v>
      </c>
      <c r="B11243">
        <v>178.63</v>
      </c>
      <c r="C11243">
        <v>3345.45</v>
      </c>
      <c r="D11243">
        <v>4</v>
      </c>
      <c r="E11243">
        <v>4531.6099999999997</v>
      </c>
      <c r="F11243">
        <v>23.463799999999999</v>
      </c>
    </row>
    <row r="11244" spans="1:6" x14ac:dyDescent="0.25">
      <c r="A11244">
        <v>160.41</v>
      </c>
      <c r="B11244">
        <v>178.63</v>
      </c>
      <c r="C11244">
        <v>4890.8999999999996</v>
      </c>
      <c r="D11244">
        <v>1</v>
      </c>
      <c r="E11244">
        <v>8625.7800000000007</v>
      </c>
      <c r="F11244">
        <v>37.7286</v>
      </c>
    </row>
    <row r="11245" spans="1:6" x14ac:dyDescent="0.25">
      <c r="A11245">
        <v>160.41</v>
      </c>
      <c r="B11245">
        <v>178.63</v>
      </c>
      <c r="C11245">
        <v>4890.8999999999996</v>
      </c>
      <c r="D11245">
        <v>1.3</v>
      </c>
      <c r="E11245">
        <v>7648.66</v>
      </c>
      <c r="F11245">
        <v>40.700099999999999</v>
      </c>
    </row>
    <row r="11246" spans="1:6" x14ac:dyDescent="0.25">
      <c r="A11246">
        <v>160.41</v>
      </c>
      <c r="B11246">
        <v>178.63</v>
      </c>
      <c r="C11246">
        <v>4890.8999999999996</v>
      </c>
      <c r="D11246">
        <v>1.6</v>
      </c>
      <c r="E11246">
        <v>7336.29</v>
      </c>
      <c r="F11246">
        <v>36.637099999999997</v>
      </c>
    </row>
    <row r="11247" spans="1:6" x14ac:dyDescent="0.25">
      <c r="A11247">
        <v>160.41</v>
      </c>
      <c r="B11247">
        <v>178.63</v>
      </c>
      <c r="C11247">
        <v>4890.8999999999996</v>
      </c>
      <c r="D11247">
        <v>1.9</v>
      </c>
      <c r="E11247">
        <v>6881.4</v>
      </c>
      <c r="F11247">
        <v>20.4754</v>
      </c>
    </row>
    <row r="11248" spans="1:6" x14ac:dyDescent="0.25">
      <c r="A11248">
        <v>160.41</v>
      </c>
      <c r="B11248">
        <v>178.63</v>
      </c>
      <c r="C11248">
        <v>4890.8999999999996</v>
      </c>
      <c r="D11248">
        <v>2.2000000000000002</v>
      </c>
      <c r="E11248">
        <v>6680.13</v>
      </c>
      <c r="F11248">
        <v>48.799300000000002</v>
      </c>
    </row>
    <row r="11249" spans="1:6" x14ac:dyDescent="0.25">
      <c r="A11249">
        <v>160.41</v>
      </c>
      <c r="B11249">
        <v>178.63</v>
      </c>
      <c r="C11249">
        <v>4890.8999999999996</v>
      </c>
      <c r="D11249">
        <v>2.5</v>
      </c>
      <c r="E11249">
        <v>6595.24</v>
      </c>
      <c r="F11249">
        <v>48.241100000000003</v>
      </c>
    </row>
    <row r="11250" spans="1:6" x14ac:dyDescent="0.25">
      <c r="A11250">
        <v>160.41</v>
      </c>
      <c r="B11250">
        <v>178.63</v>
      </c>
      <c r="C11250">
        <v>4890.8999999999996</v>
      </c>
      <c r="D11250">
        <v>2.8</v>
      </c>
      <c r="E11250">
        <v>6340.07</v>
      </c>
      <c r="F11250">
        <v>38.1128</v>
      </c>
    </row>
    <row r="11251" spans="1:6" x14ac:dyDescent="0.25">
      <c r="A11251">
        <v>160.41</v>
      </c>
      <c r="B11251">
        <v>178.63</v>
      </c>
      <c r="C11251">
        <v>4890.8999999999996</v>
      </c>
      <c r="D11251">
        <v>3.1</v>
      </c>
      <c r="E11251">
        <v>6363.02</v>
      </c>
      <c r="F11251">
        <v>22.291599999999999</v>
      </c>
    </row>
    <row r="11252" spans="1:6" x14ac:dyDescent="0.25">
      <c r="A11252">
        <v>160.41</v>
      </c>
      <c r="B11252">
        <v>178.63</v>
      </c>
      <c r="C11252">
        <v>4890.8999999999996</v>
      </c>
      <c r="D11252">
        <v>3.4</v>
      </c>
      <c r="E11252">
        <v>6137.36</v>
      </c>
      <c r="F11252">
        <v>22.236699999999999</v>
      </c>
    </row>
    <row r="11253" spans="1:6" x14ac:dyDescent="0.25">
      <c r="A11253">
        <v>160.41</v>
      </c>
      <c r="B11253">
        <v>178.63</v>
      </c>
      <c r="C11253">
        <v>4890.8999999999996</v>
      </c>
      <c r="D11253">
        <v>3.7</v>
      </c>
      <c r="E11253">
        <v>6077.03</v>
      </c>
      <c r="F11253">
        <v>22.8964</v>
      </c>
    </row>
    <row r="11254" spans="1:6" x14ac:dyDescent="0.25">
      <c r="A11254">
        <v>160.41</v>
      </c>
      <c r="B11254">
        <v>178.63</v>
      </c>
      <c r="C11254">
        <v>4890.8999999999996</v>
      </c>
      <c r="D11254">
        <v>4</v>
      </c>
      <c r="E11254">
        <v>5976.74</v>
      </c>
      <c r="F11254">
        <v>23.463799999999999</v>
      </c>
    </row>
    <row r="11255" spans="1:6" x14ac:dyDescent="0.25">
      <c r="A11255">
        <v>160.41</v>
      </c>
      <c r="B11255">
        <v>178.63</v>
      </c>
      <c r="C11255">
        <v>6436.35</v>
      </c>
      <c r="D11255">
        <v>1</v>
      </c>
      <c r="E11255">
        <v>9978.48</v>
      </c>
      <c r="F11255">
        <v>37.7286</v>
      </c>
    </row>
    <row r="11256" spans="1:6" x14ac:dyDescent="0.25">
      <c r="A11256">
        <v>160.41</v>
      </c>
      <c r="B11256">
        <v>178.63</v>
      </c>
      <c r="C11256">
        <v>6436.35</v>
      </c>
      <c r="D11256">
        <v>1.3</v>
      </c>
      <c r="E11256">
        <v>9360.19</v>
      </c>
      <c r="F11256">
        <v>40.700099999999999</v>
      </c>
    </row>
    <row r="11257" spans="1:6" x14ac:dyDescent="0.25">
      <c r="A11257">
        <v>160.41</v>
      </c>
      <c r="B11257">
        <v>178.63</v>
      </c>
      <c r="C11257">
        <v>6436.35</v>
      </c>
      <c r="D11257">
        <v>1.6</v>
      </c>
      <c r="E11257">
        <v>8642.7099999999991</v>
      </c>
      <c r="F11257">
        <v>36.637099999999997</v>
      </c>
    </row>
    <row r="11258" spans="1:6" x14ac:dyDescent="0.25">
      <c r="A11258">
        <v>160.41</v>
      </c>
      <c r="B11258">
        <v>178.63</v>
      </c>
      <c r="C11258">
        <v>6436.35</v>
      </c>
      <c r="D11258">
        <v>1.9</v>
      </c>
      <c r="E11258">
        <v>8480.41</v>
      </c>
      <c r="F11258">
        <v>20.4754</v>
      </c>
    </row>
    <row r="11259" spans="1:6" x14ac:dyDescent="0.25">
      <c r="A11259">
        <v>160.41</v>
      </c>
      <c r="B11259">
        <v>178.63</v>
      </c>
      <c r="C11259">
        <v>6436.35</v>
      </c>
      <c r="D11259">
        <v>2.2000000000000002</v>
      </c>
      <c r="E11259">
        <v>8310.91</v>
      </c>
      <c r="F11259">
        <v>48.799300000000002</v>
      </c>
    </row>
    <row r="11260" spans="1:6" x14ac:dyDescent="0.25">
      <c r="A11260">
        <v>160.41</v>
      </c>
      <c r="B11260">
        <v>178.63</v>
      </c>
      <c r="C11260">
        <v>6436.35</v>
      </c>
      <c r="D11260">
        <v>2.5</v>
      </c>
      <c r="E11260">
        <v>8078.73</v>
      </c>
      <c r="F11260">
        <v>48.241100000000003</v>
      </c>
    </row>
    <row r="11261" spans="1:6" x14ac:dyDescent="0.25">
      <c r="A11261">
        <v>160.41</v>
      </c>
      <c r="B11261">
        <v>178.63</v>
      </c>
      <c r="C11261">
        <v>6436.35</v>
      </c>
      <c r="D11261">
        <v>2.8</v>
      </c>
      <c r="E11261">
        <v>7926.36</v>
      </c>
      <c r="F11261">
        <v>38.1128</v>
      </c>
    </row>
    <row r="11262" spans="1:6" x14ac:dyDescent="0.25">
      <c r="A11262">
        <v>160.41</v>
      </c>
      <c r="B11262">
        <v>178.63</v>
      </c>
      <c r="C11262">
        <v>6436.35</v>
      </c>
      <c r="D11262">
        <v>3.1</v>
      </c>
      <c r="E11262">
        <v>7815.58</v>
      </c>
      <c r="F11262">
        <v>22.291599999999999</v>
      </c>
    </row>
    <row r="11263" spans="1:6" x14ac:dyDescent="0.25">
      <c r="A11263">
        <v>160.41</v>
      </c>
      <c r="B11263">
        <v>178.63</v>
      </c>
      <c r="C11263">
        <v>6436.35</v>
      </c>
      <c r="D11263">
        <v>3.4</v>
      </c>
      <c r="E11263">
        <v>7682.55</v>
      </c>
      <c r="F11263">
        <v>22.236699999999999</v>
      </c>
    </row>
    <row r="11264" spans="1:6" x14ac:dyDescent="0.25">
      <c r="A11264">
        <v>160.41</v>
      </c>
      <c r="B11264">
        <v>178.63</v>
      </c>
      <c r="C11264">
        <v>6436.35</v>
      </c>
      <c r="D11264">
        <v>3.7</v>
      </c>
      <c r="E11264">
        <v>7566.45</v>
      </c>
      <c r="F11264">
        <v>22.8964</v>
      </c>
    </row>
    <row r="11265" spans="1:6" x14ac:dyDescent="0.25">
      <c r="A11265">
        <v>160.41</v>
      </c>
      <c r="B11265">
        <v>178.63</v>
      </c>
      <c r="C11265">
        <v>6436.35</v>
      </c>
      <c r="D11265">
        <v>4</v>
      </c>
      <c r="E11265">
        <v>7523.88</v>
      </c>
      <c r="F11265">
        <v>23.463799999999999</v>
      </c>
    </row>
    <row r="11266" spans="1:6" x14ac:dyDescent="0.25">
      <c r="A11266">
        <v>160.41</v>
      </c>
      <c r="B11266">
        <v>178.63</v>
      </c>
      <c r="C11266">
        <v>7981.8</v>
      </c>
      <c r="D11266">
        <v>1</v>
      </c>
      <c r="E11266">
        <v>11483</v>
      </c>
      <c r="F11266">
        <v>37.7286</v>
      </c>
    </row>
    <row r="11267" spans="1:6" x14ac:dyDescent="0.25">
      <c r="A11267">
        <v>160.41</v>
      </c>
      <c r="B11267">
        <v>178.63</v>
      </c>
      <c r="C11267">
        <v>7981.8</v>
      </c>
      <c r="D11267">
        <v>1.3</v>
      </c>
      <c r="E11267">
        <v>10964</v>
      </c>
      <c r="F11267">
        <v>40.700099999999999</v>
      </c>
    </row>
    <row r="11268" spans="1:6" x14ac:dyDescent="0.25">
      <c r="A11268">
        <v>160.41</v>
      </c>
      <c r="B11268">
        <v>178.63</v>
      </c>
      <c r="C11268">
        <v>7981.8</v>
      </c>
      <c r="D11268">
        <v>1.6</v>
      </c>
      <c r="E11268">
        <v>10462.1</v>
      </c>
      <c r="F11268">
        <v>36.637099999999997</v>
      </c>
    </row>
    <row r="11269" spans="1:6" x14ac:dyDescent="0.25">
      <c r="A11269">
        <v>160.41</v>
      </c>
      <c r="B11269">
        <v>178.63</v>
      </c>
      <c r="C11269">
        <v>7981.8</v>
      </c>
      <c r="D11269">
        <v>1.9</v>
      </c>
      <c r="E11269">
        <v>10019.9</v>
      </c>
      <c r="F11269">
        <v>20.4754</v>
      </c>
    </row>
    <row r="11270" spans="1:6" x14ac:dyDescent="0.25">
      <c r="A11270">
        <v>160.41</v>
      </c>
      <c r="B11270">
        <v>178.63</v>
      </c>
      <c r="C11270">
        <v>7981.8</v>
      </c>
      <c r="D11270">
        <v>2.2000000000000002</v>
      </c>
      <c r="E11270">
        <v>9635.24</v>
      </c>
      <c r="F11270">
        <v>48.799300000000002</v>
      </c>
    </row>
    <row r="11271" spans="1:6" x14ac:dyDescent="0.25">
      <c r="A11271">
        <v>160.41</v>
      </c>
      <c r="B11271">
        <v>178.63</v>
      </c>
      <c r="C11271">
        <v>7981.8</v>
      </c>
      <c r="D11271">
        <v>2.5</v>
      </c>
      <c r="E11271">
        <v>9508.4699999999993</v>
      </c>
      <c r="F11271">
        <v>48.241100000000003</v>
      </c>
    </row>
    <row r="11272" spans="1:6" x14ac:dyDescent="0.25">
      <c r="A11272">
        <v>160.41</v>
      </c>
      <c r="B11272">
        <v>178.63</v>
      </c>
      <c r="C11272">
        <v>7981.8</v>
      </c>
      <c r="D11272">
        <v>2.8</v>
      </c>
      <c r="E11272">
        <v>9300.5400000000009</v>
      </c>
      <c r="F11272">
        <v>38.1128</v>
      </c>
    </row>
    <row r="11273" spans="1:6" x14ac:dyDescent="0.25">
      <c r="A11273">
        <v>160.41</v>
      </c>
      <c r="B11273">
        <v>178.63</v>
      </c>
      <c r="C11273">
        <v>7981.8</v>
      </c>
      <c r="D11273">
        <v>3.1</v>
      </c>
      <c r="E11273">
        <v>9250.69</v>
      </c>
      <c r="F11273">
        <v>22.291599999999999</v>
      </c>
    </row>
    <row r="11274" spans="1:6" x14ac:dyDescent="0.25">
      <c r="A11274">
        <v>160.41</v>
      </c>
      <c r="B11274">
        <v>178.63</v>
      </c>
      <c r="C11274">
        <v>7981.8</v>
      </c>
      <c r="D11274">
        <v>3.4</v>
      </c>
      <c r="E11274">
        <v>9174.76</v>
      </c>
      <c r="F11274">
        <v>22.236699999999999</v>
      </c>
    </row>
    <row r="11275" spans="1:6" x14ac:dyDescent="0.25">
      <c r="A11275">
        <v>160.41</v>
      </c>
      <c r="B11275">
        <v>178.63</v>
      </c>
      <c r="C11275">
        <v>7981.8</v>
      </c>
      <c r="D11275">
        <v>3.7</v>
      </c>
      <c r="E11275">
        <v>9161.15</v>
      </c>
      <c r="F11275">
        <v>22.8964</v>
      </c>
    </row>
    <row r="11276" spans="1:6" x14ac:dyDescent="0.25">
      <c r="A11276">
        <v>160.41</v>
      </c>
      <c r="B11276">
        <v>178.63</v>
      </c>
      <c r="C11276">
        <v>7981.8</v>
      </c>
      <c r="D11276">
        <v>4</v>
      </c>
      <c r="E11276">
        <v>8985.15</v>
      </c>
      <c r="F11276">
        <v>23.463799999999999</v>
      </c>
    </row>
    <row r="11277" spans="1:6" x14ac:dyDescent="0.25">
      <c r="A11277">
        <v>160.41</v>
      </c>
      <c r="B11277">
        <v>178.63</v>
      </c>
      <c r="C11277">
        <v>9527.25</v>
      </c>
      <c r="D11277">
        <v>1</v>
      </c>
      <c r="E11277">
        <v>13075.1</v>
      </c>
      <c r="F11277">
        <v>37.7286</v>
      </c>
    </row>
    <row r="11278" spans="1:6" x14ac:dyDescent="0.25">
      <c r="A11278">
        <v>160.41</v>
      </c>
      <c r="B11278">
        <v>178.63</v>
      </c>
      <c r="C11278">
        <v>9527.25</v>
      </c>
      <c r="D11278">
        <v>1.3</v>
      </c>
      <c r="E11278">
        <v>12171.4</v>
      </c>
      <c r="F11278">
        <v>40.700099999999999</v>
      </c>
    </row>
    <row r="11279" spans="1:6" x14ac:dyDescent="0.25">
      <c r="A11279">
        <v>160.41</v>
      </c>
      <c r="B11279">
        <v>178.63</v>
      </c>
      <c r="C11279">
        <v>9527.25</v>
      </c>
      <c r="D11279">
        <v>1.6</v>
      </c>
      <c r="E11279">
        <v>12023</v>
      </c>
      <c r="F11279">
        <v>36.637099999999997</v>
      </c>
    </row>
    <row r="11280" spans="1:6" x14ac:dyDescent="0.25">
      <c r="A11280">
        <v>160.41</v>
      </c>
      <c r="B11280">
        <v>178.63</v>
      </c>
      <c r="C11280">
        <v>9527.25</v>
      </c>
      <c r="D11280">
        <v>1.9</v>
      </c>
      <c r="E11280">
        <v>11400.1</v>
      </c>
      <c r="F11280">
        <v>20.4754</v>
      </c>
    </row>
    <row r="11281" spans="1:6" x14ac:dyDescent="0.25">
      <c r="A11281">
        <v>160.41</v>
      </c>
      <c r="B11281">
        <v>178.63</v>
      </c>
      <c r="C11281">
        <v>9527.25</v>
      </c>
      <c r="D11281">
        <v>2.2000000000000002</v>
      </c>
      <c r="E11281">
        <v>11155.1</v>
      </c>
      <c r="F11281">
        <v>48.799300000000002</v>
      </c>
    </row>
    <row r="11282" spans="1:6" x14ac:dyDescent="0.25">
      <c r="A11282">
        <v>160.41</v>
      </c>
      <c r="B11282">
        <v>178.63</v>
      </c>
      <c r="C11282">
        <v>9527.25</v>
      </c>
      <c r="D11282">
        <v>2.5</v>
      </c>
      <c r="E11282">
        <v>11057.2</v>
      </c>
      <c r="F11282">
        <v>48.241100000000003</v>
      </c>
    </row>
    <row r="11283" spans="1:6" x14ac:dyDescent="0.25">
      <c r="A11283">
        <v>160.41</v>
      </c>
      <c r="B11283">
        <v>178.63</v>
      </c>
      <c r="C11283">
        <v>9527.25</v>
      </c>
      <c r="D11283">
        <v>2.8</v>
      </c>
      <c r="E11283">
        <v>11042</v>
      </c>
      <c r="F11283">
        <v>38.1128</v>
      </c>
    </row>
    <row r="11284" spans="1:6" x14ac:dyDescent="0.25">
      <c r="A11284">
        <v>160.41</v>
      </c>
      <c r="B11284">
        <v>178.63</v>
      </c>
      <c r="C11284">
        <v>9527.25</v>
      </c>
      <c r="D11284">
        <v>3.1</v>
      </c>
      <c r="E11284">
        <v>10786.8</v>
      </c>
      <c r="F11284">
        <v>22.291599999999999</v>
      </c>
    </row>
    <row r="11285" spans="1:6" x14ac:dyDescent="0.25">
      <c r="A11285">
        <v>160.41</v>
      </c>
      <c r="B11285">
        <v>178.63</v>
      </c>
      <c r="C11285">
        <v>9527.25</v>
      </c>
      <c r="D11285">
        <v>3.4</v>
      </c>
      <c r="E11285">
        <v>10657.1</v>
      </c>
      <c r="F11285">
        <v>22.236699999999999</v>
      </c>
    </row>
    <row r="11286" spans="1:6" x14ac:dyDescent="0.25">
      <c r="A11286">
        <v>160.41</v>
      </c>
      <c r="B11286">
        <v>178.63</v>
      </c>
      <c r="C11286">
        <v>9527.25</v>
      </c>
      <c r="D11286">
        <v>3.7</v>
      </c>
      <c r="E11286">
        <v>10674.5</v>
      </c>
      <c r="F11286">
        <v>22.8964</v>
      </c>
    </row>
    <row r="11287" spans="1:6" x14ac:dyDescent="0.25">
      <c r="A11287">
        <v>160.41</v>
      </c>
      <c r="B11287">
        <v>178.63</v>
      </c>
      <c r="C11287">
        <v>9527.25</v>
      </c>
      <c r="D11287">
        <v>4</v>
      </c>
      <c r="E11287">
        <v>10525.4</v>
      </c>
      <c r="F11287">
        <v>23.463799999999999</v>
      </c>
    </row>
    <row r="11288" spans="1:6" x14ac:dyDescent="0.25">
      <c r="A11288">
        <v>160.41</v>
      </c>
      <c r="B11288">
        <v>178.63</v>
      </c>
      <c r="C11288">
        <v>11072.7</v>
      </c>
      <c r="D11288">
        <v>1</v>
      </c>
      <c r="E11288">
        <v>14559.6</v>
      </c>
      <c r="F11288">
        <v>37.7286</v>
      </c>
    </row>
    <row r="11289" spans="1:6" x14ac:dyDescent="0.25">
      <c r="A11289">
        <v>160.41</v>
      </c>
      <c r="B11289">
        <v>178.63</v>
      </c>
      <c r="C11289">
        <v>11072.7</v>
      </c>
      <c r="D11289">
        <v>1.3</v>
      </c>
      <c r="E11289">
        <v>13611.5</v>
      </c>
      <c r="F11289">
        <v>40.700099999999999</v>
      </c>
    </row>
    <row r="11290" spans="1:6" x14ac:dyDescent="0.25">
      <c r="A11290">
        <v>160.41</v>
      </c>
      <c r="B11290">
        <v>178.63</v>
      </c>
      <c r="C11290">
        <v>11072.7</v>
      </c>
      <c r="D11290">
        <v>1.6</v>
      </c>
      <c r="E11290">
        <v>13410.5</v>
      </c>
      <c r="F11290">
        <v>36.637099999999997</v>
      </c>
    </row>
    <row r="11291" spans="1:6" x14ac:dyDescent="0.25">
      <c r="A11291">
        <v>160.41</v>
      </c>
      <c r="B11291">
        <v>178.63</v>
      </c>
      <c r="C11291">
        <v>11072.7</v>
      </c>
      <c r="D11291">
        <v>1.9</v>
      </c>
      <c r="E11291">
        <v>12975.5</v>
      </c>
      <c r="F11291">
        <v>20.4754</v>
      </c>
    </row>
    <row r="11292" spans="1:6" x14ac:dyDescent="0.25">
      <c r="A11292">
        <v>160.41</v>
      </c>
      <c r="B11292">
        <v>178.63</v>
      </c>
      <c r="C11292">
        <v>11072.7</v>
      </c>
      <c r="D11292">
        <v>2.2000000000000002</v>
      </c>
      <c r="E11292">
        <v>12734.7</v>
      </c>
      <c r="F11292">
        <v>48.799300000000002</v>
      </c>
    </row>
    <row r="11293" spans="1:6" x14ac:dyDescent="0.25">
      <c r="A11293">
        <v>160.41</v>
      </c>
      <c r="B11293">
        <v>178.63</v>
      </c>
      <c r="C11293">
        <v>11072.7</v>
      </c>
      <c r="D11293">
        <v>2.5</v>
      </c>
      <c r="E11293">
        <v>12742.1</v>
      </c>
      <c r="F11293">
        <v>48.241100000000003</v>
      </c>
    </row>
    <row r="11294" spans="1:6" x14ac:dyDescent="0.25">
      <c r="A11294">
        <v>160.41</v>
      </c>
      <c r="B11294">
        <v>178.63</v>
      </c>
      <c r="C11294">
        <v>11072.7</v>
      </c>
      <c r="D11294">
        <v>2.8</v>
      </c>
      <c r="E11294">
        <v>12407.7</v>
      </c>
      <c r="F11294">
        <v>38.1128</v>
      </c>
    </row>
    <row r="11295" spans="1:6" x14ac:dyDescent="0.25">
      <c r="A11295">
        <v>160.41</v>
      </c>
      <c r="B11295">
        <v>178.63</v>
      </c>
      <c r="C11295">
        <v>11072.7</v>
      </c>
      <c r="D11295">
        <v>3.1</v>
      </c>
      <c r="E11295">
        <v>12364.6</v>
      </c>
      <c r="F11295">
        <v>22.291599999999999</v>
      </c>
    </row>
    <row r="11296" spans="1:6" x14ac:dyDescent="0.25">
      <c r="A11296">
        <v>160.41</v>
      </c>
      <c r="B11296">
        <v>178.63</v>
      </c>
      <c r="C11296">
        <v>11072.7</v>
      </c>
      <c r="D11296">
        <v>3.4</v>
      </c>
      <c r="E11296">
        <v>12364.1</v>
      </c>
      <c r="F11296">
        <v>22.236699999999999</v>
      </c>
    </row>
    <row r="11297" spans="1:6" x14ac:dyDescent="0.25">
      <c r="A11297">
        <v>160.41</v>
      </c>
      <c r="B11297">
        <v>178.63</v>
      </c>
      <c r="C11297">
        <v>11072.7</v>
      </c>
      <c r="D11297">
        <v>3.7</v>
      </c>
      <c r="E11297">
        <v>12141.8</v>
      </c>
      <c r="F11297">
        <v>22.8964</v>
      </c>
    </row>
    <row r="11298" spans="1:6" x14ac:dyDescent="0.25">
      <c r="A11298">
        <v>160.41</v>
      </c>
      <c r="B11298">
        <v>178.63</v>
      </c>
      <c r="C11298">
        <v>11072.7</v>
      </c>
      <c r="D11298">
        <v>4</v>
      </c>
      <c r="E11298">
        <v>12119.2</v>
      </c>
      <c r="F11298">
        <v>23.463799999999999</v>
      </c>
    </row>
    <row r="11299" spans="1:6" x14ac:dyDescent="0.25">
      <c r="A11299">
        <v>160.41</v>
      </c>
      <c r="B11299">
        <v>178.63</v>
      </c>
      <c r="C11299">
        <v>12618.2</v>
      </c>
      <c r="D11299">
        <v>1</v>
      </c>
      <c r="E11299">
        <v>15937.9</v>
      </c>
      <c r="F11299">
        <v>37.7286</v>
      </c>
    </row>
    <row r="11300" spans="1:6" x14ac:dyDescent="0.25">
      <c r="A11300">
        <v>160.41</v>
      </c>
      <c r="B11300">
        <v>178.63</v>
      </c>
      <c r="C11300">
        <v>12618.2</v>
      </c>
      <c r="D11300">
        <v>1.3</v>
      </c>
      <c r="E11300">
        <v>15041.1</v>
      </c>
      <c r="F11300">
        <v>40.700099999999999</v>
      </c>
    </row>
    <row r="11301" spans="1:6" x14ac:dyDescent="0.25">
      <c r="A11301">
        <v>160.41</v>
      </c>
      <c r="B11301">
        <v>178.63</v>
      </c>
      <c r="C11301">
        <v>12618.2</v>
      </c>
      <c r="D11301">
        <v>1.6</v>
      </c>
      <c r="E11301">
        <v>14593.5</v>
      </c>
      <c r="F11301">
        <v>36.637099999999997</v>
      </c>
    </row>
    <row r="11302" spans="1:6" x14ac:dyDescent="0.25">
      <c r="A11302">
        <v>160.41</v>
      </c>
      <c r="B11302">
        <v>178.63</v>
      </c>
      <c r="C11302">
        <v>12618.2</v>
      </c>
      <c r="D11302">
        <v>1.9</v>
      </c>
      <c r="E11302">
        <v>14407.4</v>
      </c>
      <c r="F11302">
        <v>20.4754</v>
      </c>
    </row>
    <row r="11303" spans="1:6" x14ac:dyDescent="0.25">
      <c r="A11303">
        <v>160.41</v>
      </c>
      <c r="B11303">
        <v>178.63</v>
      </c>
      <c r="C11303">
        <v>12618.2</v>
      </c>
      <c r="D11303">
        <v>2.2000000000000002</v>
      </c>
      <c r="E11303">
        <v>14169.4</v>
      </c>
      <c r="F11303">
        <v>48.799300000000002</v>
      </c>
    </row>
    <row r="11304" spans="1:6" x14ac:dyDescent="0.25">
      <c r="A11304">
        <v>160.41</v>
      </c>
      <c r="B11304">
        <v>178.63</v>
      </c>
      <c r="C11304">
        <v>12618.2</v>
      </c>
      <c r="D11304">
        <v>2.5</v>
      </c>
      <c r="E11304">
        <v>14036.6</v>
      </c>
      <c r="F11304">
        <v>48.241100000000003</v>
      </c>
    </row>
    <row r="11305" spans="1:6" x14ac:dyDescent="0.25">
      <c r="A11305">
        <v>160.41</v>
      </c>
      <c r="B11305">
        <v>178.63</v>
      </c>
      <c r="C11305">
        <v>12618.2</v>
      </c>
      <c r="D11305">
        <v>2.8</v>
      </c>
      <c r="E11305">
        <v>14026.9</v>
      </c>
      <c r="F11305">
        <v>38.1128</v>
      </c>
    </row>
    <row r="11306" spans="1:6" x14ac:dyDescent="0.25">
      <c r="A11306">
        <v>160.41</v>
      </c>
      <c r="B11306">
        <v>178.63</v>
      </c>
      <c r="C11306">
        <v>12618.2</v>
      </c>
      <c r="D11306">
        <v>3.1</v>
      </c>
      <c r="E11306">
        <v>13718.3</v>
      </c>
      <c r="F11306">
        <v>22.291599999999999</v>
      </c>
    </row>
    <row r="11307" spans="1:6" x14ac:dyDescent="0.25">
      <c r="A11307">
        <v>160.41</v>
      </c>
      <c r="B11307">
        <v>178.63</v>
      </c>
      <c r="C11307">
        <v>12618.2</v>
      </c>
      <c r="D11307">
        <v>3.4</v>
      </c>
      <c r="E11307">
        <v>13767.7</v>
      </c>
      <c r="F11307">
        <v>22.236699999999999</v>
      </c>
    </row>
    <row r="11308" spans="1:6" x14ac:dyDescent="0.25">
      <c r="A11308">
        <v>160.41</v>
      </c>
      <c r="B11308">
        <v>178.63</v>
      </c>
      <c r="C11308">
        <v>12618.2</v>
      </c>
      <c r="D11308">
        <v>3.7</v>
      </c>
      <c r="E11308">
        <v>13584.1</v>
      </c>
      <c r="F11308">
        <v>22.8964</v>
      </c>
    </row>
    <row r="11309" spans="1:6" x14ac:dyDescent="0.25">
      <c r="A11309">
        <v>160.41</v>
      </c>
      <c r="B11309">
        <v>178.63</v>
      </c>
      <c r="C11309">
        <v>12618.2</v>
      </c>
      <c r="D11309">
        <v>4</v>
      </c>
      <c r="E11309">
        <v>13567.7</v>
      </c>
      <c r="F11309">
        <v>23.463799999999999</v>
      </c>
    </row>
    <row r="11310" spans="1:6" x14ac:dyDescent="0.25">
      <c r="A11310">
        <v>160.41</v>
      </c>
      <c r="B11310">
        <v>178.63</v>
      </c>
      <c r="C11310">
        <v>14163.6</v>
      </c>
      <c r="D11310">
        <v>1</v>
      </c>
      <c r="E11310">
        <v>16312.8</v>
      </c>
      <c r="F11310">
        <v>37.7286</v>
      </c>
    </row>
    <row r="11311" spans="1:6" x14ac:dyDescent="0.25">
      <c r="A11311">
        <v>160.41</v>
      </c>
      <c r="B11311">
        <v>178.63</v>
      </c>
      <c r="C11311">
        <v>14163.6</v>
      </c>
      <c r="D11311">
        <v>1.3</v>
      </c>
      <c r="E11311">
        <v>15925.1</v>
      </c>
      <c r="F11311">
        <v>40.700099999999999</v>
      </c>
    </row>
    <row r="11312" spans="1:6" x14ac:dyDescent="0.25">
      <c r="A11312">
        <v>160.41</v>
      </c>
      <c r="B11312">
        <v>178.63</v>
      </c>
      <c r="C11312">
        <v>14163.6</v>
      </c>
      <c r="D11312">
        <v>1.6</v>
      </c>
      <c r="E11312">
        <v>15252.5</v>
      </c>
      <c r="F11312">
        <v>36.637099999999997</v>
      </c>
    </row>
    <row r="11313" spans="1:6" x14ac:dyDescent="0.25">
      <c r="A11313">
        <v>160.41</v>
      </c>
      <c r="B11313">
        <v>178.63</v>
      </c>
      <c r="C11313">
        <v>14163.6</v>
      </c>
      <c r="D11313">
        <v>1.9</v>
      </c>
      <c r="E11313">
        <v>15552.6</v>
      </c>
      <c r="F11313">
        <v>20.4754</v>
      </c>
    </row>
    <row r="11314" spans="1:6" x14ac:dyDescent="0.25">
      <c r="A11314">
        <v>160.41</v>
      </c>
      <c r="B11314">
        <v>178.63</v>
      </c>
      <c r="C11314">
        <v>14163.6</v>
      </c>
      <c r="D11314">
        <v>2.2000000000000002</v>
      </c>
      <c r="E11314">
        <v>15273.9</v>
      </c>
      <c r="F11314">
        <v>48.799300000000002</v>
      </c>
    </row>
    <row r="11315" spans="1:6" x14ac:dyDescent="0.25">
      <c r="A11315">
        <v>160.41</v>
      </c>
      <c r="B11315">
        <v>178.63</v>
      </c>
      <c r="C11315">
        <v>14163.6</v>
      </c>
      <c r="D11315">
        <v>2.5</v>
      </c>
      <c r="E11315">
        <v>15166.7</v>
      </c>
      <c r="F11315">
        <v>48.241100000000003</v>
      </c>
    </row>
    <row r="11316" spans="1:6" x14ac:dyDescent="0.25">
      <c r="A11316">
        <v>160.41</v>
      </c>
      <c r="B11316">
        <v>178.63</v>
      </c>
      <c r="C11316">
        <v>14163.6</v>
      </c>
      <c r="D11316">
        <v>2.8</v>
      </c>
      <c r="E11316">
        <v>15150.6</v>
      </c>
      <c r="F11316">
        <v>38.1128</v>
      </c>
    </row>
    <row r="11317" spans="1:6" x14ac:dyDescent="0.25">
      <c r="A11317">
        <v>160.41</v>
      </c>
      <c r="B11317">
        <v>178.63</v>
      </c>
      <c r="C11317">
        <v>14163.6</v>
      </c>
      <c r="D11317">
        <v>3.1</v>
      </c>
      <c r="E11317">
        <v>14938.7</v>
      </c>
      <c r="F11317">
        <v>22.291599999999999</v>
      </c>
    </row>
    <row r="11318" spans="1:6" x14ac:dyDescent="0.25">
      <c r="A11318">
        <v>160.41</v>
      </c>
      <c r="B11318">
        <v>178.63</v>
      </c>
      <c r="C11318">
        <v>14163.6</v>
      </c>
      <c r="D11318">
        <v>3.4</v>
      </c>
      <c r="E11318">
        <v>14827.4</v>
      </c>
      <c r="F11318">
        <v>22.236699999999999</v>
      </c>
    </row>
    <row r="11319" spans="1:6" x14ac:dyDescent="0.25">
      <c r="A11319">
        <v>160.41</v>
      </c>
      <c r="B11319">
        <v>178.63</v>
      </c>
      <c r="C11319">
        <v>14163.6</v>
      </c>
      <c r="D11319">
        <v>3.7</v>
      </c>
      <c r="E11319">
        <v>14787.8</v>
      </c>
      <c r="F11319">
        <v>22.8964</v>
      </c>
    </row>
    <row r="11320" spans="1:6" x14ac:dyDescent="0.25">
      <c r="A11320">
        <v>160.41</v>
      </c>
      <c r="B11320">
        <v>178.63</v>
      </c>
      <c r="C11320">
        <v>14163.6</v>
      </c>
      <c r="D11320">
        <v>4</v>
      </c>
      <c r="E11320">
        <v>14783.8</v>
      </c>
      <c r="F11320">
        <v>23.463799999999999</v>
      </c>
    </row>
    <row r="11321" spans="1:6" x14ac:dyDescent="0.25">
      <c r="A11321">
        <v>160.41</v>
      </c>
      <c r="B11321">
        <v>178.63</v>
      </c>
      <c r="C11321">
        <v>15709.1</v>
      </c>
      <c r="D11321">
        <v>1</v>
      </c>
      <c r="E11321">
        <v>17665.2</v>
      </c>
      <c r="F11321">
        <v>37.7286</v>
      </c>
    </row>
    <row r="11322" spans="1:6" x14ac:dyDescent="0.25">
      <c r="A11322">
        <v>160.41</v>
      </c>
      <c r="B11322">
        <v>178.63</v>
      </c>
      <c r="C11322">
        <v>15709.1</v>
      </c>
      <c r="D11322">
        <v>1.3</v>
      </c>
      <c r="E11322">
        <v>15925.1</v>
      </c>
      <c r="F11322">
        <v>40.700099999999999</v>
      </c>
    </row>
    <row r="11323" spans="1:6" x14ac:dyDescent="0.25">
      <c r="A11323">
        <v>160.41</v>
      </c>
      <c r="B11323">
        <v>178.63</v>
      </c>
      <c r="C11323">
        <v>15709.1</v>
      </c>
      <c r="D11323">
        <v>1.6</v>
      </c>
      <c r="E11323">
        <v>16549.400000000001</v>
      </c>
      <c r="F11323">
        <v>36.637099999999997</v>
      </c>
    </row>
    <row r="11324" spans="1:6" x14ac:dyDescent="0.25">
      <c r="A11324">
        <v>160.41</v>
      </c>
      <c r="B11324">
        <v>178.63</v>
      </c>
      <c r="C11324">
        <v>15709.1</v>
      </c>
      <c r="D11324">
        <v>1.9</v>
      </c>
      <c r="E11324">
        <v>15552.6</v>
      </c>
      <c r="F11324">
        <v>20.4754</v>
      </c>
    </row>
    <row r="11325" spans="1:6" x14ac:dyDescent="0.25">
      <c r="A11325">
        <v>160.41</v>
      </c>
      <c r="B11325">
        <v>178.63</v>
      </c>
      <c r="C11325">
        <v>15709.1</v>
      </c>
      <c r="D11325">
        <v>2.2000000000000002</v>
      </c>
      <c r="E11325">
        <v>16632.2</v>
      </c>
      <c r="F11325">
        <v>48.799300000000002</v>
      </c>
    </row>
    <row r="11326" spans="1:6" x14ac:dyDescent="0.25">
      <c r="A11326">
        <v>160.41</v>
      </c>
      <c r="B11326">
        <v>178.63</v>
      </c>
      <c r="C11326">
        <v>15709.1</v>
      </c>
      <c r="D11326">
        <v>2.5</v>
      </c>
      <c r="E11326">
        <v>15740.1</v>
      </c>
      <c r="F11326">
        <v>48.241100000000003</v>
      </c>
    </row>
    <row r="11327" spans="1:6" x14ac:dyDescent="0.25">
      <c r="A11327">
        <v>160.41</v>
      </c>
      <c r="B11327">
        <v>178.63</v>
      </c>
      <c r="C11327">
        <v>15709.1</v>
      </c>
      <c r="D11327">
        <v>2.8</v>
      </c>
      <c r="E11327">
        <v>15690.5</v>
      </c>
      <c r="F11327">
        <v>38.1128</v>
      </c>
    </row>
    <row r="11328" spans="1:6" x14ac:dyDescent="0.25">
      <c r="A11328">
        <v>160.41</v>
      </c>
      <c r="B11328">
        <v>178.63</v>
      </c>
      <c r="C11328">
        <v>15709.1</v>
      </c>
      <c r="D11328">
        <v>3.1</v>
      </c>
      <c r="E11328">
        <v>16383.8</v>
      </c>
      <c r="F11328">
        <v>22.291599999999999</v>
      </c>
    </row>
    <row r="11329" spans="1:6" x14ac:dyDescent="0.25">
      <c r="A11329">
        <v>160.41</v>
      </c>
      <c r="B11329">
        <v>178.63</v>
      </c>
      <c r="C11329">
        <v>15709.1</v>
      </c>
      <c r="D11329">
        <v>3.4</v>
      </c>
      <c r="E11329">
        <v>15056.3</v>
      </c>
      <c r="F11329">
        <v>22.236699999999999</v>
      </c>
    </row>
    <row r="11330" spans="1:6" x14ac:dyDescent="0.25">
      <c r="A11330">
        <v>160.41</v>
      </c>
      <c r="B11330">
        <v>178.63</v>
      </c>
      <c r="C11330">
        <v>15709.1</v>
      </c>
      <c r="D11330">
        <v>3.7</v>
      </c>
      <c r="E11330">
        <v>14787.8</v>
      </c>
      <c r="F11330">
        <v>22.8964</v>
      </c>
    </row>
    <row r="11331" spans="1:6" x14ac:dyDescent="0.25">
      <c r="A11331">
        <v>160.41</v>
      </c>
      <c r="B11331">
        <v>178.63</v>
      </c>
      <c r="C11331">
        <v>15709.1</v>
      </c>
      <c r="D11331">
        <v>4</v>
      </c>
      <c r="E11331">
        <v>14783.8</v>
      </c>
      <c r="F11331">
        <v>23.463799999999999</v>
      </c>
    </row>
    <row r="11332" spans="1:6" x14ac:dyDescent="0.25">
      <c r="A11332">
        <v>160.41</v>
      </c>
      <c r="B11332">
        <v>178.63</v>
      </c>
      <c r="C11332">
        <v>17254.5</v>
      </c>
      <c r="D11332">
        <v>1</v>
      </c>
      <c r="E11332">
        <v>17665.2</v>
      </c>
      <c r="F11332">
        <v>37.7286</v>
      </c>
    </row>
    <row r="11333" spans="1:6" x14ac:dyDescent="0.25">
      <c r="A11333">
        <v>160.41</v>
      </c>
      <c r="B11333">
        <v>178.63</v>
      </c>
      <c r="C11333">
        <v>17254.5</v>
      </c>
      <c r="D11333">
        <v>1.3</v>
      </c>
      <c r="E11333">
        <v>15925.1</v>
      </c>
      <c r="F11333">
        <v>40.700099999999999</v>
      </c>
    </row>
    <row r="11334" spans="1:6" x14ac:dyDescent="0.25">
      <c r="A11334">
        <v>160.41</v>
      </c>
      <c r="B11334">
        <v>178.63</v>
      </c>
      <c r="C11334">
        <v>17254.5</v>
      </c>
      <c r="D11334">
        <v>1.6</v>
      </c>
      <c r="E11334">
        <v>16549.400000000001</v>
      </c>
      <c r="F11334">
        <v>36.637099999999997</v>
      </c>
    </row>
    <row r="11335" spans="1:6" x14ac:dyDescent="0.25">
      <c r="A11335">
        <v>160.41</v>
      </c>
      <c r="B11335">
        <v>178.63</v>
      </c>
      <c r="C11335">
        <v>17254.5</v>
      </c>
      <c r="D11335">
        <v>1.9</v>
      </c>
      <c r="E11335">
        <v>15552.6</v>
      </c>
      <c r="F11335">
        <v>20.4754</v>
      </c>
    </row>
    <row r="11336" spans="1:6" x14ac:dyDescent="0.25">
      <c r="A11336">
        <v>160.41</v>
      </c>
      <c r="B11336">
        <v>178.63</v>
      </c>
      <c r="C11336">
        <v>17254.5</v>
      </c>
      <c r="D11336">
        <v>2.2000000000000002</v>
      </c>
      <c r="E11336">
        <v>16632.2</v>
      </c>
      <c r="F11336">
        <v>48.799300000000002</v>
      </c>
    </row>
    <row r="11337" spans="1:6" x14ac:dyDescent="0.25">
      <c r="A11337">
        <v>160.41</v>
      </c>
      <c r="B11337">
        <v>178.63</v>
      </c>
      <c r="C11337">
        <v>17254.5</v>
      </c>
      <c r="D11337">
        <v>2.5</v>
      </c>
      <c r="E11337">
        <v>17079</v>
      </c>
      <c r="F11337">
        <v>48.241100000000003</v>
      </c>
    </row>
    <row r="11338" spans="1:6" x14ac:dyDescent="0.25">
      <c r="A11338">
        <v>160.41</v>
      </c>
      <c r="B11338">
        <v>178.63</v>
      </c>
      <c r="C11338">
        <v>17254.5</v>
      </c>
      <c r="D11338">
        <v>2.8</v>
      </c>
      <c r="E11338">
        <v>15690.5</v>
      </c>
      <c r="F11338">
        <v>38.1128</v>
      </c>
    </row>
    <row r="11339" spans="1:6" x14ac:dyDescent="0.25">
      <c r="A11339">
        <v>160.41</v>
      </c>
      <c r="B11339">
        <v>178.63</v>
      </c>
      <c r="C11339">
        <v>17254.5</v>
      </c>
      <c r="D11339">
        <v>3.1</v>
      </c>
      <c r="E11339">
        <v>16383.8</v>
      </c>
      <c r="F11339">
        <v>22.291599999999999</v>
      </c>
    </row>
    <row r="11340" spans="1:6" x14ac:dyDescent="0.25">
      <c r="A11340">
        <v>160.41</v>
      </c>
      <c r="B11340">
        <v>178.63</v>
      </c>
      <c r="C11340">
        <v>17254.5</v>
      </c>
      <c r="D11340">
        <v>3.4</v>
      </c>
      <c r="E11340">
        <v>15056.3</v>
      </c>
      <c r="F11340">
        <v>22.236699999999999</v>
      </c>
    </row>
    <row r="11341" spans="1:6" x14ac:dyDescent="0.25">
      <c r="A11341">
        <v>160.41</v>
      </c>
      <c r="B11341">
        <v>178.63</v>
      </c>
      <c r="C11341">
        <v>17254.5</v>
      </c>
      <c r="D11341">
        <v>3.7</v>
      </c>
      <c r="E11341">
        <v>14787.8</v>
      </c>
      <c r="F11341">
        <v>22.8964</v>
      </c>
    </row>
    <row r="11342" spans="1:6" x14ac:dyDescent="0.25">
      <c r="A11342">
        <v>160.41</v>
      </c>
      <c r="B11342">
        <v>178.63</v>
      </c>
      <c r="C11342">
        <v>17254.5</v>
      </c>
      <c r="D11342">
        <v>4</v>
      </c>
      <c r="E11342">
        <v>14783.8</v>
      </c>
      <c r="F11342">
        <v>23.463799999999999</v>
      </c>
    </row>
    <row r="11343" spans="1:6" x14ac:dyDescent="0.25">
      <c r="A11343">
        <v>160.41</v>
      </c>
      <c r="B11343">
        <v>178.63</v>
      </c>
      <c r="C11343">
        <v>18800</v>
      </c>
      <c r="D11343">
        <v>1</v>
      </c>
      <c r="E11343">
        <v>17665.2</v>
      </c>
      <c r="F11343">
        <v>37.7286</v>
      </c>
    </row>
    <row r="11344" spans="1:6" x14ac:dyDescent="0.25">
      <c r="A11344">
        <v>160.41</v>
      </c>
      <c r="B11344">
        <v>178.63</v>
      </c>
      <c r="C11344">
        <v>18800</v>
      </c>
      <c r="D11344">
        <v>1.3</v>
      </c>
      <c r="E11344">
        <v>15925.1</v>
      </c>
      <c r="F11344">
        <v>40.700099999999999</v>
      </c>
    </row>
    <row r="11345" spans="1:6" x14ac:dyDescent="0.25">
      <c r="A11345">
        <v>160.41</v>
      </c>
      <c r="B11345">
        <v>178.63</v>
      </c>
      <c r="C11345">
        <v>18800</v>
      </c>
      <c r="D11345">
        <v>1.6</v>
      </c>
      <c r="E11345">
        <v>16549.400000000001</v>
      </c>
      <c r="F11345">
        <v>36.637099999999997</v>
      </c>
    </row>
    <row r="11346" spans="1:6" x14ac:dyDescent="0.25">
      <c r="A11346">
        <v>160.41</v>
      </c>
      <c r="B11346">
        <v>178.63</v>
      </c>
      <c r="C11346">
        <v>18800</v>
      </c>
      <c r="D11346">
        <v>1.9</v>
      </c>
      <c r="E11346">
        <v>15552.6</v>
      </c>
      <c r="F11346">
        <v>20.4754</v>
      </c>
    </row>
    <row r="11347" spans="1:6" x14ac:dyDescent="0.25">
      <c r="A11347">
        <v>160.41</v>
      </c>
      <c r="B11347">
        <v>178.63</v>
      </c>
      <c r="C11347">
        <v>18800</v>
      </c>
      <c r="D11347">
        <v>2.2000000000000002</v>
      </c>
      <c r="E11347">
        <v>16632.2</v>
      </c>
      <c r="F11347">
        <v>48.799300000000002</v>
      </c>
    </row>
    <row r="11348" spans="1:6" x14ac:dyDescent="0.25">
      <c r="A11348">
        <v>160.41</v>
      </c>
      <c r="B11348">
        <v>178.63</v>
      </c>
      <c r="C11348">
        <v>18800</v>
      </c>
      <c r="D11348">
        <v>2.5</v>
      </c>
      <c r="E11348">
        <v>17079</v>
      </c>
      <c r="F11348">
        <v>48.241100000000003</v>
      </c>
    </row>
    <row r="11349" spans="1:6" x14ac:dyDescent="0.25">
      <c r="A11349">
        <v>160.41</v>
      </c>
      <c r="B11349">
        <v>178.63</v>
      </c>
      <c r="C11349">
        <v>18800</v>
      </c>
      <c r="D11349">
        <v>2.8</v>
      </c>
      <c r="E11349">
        <v>15690.5</v>
      </c>
      <c r="F11349">
        <v>38.1128</v>
      </c>
    </row>
    <row r="11350" spans="1:6" x14ac:dyDescent="0.25">
      <c r="A11350">
        <v>160.41</v>
      </c>
      <c r="B11350">
        <v>178.63</v>
      </c>
      <c r="C11350">
        <v>18800</v>
      </c>
      <c r="D11350">
        <v>3.1</v>
      </c>
      <c r="E11350">
        <v>16383.8</v>
      </c>
      <c r="F11350">
        <v>22.291599999999999</v>
      </c>
    </row>
    <row r="11351" spans="1:6" x14ac:dyDescent="0.25">
      <c r="A11351">
        <v>160.41</v>
      </c>
      <c r="B11351">
        <v>178.63</v>
      </c>
      <c r="C11351">
        <v>18800</v>
      </c>
      <c r="D11351">
        <v>3.4</v>
      </c>
      <c r="E11351">
        <v>15056.3</v>
      </c>
      <c r="F11351">
        <v>22.236699999999999</v>
      </c>
    </row>
    <row r="11352" spans="1:6" x14ac:dyDescent="0.25">
      <c r="A11352">
        <v>160.41</v>
      </c>
      <c r="B11352">
        <v>178.63</v>
      </c>
      <c r="C11352">
        <v>18800</v>
      </c>
      <c r="D11352">
        <v>3.7</v>
      </c>
      <c r="E11352">
        <v>14787.8</v>
      </c>
      <c r="F11352">
        <v>22.8964</v>
      </c>
    </row>
    <row r="11353" spans="1:6" x14ac:dyDescent="0.25">
      <c r="A11353">
        <v>160.41</v>
      </c>
      <c r="B11353">
        <v>178.63</v>
      </c>
      <c r="C11353">
        <v>18800</v>
      </c>
      <c r="D11353">
        <v>4</v>
      </c>
      <c r="E11353">
        <v>14783.8</v>
      </c>
      <c r="F11353">
        <v>23.463799999999999</v>
      </c>
    </row>
    <row r="11354" spans="1:6" x14ac:dyDescent="0.25">
      <c r="A11354">
        <v>160.41</v>
      </c>
      <c r="B11354">
        <v>182.26</v>
      </c>
      <c r="C11354">
        <v>1800</v>
      </c>
      <c r="D11354">
        <v>1</v>
      </c>
      <c r="E11354">
        <v>5495.24</v>
      </c>
      <c r="F11354">
        <v>34.501300000000001</v>
      </c>
    </row>
    <row r="11355" spans="1:6" x14ac:dyDescent="0.25">
      <c r="A11355">
        <v>160.41</v>
      </c>
      <c r="B11355">
        <v>182.26</v>
      </c>
      <c r="C11355">
        <v>1800</v>
      </c>
      <c r="D11355">
        <v>1.3</v>
      </c>
      <c r="E11355">
        <v>4902.33</v>
      </c>
      <c r="F11355">
        <v>39.780700000000003</v>
      </c>
    </row>
    <row r="11356" spans="1:6" x14ac:dyDescent="0.25">
      <c r="A11356">
        <v>160.41</v>
      </c>
      <c r="B11356">
        <v>182.26</v>
      </c>
      <c r="C11356">
        <v>1800</v>
      </c>
      <c r="D11356">
        <v>1.6</v>
      </c>
      <c r="E11356">
        <v>4424.92</v>
      </c>
      <c r="F11356">
        <v>48.336500000000001</v>
      </c>
    </row>
    <row r="11357" spans="1:6" x14ac:dyDescent="0.25">
      <c r="A11357">
        <v>160.41</v>
      </c>
      <c r="B11357">
        <v>182.26</v>
      </c>
      <c r="C11357">
        <v>1800</v>
      </c>
      <c r="D11357">
        <v>1.9</v>
      </c>
      <c r="E11357">
        <v>4093.73</v>
      </c>
      <c r="F11357">
        <v>52.0398</v>
      </c>
    </row>
    <row r="11358" spans="1:6" x14ac:dyDescent="0.25">
      <c r="A11358">
        <v>160.41</v>
      </c>
      <c r="B11358">
        <v>182.26</v>
      </c>
      <c r="C11358">
        <v>1800</v>
      </c>
      <c r="D11358">
        <v>2.2000000000000002</v>
      </c>
      <c r="E11358">
        <v>3956.24</v>
      </c>
      <c r="F11358">
        <v>59.798400000000001</v>
      </c>
    </row>
    <row r="11359" spans="1:6" x14ac:dyDescent="0.25">
      <c r="A11359">
        <v>160.41</v>
      </c>
      <c r="B11359">
        <v>182.26</v>
      </c>
      <c r="C11359">
        <v>1800</v>
      </c>
      <c r="D11359">
        <v>2.5</v>
      </c>
      <c r="E11359">
        <v>3779.03</v>
      </c>
      <c r="F11359">
        <v>62.476399999999998</v>
      </c>
    </row>
    <row r="11360" spans="1:6" x14ac:dyDescent="0.25">
      <c r="A11360">
        <v>160.41</v>
      </c>
      <c r="B11360">
        <v>182.26</v>
      </c>
      <c r="C11360">
        <v>1800</v>
      </c>
      <c r="D11360">
        <v>2.8</v>
      </c>
      <c r="E11360">
        <v>3690.86</v>
      </c>
      <c r="F11360">
        <v>69.774799999999999</v>
      </c>
    </row>
    <row r="11361" spans="1:6" x14ac:dyDescent="0.25">
      <c r="A11361">
        <v>160.41</v>
      </c>
      <c r="B11361">
        <v>182.26</v>
      </c>
      <c r="C11361">
        <v>1800</v>
      </c>
      <c r="D11361">
        <v>3.1</v>
      </c>
      <c r="E11361">
        <v>3550</v>
      </c>
      <c r="F11361">
        <v>71.138199999999998</v>
      </c>
    </row>
    <row r="11362" spans="1:6" x14ac:dyDescent="0.25">
      <c r="A11362">
        <v>160.41</v>
      </c>
      <c r="B11362">
        <v>182.26</v>
      </c>
      <c r="C11362">
        <v>1800</v>
      </c>
      <c r="D11362">
        <v>3.4</v>
      </c>
      <c r="E11362">
        <v>3515.68</v>
      </c>
      <c r="F11362">
        <v>74.764499999999998</v>
      </c>
    </row>
    <row r="11363" spans="1:6" x14ac:dyDescent="0.25">
      <c r="A11363">
        <v>160.41</v>
      </c>
      <c r="B11363">
        <v>182.26</v>
      </c>
      <c r="C11363">
        <v>1800</v>
      </c>
      <c r="D11363">
        <v>3.7</v>
      </c>
      <c r="E11363">
        <v>3454.53</v>
      </c>
      <c r="F11363">
        <v>76.001800000000003</v>
      </c>
    </row>
    <row r="11364" spans="1:6" x14ac:dyDescent="0.25">
      <c r="A11364">
        <v>160.41</v>
      </c>
      <c r="B11364">
        <v>182.26</v>
      </c>
      <c r="C11364">
        <v>1800</v>
      </c>
      <c r="D11364">
        <v>4</v>
      </c>
      <c r="E11364">
        <v>3367.4</v>
      </c>
      <c r="F11364">
        <v>78.960999999999999</v>
      </c>
    </row>
    <row r="11365" spans="1:6" x14ac:dyDescent="0.25">
      <c r="A11365">
        <v>160.41</v>
      </c>
      <c r="B11365">
        <v>182.26</v>
      </c>
      <c r="C11365">
        <v>3345.45</v>
      </c>
      <c r="D11365">
        <v>1</v>
      </c>
      <c r="E11365">
        <v>6911.55</v>
      </c>
      <c r="F11365">
        <v>37.7286</v>
      </c>
    </row>
    <row r="11366" spans="1:6" x14ac:dyDescent="0.25">
      <c r="A11366">
        <v>160.41</v>
      </c>
      <c r="B11366">
        <v>182.26</v>
      </c>
      <c r="C11366">
        <v>3345.45</v>
      </c>
      <c r="D11366">
        <v>1.3</v>
      </c>
      <c r="E11366">
        <v>6198.66</v>
      </c>
      <c r="F11366">
        <v>40.700099999999999</v>
      </c>
    </row>
    <row r="11367" spans="1:6" x14ac:dyDescent="0.25">
      <c r="A11367">
        <v>160.41</v>
      </c>
      <c r="B11367">
        <v>182.26</v>
      </c>
      <c r="C11367">
        <v>3345.45</v>
      </c>
      <c r="D11367">
        <v>1.6</v>
      </c>
      <c r="E11367">
        <v>5648.48</v>
      </c>
      <c r="F11367">
        <v>36.637099999999997</v>
      </c>
    </row>
    <row r="11368" spans="1:6" x14ac:dyDescent="0.25">
      <c r="A11368">
        <v>160.41</v>
      </c>
      <c r="B11368">
        <v>182.26</v>
      </c>
      <c r="C11368">
        <v>3345.45</v>
      </c>
      <c r="D11368">
        <v>1.9</v>
      </c>
      <c r="E11368">
        <v>5397.31</v>
      </c>
      <c r="F11368">
        <v>20.4754</v>
      </c>
    </row>
    <row r="11369" spans="1:6" x14ac:dyDescent="0.25">
      <c r="A11369">
        <v>160.41</v>
      </c>
      <c r="B11369">
        <v>182.26</v>
      </c>
      <c r="C11369">
        <v>3345.45</v>
      </c>
      <c r="D11369">
        <v>2.2000000000000002</v>
      </c>
      <c r="E11369">
        <v>5056.1099999999997</v>
      </c>
      <c r="F11369">
        <v>48.799300000000002</v>
      </c>
    </row>
    <row r="11370" spans="1:6" x14ac:dyDescent="0.25">
      <c r="A11370">
        <v>160.41</v>
      </c>
      <c r="B11370">
        <v>182.26</v>
      </c>
      <c r="C11370">
        <v>3345.45</v>
      </c>
      <c r="D11370">
        <v>2.5</v>
      </c>
      <c r="E11370">
        <v>5061.54</v>
      </c>
      <c r="F11370">
        <v>48.241100000000003</v>
      </c>
    </row>
    <row r="11371" spans="1:6" x14ac:dyDescent="0.25">
      <c r="A11371">
        <v>160.41</v>
      </c>
      <c r="B11371">
        <v>182.26</v>
      </c>
      <c r="C11371">
        <v>3345.45</v>
      </c>
      <c r="D11371">
        <v>2.8</v>
      </c>
      <c r="E11371">
        <v>4900.92</v>
      </c>
      <c r="F11371">
        <v>38.1128</v>
      </c>
    </row>
    <row r="11372" spans="1:6" x14ac:dyDescent="0.25">
      <c r="A11372">
        <v>160.41</v>
      </c>
      <c r="B11372">
        <v>182.26</v>
      </c>
      <c r="C11372">
        <v>3345.45</v>
      </c>
      <c r="D11372">
        <v>3.1</v>
      </c>
      <c r="E11372">
        <v>4636.7</v>
      </c>
      <c r="F11372">
        <v>22.291599999999999</v>
      </c>
    </row>
    <row r="11373" spans="1:6" x14ac:dyDescent="0.25">
      <c r="A11373">
        <v>160.41</v>
      </c>
      <c r="B11373">
        <v>182.26</v>
      </c>
      <c r="C11373">
        <v>3345.45</v>
      </c>
      <c r="D11373">
        <v>3.4</v>
      </c>
      <c r="E11373">
        <v>4682.72</v>
      </c>
      <c r="F11373">
        <v>22.236699999999999</v>
      </c>
    </row>
    <row r="11374" spans="1:6" x14ac:dyDescent="0.25">
      <c r="A11374">
        <v>160.41</v>
      </c>
      <c r="B11374">
        <v>182.26</v>
      </c>
      <c r="C11374">
        <v>3345.45</v>
      </c>
      <c r="D11374">
        <v>3.7</v>
      </c>
      <c r="E11374">
        <v>4629.91</v>
      </c>
      <c r="F11374">
        <v>22.8964</v>
      </c>
    </row>
    <row r="11375" spans="1:6" x14ac:dyDescent="0.25">
      <c r="A11375">
        <v>160.41</v>
      </c>
      <c r="B11375">
        <v>182.26</v>
      </c>
      <c r="C11375">
        <v>3345.45</v>
      </c>
      <c r="D11375">
        <v>4</v>
      </c>
      <c r="E11375">
        <v>4531.6099999999997</v>
      </c>
      <c r="F11375">
        <v>23.463799999999999</v>
      </c>
    </row>
    <row r="11376" spans="1:6" x14ac:dyDescent="0.25">
      <c r="A11376">
        <v>160.41</v>
      </c>
      <c r="B11376">
        <v>182.26</v>
      </c>
      <c r="C11376">
        <v>4890.8999999999996</v>
      </c>
      <c r="D11376">
        <v>1</v>
      </c>
      <c r="E11376">
        <v>8612.16</v>
      </c>
      <c r="F11376">
        <v>37.7286</v>
      </c>
    </row>
    <row r="11377" spans="1:6" x14ac:dyDescent="0.25">
      <c r="A11377">
        <v>160.41</v>
      </c>
      <c r="B11377">
        <v>182.26</v>
      </c>
      <c r="C11377">
        <v>4890.8999999999996</v>
      </c>
      <c r="D11377">
        <v>1.3</v>
      </c>
      <c r="E11377">
        <v>7648.66</v>
      </c>
      <c r="F11377">
        <v>40.700099999999999</v>
      </c>
    </row>
    <row r="11378" spans="1:6" x14ac:dyDescent="0.25">
      <c r="A11378">
        <v>160.41</v>
      </c>
      <c r="B11378">
        <v>182.26</v>
      </c>
      <c r="C11378">
        <v>4890.8999999999996</v>
      </c>
      <c r="D11378">
        <v>1.6</v>
      </c>
      <c r="E11378">
        <v>7217.38</v>
      </c>
      <c r="F11378">
        <v>36.637099999999997</v>
      </c>
    </row>
    <row r="11379" spans="1:6" x14ac:dyDescent="0.25">
      <c r="A11379">
        <v>160.41</v>
      </c>
      <c r="B11379">
        <v>182.26</v>
      </c>
      <c r="C11379">
        <v>4890.8999999999996</v>
      </c>
      <c r="D11379">
        <v>1.9</v>
      </c>
      <c r="E11379">
        <v>6881.4</v>
      </c>
      <c r="F11379">
        <v>20.4754</v>
      </c>
    </row>
    <row r="11380" spans="1:6" x14ac:dyDescent="0.25">
      <c r="A11380">
        <v>160.41</v>
      </c>
      <c r="B11380">
        <v>182.26</v>
      </c>
      <c r="C11380">
        <v>4890.8999999999996</v>
      </c>
      <c r="D11380">
        <v>2.2000000000000002</v>
      </c>
      <c r="E11380">
        <v>6680.13</v>
      </c>
      <c r="F11380">
        <v>48.799300000000002</v>
      </c>
    </row>
    <row r="11381" spans="1:6" x14ac:dyDescent="0.25">
      <c r="A11381">
        <v>160.41</v>
      </c>
      <c r="B11381">
        <v>182.26</v>
      </c>
      <c r="C11381">
        <v>4890.8999999999996</v>
      </c>
      <c r="D11381">
        <v>2.5</v>
      </c>
      <c r="E11381">
        <v>6484.49</v>
      </c>
      <c r="F11381">
        <v>48.241100000000003</v>
      </c>
    </row>
    <row r="11382" spans="1:6" x14ac:dyDescent="0.25">
      <c r="A11382">
        <v>160.41</v>
      </c>
      <c r="B11382">
        <v>182.26</v>
      </c>
      <c r="C11382">
        <v>4890.8999999999996</v>
      </c>
      <c r="D11382">
        <v>2.8</v>
      </c>
      <c r="E11382">
        <v>6292.26</v>
      </c>
      <c r="F11382">
        <v>38.1128</v>
      </c>
    </row>
    <row r="11383" spans="1:6" x14ac:dyDescent="0.25">
      <c r="A11383">
        <v>160.41</v>
      </c>
      <c r="B11383">
        <v>182.26</v>
      </c>
      <c r="C11383">
        <v>4890.8999999999996</v>
      </c>
      <c r="D11383">
        <v>3.1</v>
      </c>
      <c r="E11383">
        <v>6363.02</v>
      </c>
      <c r="F11383">
        <v>22.291599999999999</v>
      </c>
    </row>
    <row r="11384" spans="1:6" x14ac:dyDescent="0.25">
      <c r="A11384">
        <v>160.41</v>
      </c>
      <c r="B11384">
        <v>182.26</v>
      </c>
      <c r="C11384">
        <v>4890.8999999999996</v>
      </c>
      <c r="D11384">
        <v>3.4</v>
      </c>
      <c r="E11384">
        <v>6128.08</v>
      </c>
      <c r="F11384">
        <v>22.236699999999999</v>
      </c>
    </row>
    <row r="11385" spans="1:6" x14ac:dyDescent="0.25">
      <c r="A11385">
        <v>160.41</v>
      </c>
      <c r="B11385">
        <v>182.26</v>
      </c>
      <c r="C11385">
        <v>4890.8999999999996</v>
      </c>
      <c r="D11385">
        <v>3.7</v>
      </c>
      <c r="E11385">
        <v>6046.41</v>
      </c>
      <c r="F11385">
        <v>22.8964</v>
      </c>
    </row>
    <row r="11386" spans="1:6" x14ac:dyDescent="0.25">
      <c r="A11386">
        <v>160.41</v>
      </c>
      <c r="B11386">
        <v>182.26</v>
      </c>
      <c r="C11386">
        <v>4890.8999999999996</v>
      </c>
      <c r="D11386">
        <v>4</v>
      </c>
      <c r="E11386">
        <v>6065.59</v>
      </c>
      <c r="F11386">
        <v>23.463799999999999</v>
      </c>
    </row>
    <row r="11387" spans="1:6" x14ac:dyDescent="0.25">
      <c r="A11387">
        <v>160.41</v>
      </c>
      <c r="B11387">
        <v>182.26</v>
      </c>
      <c r="C11387">
        <v>6436.35</v>
      </c>
      <c r="D11387">
        <v>1</v>
      </c>
      <c r="E11387">
        <v>9939.82</v>
      </c>
      <c r="F11387">
        <v>37.7286</v>
      </c>
    </row>
    <row r="11388" spans="1:6" x14ac:dyDescent="0.25">
      <c r="A11388">
        <v>160.41</v>
      </c>
      <c r="B11388">
        <v>182.26</v>
      </c>
      <c r="C11388">
        <v>6436.35</v>
      </c>
      <c r="D11388">
        <v>1.3</v>
      </c>
      <c r="E11388">
        <v>9360.19</v>
      </c>
      <c r="F11388">
        <v>40.700099999999999</v>
      </c>
    </row>
    <row r="11389" spans="1:6" x14ac:dyDescent="0.25">
      <c r="A11389">
        <v>160.41</v>
      </c>
      <c r="B11389">
        <v>182.26</v>
      </c>
      <c r="C11389">
        <v>6436.35</v>
      </c>
      <c r="D11389">
        <v>1.6</v>
      </c>
      <c r="E11389">
        <v>8642.7099999999991</v>
      </c>
      <c r="F11389">
        <v>36.637099999999997</v>
      </c>
    </row>
    <row r="11390" spans="1:6" x14ac:dyDescent="0.25">
      <c r="A11390">
        <v>160.41</v>
      </c>
      <c r="B11390">
        <v>182.26</v>
      </c>
      <c r="C11390">
        <v>6436.35</v>
      </c>
      <c r="D11390">
        <v>1.9</v>
      </c>
      <c r="E11390">
        <v>8480.41</v>
      </c>
      <c r="F11390">
        <v>20.4754</v>
      </c>
    </row>
    <row r="11391" spans="1:6" x14ac:dyDescent="0.25">
      <c r="A11391">
        <v>160.41</v>
      </c>
      <c r="B11391">
        <v>182.26</v>
      </c>
      <c r="C11391">
        <v>6436.35</v>
      </c>
      <c r="D11391">
        <v>2.2000000000000002</v>
      </c>
      <c r="E11391">
        <v>8256.9699999999993</v>
      </c>
      <c r="F11391">
        <v>48.799300000000002</v>
      </c>
    </row>
    <row r="11392" spans="1:6" x14ac:dyDescent="0.25">
      <c r="A11392">
        <v>160.41</v>
      </c>
      <c r="B11392">
        <v>182.26</v>
      </c>
      <c r="C11392">
        <v>6436.35</v>
      </c>
      <c r="D11392">
        <v>2.5</v>
      </c>
      <c r="E11392">
        <v>8063.26</v>
      </c>
      <c r="F11392">
        <v>48.241100000000003</v>
      </c>
    </row>
    <row r="11393" spans="1:6" x14ac:dyDescent="0.25">
      <c r="A11393">
        <v>160.41</v>
      </c>
      <c r="B11393">
        <v>182.26</v>
      </c>
      <c r="C11393">
        <v>6436.35</v>
      </c>
      <c r="D11393">
        <v>2.8</v>
      </c>
      <c r="E11393">
        <v>7896.68</v>
      </c>
      <c r="F11393">
        <v>38.1128</v>
      </c>
    </row>
    <row r="11394" spans="1:6" x14ac:dyDescent="0.25">
      <c r="A11394">
        <v>160.41</v>
      </c>
      <c r="B11394">
        <v>182.26</v>
      </c>
      <c r="C11394">
        <v>6436.35</v>
      </c>
      <c r="D11394">
        <v>3.1</v>
      </c>
      <c r="E11394">
        <v>7818.47</v>
      </c>
      <c r="F11394">
        <v>22.291599999999999</v>
      </c>
    </row>
    <row r="11395" spans="1:6" x14ac:dyDescent="0.25">
      <c r="A11395">
        <v>160.41</v>
      </c>
      <c r="B11395">
        <v>182.26</v>
      </c>
      <c r="C11395">
        <v>6436.35</v>
      </c>
      <c r="D11395">
        <v>3.4</v>
      </c>
      <c r="E11395">
        <v>7628.61</v>
      </c>
      <c r="F11395">
        <v>22.236699999999999</v>
      </c>
    </row>
    <row r="11396" spans="1:6" x14ac:dyDescent="0.25">
      <c r="A11396">
        <v>160.41</v>
      </c>
      <c r="B11396">
        <v>182.26</v>
      </c>
      <c r="C11396">
        <v>6436.35</v>
      </c>
      <c r="D11396">
        <v>3.7</v>
      </c>
      <c r="E11396">
        <v>7682.24</v>
      </c>
      <c r="F11396">
        <v>22.8964</v>
      </c>
    </row>
    <row r="11397" spans="1:6" x14ac:dyDescent="0.25">
      <c r="A11397">
        <v>160.41</v>
      </c>
      <c r="B11397">
        <v>182.26</v>
      </c>
      <c r="C11397">
        <v>6436.35</v>
      </c>
      <c r="D11397">
        <v>4</v>
      </c>
      <c r="E11397">
        <v>7466.52</v>
      </c>
      <c r="F11397">
        <v>23.463799999999999</v>
      </c>
    </row>
    <row r="11398" spans="1:6" x14ac:dyDescent="0.25">
      <c r="A11398">
        <v>160.41</v>
      </c>
      <c r="B11398">
        <v>182.26</v>
      </c>
      <c r="C11398">
        <v>7981.8</v>
      </c>
      <c r="D11398">
        <v>1</v>
      </c>
      <c r="E11398">
        <v>11483</v>
      </c>
      <c r="F11398">
        <v>37.7286</v>
      </c>
    </row>
    <row r="11399" spans="1:6" x14ac:dyDescent="0.25">
      <c r="A11399">
        <v>160.41</v>
      </c>
      <c r="B11399">
        <v>182.26</v>
      </c>
      <c r="C11399">
        <v>7981.8</v>
      </c>
      <c r="D11399">
        <v>1.3</v>
      </c>
      <c r="E11399">
        <v>10660.6</v>
      </c>
      <c r="F11399">
        <v>40.700099999999999</v>
      </c>
    </row>
    <row r="11400" spans="1:6" x14ac:dyDescent="0.25">
      <c r="A11400">
        <v>160.41</v>
      </c>
      <c r="B11400">
        <v>182.26</v>
      </c>
      <c r="C11400">
        <v>7981.8</v>
      </c>
      <c r="D11400">
        <v>1.6</v>
      </c>
      <c r="E11400">
        <v>10192.200000000001</v>
      </c>
      <c r="F11400">
        <v>36.637099999999997</v>
      </c>
    </row>
    <row r="11401" spans="1:6" x14ac:dyDescent="0.25">
      <c r="A11401">
        <v>160.41</v>
      </c>
      <c r="B11401">
        <v>182.26</v>
      </c>
      <c r="C11401">
        <v>7981.8</v>
      </c>
      <c r="D11401">
        <v>1.9</v>
      </c>
      <c r="E11401">
        <v>10052.299999999999</v>
      </c>
      <c r="F11401">
        <v>20.4754</v>
      </c>
    </row>
    <row r="11402" spans="1:6" x14ac:dyDescent="0.25">
      <c r="A11402">
        <v>160.41</v>
      </c>
      <c r="B11402">
        <v>182.26</v>
      </c>
      <c r="C11402">
        <v>7981.8</v>
      </c>
      <c r="D11402">
        <v>2.2000000000000002</v>
      </c>
      <c r="E11402">
        <v>9687.39</v>
      </c>
      <c r="F11402">
        <v>48.799300000000002</v>
      </c>
    </row>
    <row r="11403" spans="1:6" x14ac:dyDescent="0.25">
      <c r="A11403">
        <v>160.41</v>
      </c>
      <c r="B11403">
        <v>182.26</v>
      </c>
      <c r="C11403">
        <v>7981.8</v>
      </c>
      <c r="D11403">
        <v>2.5</v>
      </c>
      <c r="E11403">
        <v>9486.09</v>
      </c>
      <c r="F11403">
        <v>48.241100000000003</v>
      </c>
    </row>
    <row r="11404" spans="1:6" x14ac:dyDescent="0.25">
      <c r="A11404">
        <v>160.41</v>
      </c>
      <c r="B11404">
        <v>182.26</v>
      </c>
      <c r="C11404">
        <v>7981.8</v>
      </c>
      <c r="D11404">
        <v>2.8</v>
      </c>
      <c r="E11404">
        <v>9424.18</v>
      </c>
      <c r="F11404">
        <v>38.1128</v>
      </c>
    </row>
    <row r="11405" spans="1:6" x14ac:dyDescent="0.25">
      <c r="A11405">
        <v>160.41</v>
      </c>
      <c r="B11405">
        <v>182.26</v>
      </c>
      <c r="C11405">
        <v>7981.8</v>
      </c>
      <c r="D11405">
        <v>3.1</v>
      </c>
      <c r="E11405">
        <v>9215.64</v>
      </c>
      <c r="F11405">
        <v>22.291599999999999</v>
      </c>
    </row>
    <row r="11406" spans="1:6" x14ac:dyDescent="0.25">
      <c r="A11406">
        <v>160.41</v>
      </c>
      <c r="B11406">
        <v>182.26</v>
      </c>
      <c r="C11406">
        <v>7981.8</v>
      </c>
      <c r="D11406">
        <v>3.4</v>
      </c>
      <c r="E11406">
        <v>9274.26</v>
      </c>
      <c r="F11406">
        <v>22.236699999999999</v>
      </c>
    </row>
    <row r="11407" spans="1:6" x14ac:dyDescent="0.25">
      <c r="A11407">
        <v>160.41</v>
      </c>
      <c r="B11407">
        <v>182.26</v>
      </c>
      <c r="C11407">
        <v>7981.8</v>
      </c>
      <c r="D11407">
        <v>3.7</v>
      </c>
      <c r="E11407">
        <v>9189.51</v>
      </c>
      <c r="F11407">
        <v>22.8964</v>
      </c>
    </row>
    <row r="11408" spans="1:6" x14ac:dyDescent="0.25">
      <c r="A11408">
        <v>160.41</v>
      </c>
      <c r="B11408">
        <v>182.26</v>
      </c>
      <c r="C11408">
        <v>7981.8</v>
      </c>
      <c r="D11408">
        <v>4</v>
      </c>
      <c r="E11408">
        <v>8975.16</v>
      </c>
      <c r="F11408">
        <v>23.463799999999999</v>
      </c>
    </row>
    <row r="11409" spans="1:6" x14ac:dyDescent="0.25">
      <c r="A11409">
        <v>160.41</v>
      </c>
      <c r="B11409">
        <v>182.26</v>
      </c>
      <c r="C11409">
        <v>9527.25</v>
      </c>
      <c r="D11409">
        <v>1</v>
      </c>
      <c r="E11409">
        <v>13084.5</v>
      </c>
      <c r="F11409">
        <v>37.7286</v>
      </c>
    </row>
    <row r="11410" spans="1:6" x14ac:dyDescent="0.25">
      <c r="A11410">
        <v>160.41</v>
      </c>
      <c r="B11410">
        <v>182.26</v>
      </c>
      <c r="C11410">
        <v>9527.25</v>
      </c>
      <c r="D11410">
        <v>1.3</v>
      </c>
      <c r="E11410">
        <v>12181.8</v>
      </c>
      <c r="F11410">
        <v>40.700099999999999</v>
      </c>
    </row>
    <row r="11411" spans="1:6" x14ac:dyDescent="0.25">
      <c r="A11411">
        <v>160.41</v>
      </c>
      <c r="B11411">
        <v>182.26</v>
      </c>
      <c r="C11411">
        <v>9527.25</v>
      </c>
      <c r="D11411">
        <v>1.6</v>
      </c>
      <c r="E11411">
        <v>11865.9</v>
      </c>
      <c r="F11411">
        <v>36.637099999999997</v>
      </c>
    </row>
    <row r="11412" spans="1:6" x14ac:dyDescent="0.25">
      <c r="A11412">
        <v>160.41</v>
      </c>
      <c r="B11412">
        <v>182.26</v>
      </c>
      <c r="C11412">
        <v>9527.25</v>
      </c>
      <c r="D11412">
        <v>1.9</v>
      </c>
      <c r="E11412">
        <v>11544.9</v>
      </c>
      <c r="F11412">
        <v>20.4754</v>
      </c>
    </row>
    <row r="11413" spans="1:6" x14ac:dyDescent="0.25">
      <c r="A11413">
        <v>160.41</v>
      </c>
      <c r="B11413">
        <v>182.26</v>
      </c>
      <c r="C11413">
        <v>9527.25</v>
      </c>
      <c r="D11413">
        <v>2.2000000000000002</v>
      </c>
      <c r="E11413">
        <v>11160</v>
      </c>
      <c r="F11413">
        <v>48.799300000000002</v>
      </c>
    </row>
    <row r="11414" spans="1:6" x14ac:dyDescent="0.25">
      <c r="A11414">
        <v>160.41</v>
      </c>
      <c r="B11414">
        <v>182.26</v>
      </c>
      <c r="C11414">
        <v>9527.25</v>
      </c>
      <c r="D11414">
        <v>2.5</v>
      </c>
      <c r="E11414">
        <v>11138.1</v>
      </c>
      <c r="F11414">
        <v>48.241100000000003</v>
      </c>
    </row>
    <row r="11415" spans="1:6" x14ac:dyDescent="0.25">
      <c r="A11415">
        <v>160.41</v>
      </c>
      <c r="B11415">
        <v>182.26</v>
      </c>
      <c r="C11415">
        <v>9527.25</v>
      </c>
      <c r="D11415">
        <v>2.8</v>
      </c>
      <c r="E11415">
        <v>10923</v>
      </c>
      <c r="F11415">
        <v>38.1128</v>
      </c>
    </row>
    <row r="11416" spans="1:6" x14ac:dyDescent="0.25">
      <c r="A11416">
        <v>160.41</v>
      </c>
      <c r="B11416">
        <v>182.26</v>
      </c>
      <c r="C11416">
        <v>9527.25</v>
      </c>
      <c r="D11416">
        <v>3.1</v>
      </c>
      <c r="E11416">
        <v>10765.2</v>
      </c>
      <c r="F11416">
        <v>22.291599999999999</v>
      </c>
    </row>
    <row r="11417" spans="1:6" x14ac:dyDescent="0.25">
      <c r="A11417">
        <v>160.41</v>
      </c>
      <c r="B11417">
        <v>182.26</v>
      </c>
      <c r="C11417">
        <v>9527.25</v>
      </c>
      <c r="D11417">
        <v>3.4</v>
      </c>
      <c r="E11417">
        <v>10620.1</v>
      </c>
      <c r="F11417">
        <v>22.236699999999999</v>
      </c>
    </row>
    <row r="11418" spans="1:6" x14ac:dyDescent="0.25">
      <c r="A11418">
        <v>160.41</v>
      </c>
      <c r="B11418">
        <v>182.26</v>
      </c>
      <c r="C11418">
        <v>9527.25</v>
      </c>
      <c r="D11418">
        <v>3.7</v>
      </c>
      <c r="E11418">
        <v>10655.5</v>
      </c>
      <c r="F11418">
        <v>22.8964</v>
      </c>
    </row>
    <row r="11419" spans="1:6" x14ac:dyDescent="0.25">
      <c r="A11419">
        <v>160.41</v>
      </c>
      <c r="B11419">
        <v>182.26</v>
      </c>
      <c r="C11419">
        <v>9527.25</v>
      </c>
      <c r="D11419">
        <v>4</v>
      </c>
      <c r="E11419">
        <v>10559.2</v>
      </c>
      <c r="F11419">
        <v>23.463799999999999</v>
      </c>
    </row>
    <row r="11420" spans="1:6" x14ac:dyDescent="0.25">
      <c r="A11420">
        <v>160.41</v>
      </c>
      <c r="B11420">
        <v>182.26</v>
      </c>
      <c r="C11420">
        <v>11072.7</v>
      </c>
      <c r="D11420">
        <v>1</v>
      </c>
      <c r="E11420">
        <v>14568.7</v>
      </c>
      <c r="F11420">
        <v>37.7286</v>
      </c>
    </row>
    <row r="11421" spans="1:6" x14ac:dyDescent="0.25">
      <c r="A11421">
        <v>160.41</v>
      </c>
      <c r="B11421">
        <v>182.26</v>
      </c>
      <c r="C11421">
        <v>11072.7</v>
      </c>
      <c r="D11421">
        <v>1.3</v>
      </c>
      <c r="E11421">
        <v>13668.9</v>
      </c>
      <c r="F11421">
        <v>40.700099999999999</v>
      </c>
    </row>
    <row r="11422" spans="1:6" x14ac:dyDescent="0.25">
      <c r="A11422">
        <v>160.41</v>
      </c>
      <c r="B11422">
        <v>182.26</v>
      </c>
      <c r="C11422">
        <v>11072.7</v>
      </c>
      <c r="D11422">
        <v>1.6</v>
      </c>
      <c r="E11422">
        <v>13437.7</v>
      </c>
      <c r="F11422">
        <v>36.637099999999997</v>
      </c>
    </row>
    <row r="11423" spans="1:6" x14ac:dyDescent="0.25">
      <c r="A11423">
        <v>160.41</v>
      </c>
      <c r="B11423">
        <v>182.26</v>
      </c>
      <c r="C11423">
        <v>11072.7</v>
      </c>
      <c r="D11423">
        <v>1.9</v>
      </c>
      <c r="E11423">
        <v>13071.1</v>
      </c>
      <c r="F11423">
        <v>20.4754</v>
      </c>
    </row>
    <row r="11424" spans="1:6" x14ac:dyDescent="0.25">
      <c r="A11424">
        <v>160.41</v>
      </c>
      <c r="B11424">
        <v>182.26</v>
      </c>
      <c r="C11424">
        <v>11072.7</v>
      </c>
      <c r="D11424">
        <v>2.2000000000000002</v>
      </c>
      <c r="E11424">
        <v>12861.7</v>
      </c>
      <c r="F11424">
        <v>48.799300000000002</v>
      </c>
    </row>
    <row r="11425" spans="1:6" x14ac:dyDescent="0.25">
      <c r="A11425">
        <v>160.41</v>
      </c>
      <c r="B11425">
        <v>182.26</v>
      </c>
      <c r="C11425">
        <v>11072.7</v>
      </c>
      <c r="D11425">
        <v>2.5</v>
      </c>
      <c r="E11425">
        <v>12627.9</v>
      </c>
      <c r="F11425">
        <v>48.241100000000003</v>
      </c>
    </row>
    <row r="11426" spans="1:6" x14ac:dyDescent="0.25">
      <c r="A11426">
        <v>160.41</v>
      </c>
      <c r="B11426">
        <v>182.26</v>
      </c>
      <c r="C11426">
        <v>11072.7</v>
      </c>
      <c r="D11426">
        <v>2.8</v>
      </c>
      <c r="E11426">
        <v>12400.2</v>
      </c>
      <c r="F11426">
        <v>38.1128</v>
      </c>
    </row>
    <row r="11427" spans="1:6" x14ac:dyDescent="0.25">
      <c r="A11427">
        <v>160.41</v>
      </c>
      <c r="B11427">
        <v>182.26</v>
      </c>
      <c r="C11427">
        <v>11072.7</v>
      </c>
      <c r="D11427">
        <v>3.1</v>
      </c>
      <c r="E11427">
        <v>12215.3</v>
      </c>
      <c r="F11427">
        <v>22.291599999999999</v>
      </c>
    </row>
    <row r="11428" spans="1:6" x14ac:dyDescent="0.25">
      <c r="A11428">
        <v>160.41</v>
      </c>
      <c r="B11428">
        <v>182.26</v>
      </c>
      <c r="C11428">
        <v>11072.7</v>
      </c>
      <c r="D11428">
        <v>3.4</v>
      </c>
      <c r="E11428">
        <v>12277.3</v>
      </c>
      <c r="F11428">
        <v>22.236699999999999</v>
      </c>
    </row>
    <row r="11429" spans="1:6" x14ac:dyDescent="0.25">
      <c r="A11429">
        <v>160.41</v>
      </c>
      <c r="B11429">
        <v>182.26</v>
      </c>
      <c r="C11429">
        <v>11072.7</v>
      </c>
      <c r="D11429">
        <v>3.7</v>
      </c>
      <c r="E11429">
        <v>12056.9</v>
      </c>
      <c r="F11429">
        <v>22.8964</v>
      </c>
    </row>
    <row r="11430" spans="1:6" x14ac:dyDescent="0.25">
      <c r="A11430">
        <v>160.41</v>
      </c>
      <c r="B11430">
        <v>182.26</v>
      </c>
      <c r="C11430">
        <v>11072.7</v>
      </c>
      <c r="D11430">
        <v>4</v>
      </c>
      <c r="E11430">
        <v>12026.9</v>
      </c>
      <c r="F11430">
        <v>23.463799999999999</v>
      </c>
    </row>
    <row r="11431" spans="1:6" x14ac:dyDescent="0.25">
      <c r="A11431">
        <v>160.41</v>
      </c>
      <c r="B11431">
        <v>182.26</v>
      </c>
      <c r="C11431">
        <v>12618.2</v>
      </c>
      <c r="D11431">
        <v>1</v>
      </c>
      <c r="E11431">
        <v>16013.8</v>
      </c>
      <c r="F11431">
        <v>37.7286</v>
      </c>
    </row>
    <row r="11432" spans="1:6" x14ac:dyDescent="0.25">
      <c r="A11432">
        <v>160.41</v>
      </c>
      <c r="B11432">
        <v>182.26</v>
      </c>
      <c r="C11432">
        <v>12618.2</v>
      </c>
      <c r="D11432">
        <v>1.3</v>
      </c>
      <c r="E11432">
        <v>15215.4</v>
      </c>
      <c r="F11432">
        <v>40.700099999999999</v>
      </c>
    </row>
    <row r="11433" spans="1:6" x14ac:dyDescent="0.25">
      <c r="A11433">
        <v>160.41</v>
      </c>
      <c r="B11433">
        <v>182.26</v>
      </c>
      <c r="C11433">
        <v>12618.2</v>
      </c>
      <c r="D11433">
        <v>1.6</v>
      </c>
      <c r="E11433">
        <v>14607.6</v>
      </c>
      <c r="F11433">
        <v>36.637099999999997</v>
      </c>
    </row>
    <row r="11434" spans="1:6" x14ac:dyDescent="0.25">
      <c r="A11434">
        <v>160.41</v>
      </c>
      <c r="B11434">
        <v>182.26</v>
      </c>
      <c r="C11434">
        <v>12618.2</v>
      </c>
      <c r="D11434">
        <v>1.9</v>
      </c>
      <c r="E11434">
        <v>14415.9</v>
      </c>
      <c r="F11434">
        <v>20.4754</v>
      </c>
    </row>
    <row r="11435" spans="1:6" x14ac:dyDescent="0.25">
      <c r="A11435">
        <v>160.41</v>
      </c>
      <c r="B11435">
        <v>182.26</v>
      </c>
      <c r="C11435">
        <v>12618.2</v>
      </c>
      <c r="D11435">
        <v>2.2000000000000002</v>
      </c>
      <c r="E11435">
        <v>14279.9</v>
      </c>
      <c r="F11435">
        <v>48.799300000000002</v>
      </c>
    </row>
    <row r="11436" spans="1:6" x14ac:dyDescent="0.25">
      <c r="A11436">
        <v>160.41</v>
      </c>
      <c r="B11436">
        <v>182.26</v>
      </c>
      <c r="C11436">
        <v>12618.2</v>
      </c>
      <c r="D11436">
        <v>2.5</v>
      </c>
      <c r="E11436">
        <v>14153.8</v>
      </c>
      <c r="F11436">
        <v>48.241100000000003</v>
      </c>
    </row>
    <row r="11437" spans="1:6" x14ac:dyDescent="0.25">
      <c r="A11437">
        <v>160.41</v>
      </c>
      <c r="B11437">
        <v>182.26</v>
      </c>
      <c r="C11437">
        <v>12618.2</v>
      </c>
      <c r="D11437">
        <v>2.8</v>
      </c>
      <c r="E11437">
        <v>13840.6</v>
      </c>
      <c r="F11437">
        <v>38.1128</v>
      </c>
    </row>
    <row r="11438" spans="1:6" x14ac:dyDescent="0.25">
      <c r="A11438">
        <v>160.41</v>
      </c>
      <c r="B11438">
        <v>182.26</v>
      </c>
      <c r="C11438">
        <v>12618.2</v>
      </c>
      <c r="D11438">
        <v>3.1</v>
      </c>
      <c r="E11438">
        <v>13706.9</v>
      </c>
      <c r="F11438">
        <v>22.291599999999999</v>
      </c>
    </row>
    <row r="11439" spans="1:6" x14ac:dyDescent="0.25">
      <c r="A11439">
        <v>160.41</v>
      </c>
      <c r="B11439">
        <v>182.26</v>
      </c>
      <c r="C11439">
        <v>12618.2</v>
      </c>
      <c r="D11439">
        <v>3.4</v>
      </c>
      <c r="E11439">
        <v>13703.3</v>
      </c>
      <c r="F11439">
        <v>22.236699999999999</v>
      </c>
    </row>
    <row r="11440" spans="1:6" x14ac:dyDescent="0.25">
      <c r="A11440">
        <v>160.41</v>
      </c>
      <c r="B11440">
        <v>182.26</v>
      </c>
      <c r="C11440">
        <v>12618.2</v>
      </c>
      <c r="D11440">
        <v>3.7</v>
      </c>
      <c r="E11440">
        <v>13556.2</v>
      </c>
      <c r="F11440">
        <v>22.8964</v>
      </c>
    </row>
    <row r="11441" spans="1:6" x14ac:dyDescent="0.25">
      <c r="A11441">
        <v>160.41</v>
      </c>
      <c r="B11441">
        <v>182.26</v>
      </c>
      <c r="C11441">
        <v>12618.2</v>
      </c>
      <c r="D11441">
        <v>4</v>
      </c>
      <c r="E11441">
        <v>13585.4</v>
      </c>
      <c r="F11441">
        <v>23.463799999999999</v>
      </c>
    </row>
    <row r="11442" spans="1:6" x14ac:dyDescent="0.25">
      <c r="A11442">
        <v>160.41</v>
      </c>
      <c r="B11442">
        <v>182.26</v>
      </c>
      <c r="C11442">
        <v>14163.6</v>
      </c>
      <c r="D11442">
        <v>1</v>
      </c>
      <c r="E11442">
        <v>16312.8</v>
      </c>
      <c r="F11442">
        <v>37.7286</v>
      </c>
    </row>
    <row r="11443" spans="1:6" x14ac:dyDescent="0.25">
      <c r="A11443">
        <v>160.41</v>
      </c>
      <c r="B11443">
        <v>182.26</v>
      </c>
      <c r="C11443">
        <v>14163.6</v>
      </c>
      <c r="D11443">
        <v>1.3</v>
      </c>
      <c r="E11443">
        <v>15925.1</v>
      </c>
      <c r="F11443">
        <v>40.700099999999999</v>
      </c>
    </row>
    <row r="11444" spans="1:6" x14ac:dyDescent="0.25">
      <c r="A11444">
        <v>160.41</v>
      </c>
      <c r="B11444">
        <v>182.26</v>
      </c>
      <c r="C11444">
        <v>14163.6</v>
      </c>
      <c r="D11444">
        <v>1.6</v>
      </c>
      <c r="E11444">
        <v>15130</v>
      </c>
      <c r="F11444">
        <v>36.637099999999997</v>
      </c>
    </row>
    <row r="11445" spans="1:6" x14ac:dyDescent="0.25">
      <c r="A11445">
        <v>160.41</v>
      </c>
      <c r="B11445">
        <v>182.26</v>
      </c>
      <c r="C11445">
        <v>14163.6</v>
      </c>
      <c r="D11445">
        <v>1.9</v>
      </c>
      <c r="E11445">
        <v>15552.6</v>
      </c>
      <c r="F11445">
        <v>20.4754</v>
      </c>
    </row>
    <row r="11446" spans="1:6" x14ac:dyDescent="0.25">
      <c r="A11446">
        <v>160.41</v>
      </c>
      <c r="B11446">
        <v>182.26</v>
      </c>
      <c r="C11446">
        <v>14163.6</v>
      </c>
      <c r="D11446">
        <v>2.2000000000000002</v>
      </c>
      <c r="E11446">
        <v>15378.8</v>
      </c>
      <c r="F11446">
        <v>48.799300000000002</v>
      </c>
    </row>
    <row r="11447" spans="1:6" x14ac:dyDescent="0.25">
      <c r="A11447">
        <v>160.41</v>
      </c>
      <c r="B11447">
        <v>182.26</v>
      </c>
      <c r="C11447">
        <v>14163.6</v>
      </c>
      <c r="D11447">
        <v>2.5</v>
      </c>
      <c r="E11447">
        <v>15143.5</v>
      </c>
      <c r="F11447">
        <v>48.241100000000003</v>
      </c>
    </row>
    <row r="11448" spans="1:6" x14ac:dyDescent="0.25">
      <c r="A11448">
        <v>160.41</v>
      </c>
      <c r="B11448">
        <v>182.26</v>
      </c>
      <c r="C11448">
        <v>14163.6</v>
      </c>
      <c r="D11448">
        <v>2.8</v>
      </c>
      <c r="E11448">
        <v>14913.7</v>
      </c>
      <c r="F11448">
        <v>38.1128</v>
      </c>
    </row>
    <row r="11449" spans="1:6" x14ac:dyDescent="0.25">
      <c r="A11449">
        <v>160.41</v>
      </c>
      <c r="B11449">
        <v>182.26</v>
      </c>
      <c r="C11449">
        <v>14163.6</v>
      </c>
      <c r="D11449">
        <v>3.1</v>
      </c>
      <c r="E11449">
        <v>14802.9</v>
      </c>
      <c r="F11449">
        <v>22.291599999999999</v>
      </c>
    </row>
    <row r="11450" spans="1:6" x14ac:dyDescent="0.25">
      <c r="A11450">
        <v>160.41</v>
      </c>
      <c r="B11450">
        <v>182.26</v>
      </c>
      <c r="C11450">
        <v>14163.6</v>
      </c>
      <c r="D11450">
        <v>3.4</v>
      </c>
      <c r="E11450">
        <v>14933.9</v>
      </c>
      <c r="F11450">
        <v>22.236699999999999</v>
      </c>
    </row>
    <row r="11451" spans="1:6" x14ac:dyDescent="0.25">
      <c r="A11451">
        <v>160.41</v>
      </c>
      <c r="B11451">
        <v>182.26</v>
      </c>
      <c r="C11451">
        <v>14163.6</v>
      </c>
      <c r="D11451">
        <v>3.7</v>
      </c>
      <c r="E11451">
        <v>14787.8</v>
      </c>
      <c r="F11451">
        <v>22.8964</v>
      </c>
    </row>
    <row r="11452" spans="1:6" x14ac:dyDescent="0.25">
      <c r="A11452">
        <v>160.41</v>
      </c>
      <c r="B11452">
        <v>182.26</v>
      </c>
      <c r="C11452">
        <v>14163.6</v>
      </c>
      <c r="D11452">
        <v>4</v>
      </c>
      <c r="E11452">
        <v>14783.8</v>
      </c>
      <c r="F11452">
        <v>23.463799999999999</v>
      </c>
    </row>
    <row r="11453" spans="1:6" x14ac:dyDescent="0.25">
      <c r="A11453">
        <v>160.41</v>
      </c>
      <c r="B11453">
        <v>182.26</v>
      </c>
      <c r="C11453">
        <v>15709.1</v>
      </c>
      <c r="D11453">
        <v>1</v>
      </c>
      <c r="E11453">
        <v>17665.2</v>
      </c>
      <c r="F11453">
        <v>37.7286</v>
      </c>
    </row>
    <row r="11454" spans="1:6" x14ac:dyDescent="0.25">
      <c r="A11454">
        <v>160.41</v>
      </c>
      <c r="B11454">
        <v>182.26</v>
      </c>
      <c r="C11454">
        <v>15709.1</v>
      </c>
      <c r="D11454">
        <v>1.3</v>
      </c>
      <c r="E11454">
        <v>15925.1</v>
      </c>
      <c r="F11454">
        <v>40.700099999999999</v>
      </c>
    </row>
    <row r="11455" spans="1:6" x14ac:dyDescent="0.25">
      <c r="A11455">
        <v>160.41</v>
      </c>
      <c r="B11455">
        <v>182.26</v>
      </c>
      <c r="C11455">
        <v>15709.1</v>
      </c>
      <c r="D11455">
        <v>1.6</v>
      </c>
      <c r="E11455">
        <v>16549.400000000001</v>
      </c>
      <c r="F11455">
        <v>36.637099999999997</v>
      </c>
    </row>
    <row r="11456" spans="1:6" x14ac:dyDescent="0.25">
      <c r="A11456">
        <v>160.41</v>
      </c>
      <c r="B11456">
        <v>182.26</v>
      </c>
      <c r="C11456">
        <v>15709.1</v>
      </c>
      <c r="D11456">
        <v>1.9</v>
      </c>
      <c r="E11456">
        <v>15552.6</v>
      </c>
      <c r="F11456">
        <v>20.4754</v>
      </c>
    </row>
    <row r="11457" spans="1:6" x14ac:dyDescent="0.25">
      <c r="A11457">
        <v>160.41</v>
      </c>
      <c r="B11457">
        <v>182.26</v>
      </c>
      <c r="C11457">
        <v>15709.1</v>
      </c>
      <c r="D11457">
        <v>2.2000000000000002</v>
      </c>
      <c r="E11457">
        <v>16632.2</v>
      </c>
      <c r="F11457">
        <v>48.799300000000002</v>
      </c>
    </row>
    <row r="11458" spans="1:6" x14ac:dyDescent="0.25">
      <c r="A11458">
        <v>160.41</v>
      </c>
      <c r="B11458">
        <v>182.26</v>
      </c>
      <c r="C11458">
        <v>15709.1</v>
      </c>
      <c r="D11458">
        <v>2.5</v>
      </c>
      <c r="E11458">
        <v>15740.1</v>
      </c>
      <c r="F11458">
        <v>48.241100000000003</v>
      </c>
    </row>
    <row r="11459" spans="1:6" x14ac:dyDescent="0.25">
      <c r="A11459">
        <v>160.41</v>
      </c>
      <c r="B11459">
        <v>182.26</v>
      </c>
      <c r="C11459">
        <v>15709.1</v>
      </c>
      <c r="D11459">
        <v>2.8</v>
      </c>
      <c r="E11459">
        <v>15690.5</v>
      </c>
      <c r="F11459">
        <v>38.1128</v>
      </c>
    </row>
    <row r="11460" spans="1:6" x14ac:dyDescent="0.25">
      <c r="A11460">
        <v>160.41</v>
      </c>
      <c r="B11460">
        <v>182.26</v>
      </c>
      <c r="C11460">
        <v>15709.1</v>
      </c>
      <c r="D11460">
        <v>3.1</v>
      </c>
      <c r="E11460">
        <v>16383.8</v>
      </c>
      <c r="F11460">
        <v>22.291599999999999</v>
      </c>
    </row>
    <row r="11461" spans="1:6" x14ac:dyDescent="0.25">
      <c r="A11461">
        <v>160.41</v>
      </c>
      <c r="B11461">
        <v>182.26</v>
      </c>
      <c r="C11461">
        <v>15709.1</v>
      </c>
      <c r="D11461">
        <v>3.4</v>
      </c>
      <c r="E11461">
        <v>15056.3</v>
      </c>
      <c r="F11461">
        <v>22.236699999999999</v>
      </c>
    </row>
    <row r="11462" spans="1:6" x14ac:dyDescent="0.25">
      <c r="A11462">
        <v>160.41</v>
      </c>
      <c r="B11462">
        <v>182.26</v>
      </c>
      <c r="C11462">
        <v>15709.1</v>
      </c>
      <c r="D11462">
        <v>3.7</v>
      </c>
      <c r="E11462">
        <v>14787.8</v>
      </c>
      <c r="F11462">
        <v>22.8964</v>
      </c>
    </row>
    <row r="11463" spans="1:6" x14ac:dyDescent="0.25">
      <c r="A11463">
        <v>160.41</v>
      </c>
      <c r="B11463">
        <v>182.26</v>
      </c>
      <c r="C11463">
        <v>15709.1</v>
      </c>
      <c r="D11463">
        <v>4</v>
      </c>
      <c r="E11463">
        <v>14783.8</v>
      </c>
      <c r="F11463">
        <v>23.463799999999999</v>
      </c>
    </row>
    <row r="11464" spans="1:6" x14ac:dyDescent="0.25">
      <c r="A11464">
        <v>160.41</v>
      </c>
      <c r="B11464">
        <v>182.26</v>
      </c>
      <c r="C11464">
        <v>17254.5</v>
      </c>
      <c r="D11464">
        <v>1</v>
      </c>
      <c r="E11464">
        <v>17665.2</v>
      </c>
      <c r="F11464">
        <v>37.7286</v>
      </c>
    </row>
    <row r="11465" spans="1:6" x14ac:dyDescent="0.25">
      <c r="A11465">
        <v>160.41</v>
      </c>
      <c r="B11465">
        <v>182.26</v>
      </c>
      <c r="C11465">
        <v>17254.5</v>
      </c>
      <c r="D11465">
        <v>1.3</v>
      </c>
      <c r="E11465">
        <v>15925.1</v>
      </c>
      <c r="F11465">
        <v>40.700099999999999</v>
      </c>
    </row>
    <row r="11466" spans="1:6" x14ac:dyDescent="0.25">
      <c r="A11466">
        <v>160.41</v>
      </c>
      <c r="B11466">
        <v>182.26</v>
      </c>
      <c r="C11466">
        <v>17254.5</v>
      </c>
      <c r="D11466">
        <v>1.6</v>
      </c>
      <c r="E11466">
        <v>16549.400000000001</v>
      </c>
      <c r="F11466">
        <v>36.637099999999997</v>
      </c>
    </row>
    <row r="11467" spans="1:6" x14ac:dyDescent="0.25">
      <c r="A11467">
        <v>160.41</v>
      </c>
      <c r="B11467">
        <v>182.26</v>
      </c>
      <c r="C11467">
        <v>17254.5</v>
      </c>
      <c r="D11467">
        <v>1.9</v>
      </c>
      <c r="E11467">
        <v>15552.6</v>
      </c>
      <c r="F11467">
        <v>20.4754</v>
      </c>
    </row>
    <row r="11468" spans="1:6" x14ac:dyDescent="0.25">
      <c r="A11468">
        <v>160.41</v>
      </c>
      <c r="B11468">
        <v>182.26</v>
      </c>
      <c r="C11468">
        <v>17254.5</v>
      </c>
      <c r="D11468">
        <v>2.2000000000000002</v>
      </c>
      <c r="E11468">
        <v>16632.2</v>
      </c>
      <c r="F11468">
        <v>48.799300000000002</v>
      </c>
    </row>
    <row r="11469" spans="1:6" x14ac:dyDescent="0.25">
      <c r="A11469">
        <v>160.41</v>
      </c>
      <c r="B11469">
        <v>182.26</v>
      </c>
      <c r="C11469">
        <v>17254.5</v>
      </c>
      <c r="D11469">
        <v>2.5</v>
      </c>
      <c r="E11469">
        <v>17079</v>
      </c>
      <c r="F11469">
        <v>48.241100000000003</v>
      </c>
    </row>
    <row r="11470" spans="1:6" x14ac:dyDescent="0.25">
      <c r="A11470">
        <v>160.41</v>
      </c>
      <c r="B11470">
        <v>182.26</v>
      </c>
      <c r="C11470">
        <v>17254.5</v>
      </c>
      <c r="D11470">
        <v>2.8</v>
      </c>
      <c r="E11470">
        <v>15690.5</v>
      </c>
      <c r="F11470">
        <v>38.1128</v>
      </c>
    </row>
    <row r="11471" spans="1:6" x14ac:dyDescent="0.25">
      <c r="A11471">
        <v>160.41</v>
      </c>
      <c r="B11471">
        <v>182.26</v>
      </c>
      <c r="C11471">
        <v>17254.5</v>
      </c>
      <c r="D11471">
        <v>3.1</v>
      </c>
      <c r="E11471">
        <v>16383.8</v>
      </c>
      <c r="F11471">
        <v>22.291599999999999</v>
      </c>
    </row>
    <row r="11472" spans="1:6" x14ac:dyDescent="0.25">
      <c r="A11472">
        <v>160.41</v>
      </c>
      <c r="B11472">
        <v>182.26</v>
      </c>
      <c r="C11472">
        <v>17254.5</v>
      </c>
      <c r="D11472">
        <v>3.4</v>
      </c>
      <c r="E11472">
        <v>15056.3</v>
      </c>
      <c r="F11472">
        <v>22.236699999999999</v>
      </c>
    </row>
    <row r="11473" spans="1:6" x14ac:dyDescent="0.25">
      <c r="A11473">
        <v>160.41</v>
      </c>
      <c r="B11473">
        <v>182.26</v>
      </c>
      <c r="C11473">
        <v>17254.5</v>
      </c>
      <c r="D11473">
        <v>3.7</v>
      </c>
      <c r="E11473">
        <v>14787.8</v>
      </c>
      <c r="F11473">
        <v>22.8964</v>
      </c>
    </row>
    <row r="11474" spans="1:6" x14ac:dyDescent="0.25">
      <c r="A11474">
        <v>160.41</v>
      </c>
      <c r="B11474">
        <v>182.26</v>
      </c>
      <c r="C11474">
        <v>17254.5</v>
      </c>
      <c r="D11474">
        <v>4</v>
      </c>
      <c r="E11474">
        <v>14783.8</v>
      </c>
      <c r="F11474">
        <v>23.463799999999999</v>
      </c>
    </row>
    <row r="11475" spans="1:6" x14ac:dyDescent="0.25">
      <c r="A11475">
        <v>160.41</v>
      </c>
      <c r="B11475">
        <v>182.26</v>
      </c>
      <c r="C11475">
        <v>18800</v>
      </c>
      <c r="D11475">
        <v>1</v>
      </c>
      <c r="E11475">
        <v>17665.2</v>
      </c>
      <c r="F11475">
        <v>37.7286</v>
      </c>
    </row>
    <row r="11476" spans="1:6" x14ac:dyDescent="0.25">
      <c r="A11476">
        <v>160.41</v>
      </c>
      <c r="B11476">
        <v>182.26</v>
      </c>
      <c r="C11476">
        <v>18800</v>
      </c>
      <c r="D11476">
        <v>1.3</v>
      </c>
      <c r="E11476">
        <v>15925.1</v>
      </c>
      <c r="F11476">
        <v>40.700099999999999</v>
      </c>
    </row>
    <row r="11477" spans="1:6" x14ac:dyDescent="0.25">
      <c r="A11477">
        <v>160.41</v>
      </c>
      <c r="B11477">
        <v>182.26</v>
      </c>
      <c r="C11477">
        <v>18800</v>
      </c>
      <c r="D11477">
        <v>1.6</v>
      </c>
      <c r="E11477">
        <v>16549.400000000001</v>
      </c>
      <c r="F11477">
        <v>36.637099999999997</v>
      </c>
    </row>
    <row r="11478" spans="1:6" x14ac:dyDescent="0.25">
      <c r="A11478">
        <v>160.41</v>
      </c>
      <c r="B11478">
        <v>182.26</v>
      </c>
      <c r="C11478">
        <v>18800</v>
      </c>
      <c r="D11478">
        <v>1.9</v>
      </c>
      <c r="E11478">
        <v>15552.6</v>
      </c>
      <c r="F11478">
        <v>20.4754</v>
      </c>
    </row>
    <row r="11479" spans="1:6" x14ac:dyDescent="0.25">
      <c r="A11479">
        <v>160.41</v>
      </c>
      <c r="B11479">
        <v>182.26</v>
      </c>
      <c r="C11479">
        <v>18800</v>
      </c>
      <c r="D11479">
        <v>2.2000000000000002</v>
      </c>
      <c r="E11479">
        <v>16632.2</v>
      </c>
      <c r="F11479">
        <v>48.799300000000002</v>
      </c>
    </row>
    <row r="11480" spans="1:6" x14ac:dyDescent="0.25">
      <c r="A11480">
        <v>160.41</v>
      </c>
      <c r="B11480">
        <v>182.26</v>
      </c>
      <c r="C11480">
        <v>18800</v>
      </c>
      <c r="D11480">
        <v>2.5</v>
      </c>
      <c r="E11480">
        <v>17079</v>
      </c>
      <c r="F11480">
        <v>48.241100000000003</v>
      </c>
    </row>
    <row r="11481" spans="1:6" x14ac:dyDescent="0.25">
      <c r="A11481">
        <v>160.41</v>
      </c>
      <c r="B11481">
        <v>182.26</v>
      </c>
      <c r="C11481">
        <v>18800</v>
      </c>
      <c r="D11481">
        <v>2.8</v>
      </c>
      <c r="E11481">
        <v>15690.5</v>
      </c>
      <c r="F11481">
        <v>38.1128</v>
      </c>
    </row>
    <row r="11482" spans="1:6" x14ac:dyDescent="0.25">
      <c r="A11482">
        <v>160.41</v>
      </c>
      <c r="B11482">
        <v>182.26</v>
      </c>
      <c r="C11482">
        <v>18800</v>
      </c>
      <c r="D11482">
        <v>3.1</v>
      </c>
      <c r="E11482">
        <v>16383.8</v>
      </c>
      <c r="F11482">
        <v>22.291599999999999</v>
      </c>
    </row>
    <row r="11483" spans="1:6" x14ac:dyDescent="0.25">
      <c r="A11483">
        <v>160.41</v>
      </c>
      <c r="B11483">
        <v>182.26</v>
      </c>
      <c r="C11483">
        <v>18800</v>
      </c>
      <c r="D11483">
        <v>3.4</v>
      </c>
      <c r="E11483">
        <v>15056.3</v>
      </c>
      <c r="F11483">
        <v>22.236699999999999</v>
      </c>
    </row>
    <row r="11484" spans="1:6" x14ac:dyDescent="0.25">
      <c r="A11484">
        <v>160.41</v>
      </c>
      <c r="B11484">
        <v>182.26</v>
      </c>
      <c r="C11484">
        <v>18800</v>
      </c>
      <c r="D11484">
        <v>3.7</v>
      </c>
      <c r="E11484">
        <v>14787.8</v>
      </c>
      <c r="F11484">
        <v>22.8964</v>
      </c>
    </row>
    <row r="11485" spans="1:6" x14ac:dyDescent="0.25">
      <c r="A11485">
        <v>160.41</v>
      </c>
      <c r="B11485">
        <v>182.26</v>
      </c>
      <c r="C11485">
        <v>18800</v>
      </c>
      <c r="D11485">
        <v>4</v>
      </c>
      <c r="E11485">
        <v>14783.8</v>
      </c>
      <c r="F11485">
        <v>23.463799999999999</v>
      </c>
    </row>
    <row r="11486" spans="1:6" x14ac:dyDescent="0.25">
      <c r="A11486">
        <v>160.41</v>
      </c>
      <c r="B11486">
        <v>185.89</v>
      </c>
      <c r="C11486">
        <v>1800</v>
      </c>
      <c r="D11486">
        <v>1</v>
      </c>
      <c r="E11486">
        <v>5495.24</v>
      </c>
      <c r="F11486">
        <v>34.501300000000001</v>
      </c>
    </row>
    <row r="11487" spans="1:6" x14ac:dyDescent="0.25">
      <c r="A11487">
        <v>160.41</v>
      </c>
      <c r="B11487">
        <v>185.89</v>
      </c>
      <c r="C11487">
        <v>1800</v>
      </c>
      <c r="D11487">
        <v>1.3</v>
      </c>
      <c r="E11487">
        <v>4902.33</v>
      </c>
      <c r="F11487">
        <v>39.780700000000003</v>
      </c>
    </row>
    <row r="11488" spans="1:6" x14ac:dyDescent="0.25">
      <c r="A11488">
        <v>160.41</v>
      </c>
      <c r="B11488">
        <v>185.89</v>
      </c>
      <c r="C11488">
        <v>1800</v>
      </c>
      <c r="D11488">
        <v>1.6</v>
      </c>
      <c r="E11488">
        <v>4318.16</v>
      </c>
      <c r="F11488">
        <v>48.336500000000001</v>
      </c>
    </row>
    <row r="11489" spans="1:6" x14ac:dyDescent="0.25">
      <c r="A11489">
        <v>160.41</v>
      </c>
      <c r="B11489">
        <v>185.89</v>
      </c>
      <c r="C11489">
        <v>1800</v>
      </c>
      <c r="D11489">
        <v>1.9</v>
      </c>
      <c r="E11489">
        <v>4100.7700000000004</v>
      </c>
      <c r="F11489">
        <v>51.853499999999997</v>
      </c>
    </row>
    <row r="11490" spans="1:6" x14ac:dyDescent="0.25">
      <c r="A11490">
        <v>160.41</v>
      </c>
      <c r="B11490">
        <v>185.89</v>
      </c>
      <c r="C11490">
        <v>1800</v>
      </c>
      <c r="D11490">
        <v>2.2000000000000002</v>
      </c>
      <c r="E11490">
        <v>3892.53</v>
      </c>
      <c r="F11490">
        <v>57.158200000000001</v>
      </c>
    </row>
    <row r="11491" spans="1:6" x14ac:dyDescent="0.25">
      <c r="A11491">
        <v>160.41</v>
      </c>
      <c r="B11491">
        <v>185.89</v>
      </c>
      <c r="C11491">
        <v>1800</v>
      </c>
      <c r="D11491">
        <v>2.5</v>
      </c>
      <c r="E11491">
        <v>3702.17</v>
      </c>
      <c r="F11491">
        <v>59.698399999999999</v>
      </c>
    </row>
    <row r="11492" spans="1:6" x14ac:dyDescent="0.25">
      <c r="A11492">
        <v>160.41</v>
      </c>
      <c r="B11492">
        <v>185.89</v>
      </c>
      <c r="C11492">
        <v>1800</v>
      </c>
      <c r="D11492">
        <v>2.8</v>
      </c>
      <c r="E11492">
        <v>3618.6</v>
      </c>
      <c r="F11492">
        <v>67.412099999999995</v>
      </c>
    </row>
    <row r="11493" spans="1:6" x14ac:dyDescent="0.25">
      <c r="A11493">
        <v>160.41</v>
      </c>
      <c r="B11493">
        <v>185.89</v>
      </c>
      <c r="C11493">
        <v>1800</v>
      </c>
      <c r="D11493">
        <v>3.1</v>
      </c>
      <c r="E11493">
        <v>3548.73</v>
      </c>
      <c r="F11493">
        <v>68.878100000000003</v>
      </c>
    </row>
    <row r="11494" spans="1:6" x14ac:dyDescent="0.25">
      <c r="A11494">
        <v>160.41</v>
      </c>
      <c r="B11494">
        <v>185.89</v>
      </c>
      <c r="C11494">
        <v>1800</v>
      </c>
      <c r="D11494">
        <v>3.4</v>
      </c>
      <c r="E11494">
        <v>3433.2</v>
      </c>
      <c r="F11494">
        <v>73.58</v>
      </c>
    </row>
    <row r="11495" spans="1:6" x14ac:dyDescent="0.25">
      <c r="A11495">
        <v>160.41</v>
      </c>
      <c r="B11495">
        <v>185.89</v>
      </c>
      <c r="C11495">
        <v>1800</v>
      </c>
      <c r="D11495">
        <v>3.7</v>
      </c>
      <c r="E11495">
        <v>3361.1</v>
      </c>
      <c r="F11495">
        <v>74.953900000000004</v>
      </c>
    </row>
    <row r="11496" spans="1:6" x14ac:dyDescent="0.25">
      <c r="A11496">
        <v>160.41</v>
      </c>
      <c r="B11496">
        <v>185.89</v>
      </c>
      <c r="C11496">
        <v>1800</v>
      </c>
      <c r="D11496">
        <v>4</v>
      </c>
      <c r="E11496">
        <v>3350.87</v>
      </c>
      <c r="F11496">
        <v>77.891900000000007</v>
      </c>
    </row>
    <row r="11497" spans="1:6" x14ac:dyDescent="0.25">
      <c r="A11497">
        <v>160.41</v>
      </c>
      <c r="B11497">
        <v>185.89</v>
      </c>
      <c r="C11497">
        <v>3345.45</v>
      </c>
      <c r="D11497">
        <v>1</v>
      </c>
      <c r="E11497">
        <v>6911.55</v>
      </c>
      <c r="F11497">
        <v>37.7286</v>
      </c>
    </row>
    <row r="11498" spans="1:6" x14ac:dyDescent="0.25">
      <c r="A11498">
        <v>160.41</v>
      </c>
      <c r="B11498">
        <v>185.89</v>
      </c>
      <c r="C11498">
        <v>3345.45</v>
      </c>
      <c r="D11498">
        <v>1.3</v>
      </c>
      <c r="E11498">
        <v>6198.66</v>
      </c>
      <c r="F11498">
        <v>40.700099999999999</v>
      </c>
    </row>
    <row r="11499" spans="1:6" x14ac:dyDescent="0.25">
      <c r="A11499">
        <v>160.41</v>
      </c>
      <c r="B11499">
        <v>185.89</v>
      </c>
      <c r="C11499">
        <v>3345.45</v>
      </c>
      <c r="D11499">
        <v>1.6</v>
      </c>
      <c r="E11499">
        <v>5648.48</v>
      </c>
      <c r="F11499">
        <v>36.637099999999997</v>
      </c>
    </row>
    <row r="11500" spans="1:6" x14ac:dyDescent="0.25">
      <c r="A11500">
        <v>160.41</v>
      </c>
      <c r="B11500">
        <v>185.89</v>
      </c>
      <c r="C11500">
        <v>3345.45</v>
      </c>
      <c r="D11500">
        <v>1.9</v>
      </c>
      <c r="E11500">
        <v>5397.31</v>
      </c>
      <c r="F11500">
        <v>20.4754</v>
      </c>
    </row>
    <row r="11501" spans="1:6" x14ac:dyDescent="0.25">
      <c r="A11501">
        <v>160.41</v>
      </c>
      <c r="B11501">
        <v>185.89</v>
      </c>
      <c r="C11501">
        <v>3345.45</v>
      </c>
      <c r="D11501">
        <v>2.2000000000000002</v>
      </c>
      <c r="E11501">
        <v>5056.1099999999997</v>
      </c>
      <c r="F11501">
        <v>48.799300000000002</v>
      </c>
    </row>
    <row r="11502" spans="1:6" x14ac:dyDescent="0.25">
      <c r="A11502">
        <v>160.41</v>
      </c>
      <c r="B11502">
        <v>185.89</v>
      </c>
      <c r="C11502">
        <v>3345.45</v>
      </c>
      <c r="D11502">
        <v>2.5</v>
      </c>
      <c r="E11502">
        <v>5061.54</v>
      </c>
      <c r="F11502">
        <v>48.241100000000003</v>
      </c>
    </row>
    <row r="11503" spans="1:6" x14ac:dyDescent="0.25">
      <c r="A11503">
        <v>160.41</v>
      </c>
      <c r="B11503">
        <v>185.89</v>
      </c>
      <c r="C11503">
        <v>3345.45</v>
      </c>
      <c r="D11503">
        <v>2.8</v>
      </c>
      <c r="E11503">
        <v>4900.92</v>
      </c>
      <c r="F11503">
        <v>38.1128</v>
      </c>
    </row>
    <row r="11504" spans="1:6" x14ac:dyDescent="0.25">
      <c r="A11504">
        <v>160.41</v>
      </c>
      <c r="B11504">
        <v>185.89</v>
      </c>
      <c r="C11504">
        <v>3345.45</v>
      </c>
      <c r="D11504">
        <v>3.1</v>
      </c>
      <c r="E11504">
        <v>4638.33</v>
      </c>
      <c r="F11504">
        <v>22.291599999999999</v>
      </c>
    </row>
    <row r="11505" spans="1:6" x14ac:dyDescent="0.25">
      <c r="A11505">
        <v>160.41</v>
      </c>
      <c r="B11505">
        <v>185.89</v>
      </c>
      <c r="C11505">
        <v>3345.45</v>
      </c>
      <c r="D11505">
        <v>3.4</v>
      </c>
      <c r="E11505">
        <v>4690.28</v>
      </c>
      <c r="F11505">
        <v>22.236699999999999</v>
      </c>
    </row>
    <row r="11506" spans="1:6" x14ac:dyDescent="0.25">
      <c r="A11506">
        <v>160.41</v>
      </c>
      <c r="B11506">
        <v>185.89</v>
      </c>
      <c r="C11506">
        <v>3345.45</v>
      </c>
      <c r="D11506">
        <v>3.7</v>
      </c>
      <c r="E11506">
        <v>4629.91</v>
      </c>
      <c r="F11506">
        <v>22.8964</v>
      </c>
    </row>
    <row r="11507" spans="1:6" x14ac:dyDescent="0.25">
      <c r="A11507">
        <v>160.41</v>
      </c>
      <c r="B11507">
        <v>185.89</v>
      </c>
      <c r="C11507">
        <v>3345.45</v>
      </c>
      <c r="D11507">
        <v>4</v>
      </c>
      <c r="E11507">
        <v>4531.6099999999997</v>
      </c>
      <c r="F11507">
        <v>23.463799999999999</v>
      </c>
    </row>
    <row r="11508" spans="1:6" x14ac:dyDescent="0.25">
      <c r="A11508">
        <v>160.41</v>
      </c>
      <c r="B11508">
        <v>185.89</v>
      </c>
      <c r="C11508">
        <v>4890.8999999999996</v>
      </c>
      <c r="D11508">
        <v>1</v>
      </c>
      <c r="E11508">
        <v>8612.16</v>
      </c>
      <c r="F11508">
        <v>37.7286</v>
      </c>
    </row>
    <row r="11509" spans="1:6" x14ac:dyDescent="0.25">
      <c r="A11509">
        <v>160.41</v>
      </c>
      <c r="B11509">
        <v>185.89</v>
      </c>
      <c r="C11509">
        <v>4890.8999999999996</v>
      </c>
      <c r="D11509">
        <v>1.3</v>
      </c>
      <c r="E11509">
        <v>7648.66</v>
      </c>
      <c r="F11509">
        <v>40.700099999999999</v>
      </c>
    </row>
    <row r="11510" spans="1:6" x14ac:dyDescent="0.25">
      <c r="A11510">
        <v>160.41</v>
      </c>
      <c r="B11510">
        <v>185.89</v>
      </c>
      <c r="C11510">
        <v>4890.8999999999996</v>
      </c>
      <c r="D11510">
        <v>1.6</v>
      </c>
      <c r="E11510">
        <v>7217.38</v>
      </c>
      <c r="F11510">
        <v>36.637099999999997</v>
      </c>
    </row>
    <row r="11511" spans="1:6" x14ac:dyDescent="0.25">
      <c r="A11511">
        <v>160.41</v>
      </c>
      <c r="B11511">
        <v>185.89</v>
      </c>
      <c r="C11511">
        <v>4890.8999999999996</v>
      </c>
      <c r="D11511">
        <v>1.9</v>
      </c>
      <c r="E11511">
        <v>6881.4</v>
      </c>
      <c r="F11511">
        <v>20.4754</v>
      </c>
    </row>
    <row r="11512" spans="1:6" x14ac:dyDescent="0.25">
      <c r="A11512">
        <v>160.41</v>
      </c>
      <c r="B11512">
        <v>185.89</v>
      </c>
      <c r="C11512">
        <v>4890.8999999999996</v>
      </c>
      <c r="D11512">
        <v>2.2000000000000002</v>
      </c>
      <c r="E11512">
        <v>6760.06</v>
      </c>
      <c r="F11512">
        <v>48.799300000000002</v>
      </c>
    </row>
    <row r="11513" spans="1:6" x14ac:dyDescent="0.25">
      <c r="A11513">
        <v>160.41</v>
      </c>
      <c r="B11513">
        <v>185.89</v>
      </c>
      <c r="C11513">
        <v>4890.8999999999996</v>
      </c>
      <c r="D11513">
        <v>2.5</v>
      </c>
      <c r="E11513">
        <v>6484.49</v>
      </c>
      <c r="F11513">
        <v>48.241100000000003</v>
      </c>
    </row>
    <row r="11514" spans="1:6" x14ac:dyDescent="0.25">
      <c r="A11514">
        <v>160.41</v>
      </c>
      <c r="B11514">
        <v>185.89</v>
      </c>
      <c r="C11514">
        <v>4890.8999999999996</v>
      </c>
      <c r="D11514">
        <v>2.8</v>
      </c>
      <c r="E11514">
        <v>6292.26</v>
      </c>
      <c r="F11514">
        <v>38.1128</v>
      </c>
    </row>
    <row r="11515" spans="1:6" x14ac:dyDescent="0.25">
      <c r="A11515">
        <v>160.41</v>
      </c>
      <c r="B11515">
        <v>185.89</v>
      </c>
      <c r="C11515">
        <v>4890.8999999999996</v>
      </c>
      <c r="D11515">
        <v>3.1</v>
      </c>
      <c r="E11515">
        <v>6241.42</v>
      </c>
      <c r="F11515">
        <v>22.291599999999999</v>
      </c>
    </row>
    <row r="11516" spans="1:6" x14ac:dyDescent="0.25">
      <c r="A11516">
        <v>160.41</v>
      </c>
      <c r="B11516">
        <v>185.89</v>
      </c>
      <c r="C11516">
        <v>4890.8999999999996</v>
      </c>
      <c r="D11516">
        <v>3.4</v>
      </c>
      <c r="E11516">
        <v>6135.24</v>
      </c>
      <c r="F11516">
        <v>22.236699999999999</v>
      </c>
    </row>
    <row r="11517" spans="1:6" x14ac:dyDescent="0.25">
      <c r="A11517">
        <v>160.41</v>
      </c>
      <c r="B11517">
        <v>185.89</v>
      </c>
      <c r="C11517">
        <v>4890.8999999999996</v>
      </c>
      <c r="D11517">
        <v>3.7</v>
      </c>
      <c r="E11517">
        <v>6042.25</v>
      </c>
      <c r="F11517">
        <v>22.8964</v>
      </c>
    </row>
    <row r="11518" spans="1:6" x14ac:dyDescent="0.25">
      <c r="A11518">
        <v>160.41</v>
      </c>
      <c r="B11518">
        <v>185.89</v>
      </c>
      <c r="C11518">
        <v>4890.8999999999996</v>
      </c>
      <c r="D11518">
        <v>4</v>
      </c>
      <c r="E11518">
        <v>6025.01</v>
      </c>
      <c r="F11518">
        <v>23.463799999999999</v>
      </c>
    </row>
    <row r="11519" spans="1:6" x14ac:dyDescent="0.25">
      <c r="A11519">
        <v>160.41</v>
      </c>
      <c r="B11519">
        <v>185.89</v>
      </c>
      <c r="C11519">
        <v>6436.35</v>
      </c>
      <c r="D11519">
        <v>1</v>
      </c>
      <c r="E11519">
        <v>9939.82</v>
      </c>
      <c r="F11519">
        <v>37.7286</v>
      </c>
    </row>
    <row r="11520" spans="1:6" x14ac:dyDescent="0.25">
      <c r="A11520">
        <v>160.41</v>
      </c>
      <c r="B11520">
        <v>185.89</v>
      </c>
      <c r="C11520">
        <v>6436.35</v>
      </c>
      <c r="D11520">
        <v>1.3</v>
      </c>
      <c r="E11520">
        <v>9230.75</v>
      </c>
      <c r="F11520">
        <v>40.700099999999999</v>
      </c>
    </row>
    <row r="11521" spans="1:6" x14ac:dyDescent="0.25">
      <c r="A11521">
        <v>160.41</v>
      </c>
      <c r="B11521">
        <v>185.89</v>
      </c>
      <c r="C11521">
        <v>6436.35</v>
      </c>
      <c r="D11521">
        <v>1.6</v>
      </c>
      <c r="E11521">
        <v>8642.7099999999991</v>
      </c>
      <c r="F11521">
        <v>36.637099999999997</v>
      </c>
    </row>
    <row r="11522" spans="1:6" x14ac:dyDescent="0.25">
      <c r="A11522">
        <v>160.41</v>
      </c>
      <c r="B11522">
        <v>185.89</v>
      </c>
      <c r="C11522">
        <v>6436.35</v>
      </c>
      <c r="D11522">
        <v>1.9</v>
      </c>
      <c r="E11522">
        <v>8480.41</v>
      </c>
      <c r="F11522">
        <v>20.4754</v>
      </c>
    </row>
    <row r="11523" spans="1:6" x14ac:dyDescent="0.25">
      <c r="A11523">
        <v>160.41</v>
      </c>
      <c r="B11523">
        <v>185.89</v>
      </c>
      <c r="C11523">
        <v>6436.35</v>
      </c>
      <c r="D11523">
        <v>2.2000000000000002</v>
      </c>
      <c r="E11523">
        <v>8239.99</v>
      </c>
      <c r="F11523">
        <v>48.799300000000002</v>
      </c>
    </row>
    <row r="11524" spans="1:6" x14ac:dyDescent="0.25">
      <c r="A11524">
        <v>160.41</v>
      </c>
      <c r="B11524">
        <v>185.89</v>
      </c>
      <c r="C11524">
        <v>6436.35</v>
      </c>
      <c r="D11524">
        <v>2.5</v>
      </c>
      <c r="E11524">
        <v>8071.98</v>
      </c>
      <c r="F11524">
        <v>48.241100000000003</v>
      </c>
    </row>
    <row r="11525" spans="1:6" x14ac:dyDescent="0.25">
      <c r="A11525">
        <v>160.41</v>
      </c>
      <c r="B11525">
        <v>185.89</v>
      </c>
      <c r="C11525">
        <v>6436.35</v>
      </c>
      <c r="D11525">
        <v>2.8</v>
      </c>
      <c r="E11525">
        <v>7841.14</v>
      </c>
      <c r="F11525">
        <v>38.1128</v>
      </c>
    </row>
    <row r="11526" spans="1:6" x14ac:dyDescent="0.25">
      <c r="A11526">
        <v>160.41</v>
      </c>
      <c r="B11526">
        <v>185.89</v>
      </c>
      <c r="C11526">
        <v>6436.35</v>
      </c>
      <c r="D11526">
        <v>3.1</v>
      </c>
      <c r="E11526">
        <v>7798.81</v>
      </c>
      <c r="F11526">
        <v>22.291599999999999</v>
      </c>
    </row>
    <row r="11527" spans="1:6" x14ac:dyDescent="0.25">
      <c r="A11527">
        <v>160.41</v>
      </c>
      <c r="B11527">
        <v>185.89</v>
      </c>
      <c r="C11527">
        <v>6436.35</v>
      </c>
      <c r="D11527">
        <v>3.4</v>
      </c>
      <c r="E11527">
        <v>7603.34</v>
      </c>
      <c r="F11527">
        <v>22.236699999999999</v>
      </c>
    </row>
    <row r="11528" spans="1:6" x14ac:dyDescent="0.25">
      <c r="A11528">
        <v>160.41</v>
      </c>
      <c r="B11528">
        <v>185.89</v>
      </c>
      <c r="C11528">
        <v>6436.35</v>
      </c>
      <c r="D11528">
        <v>3.7</v>
      </c>
      <c r="E11528">
        <v>7561.7</v>
      </c>
      <c r="F11528">
        <v>22.8964</v>
      </c>
    </row>
    <row r="11529" spans="1:6" x14ac:dyDescent="0.25">
      <c r="A11529">
        <v>160.41</v>
      </c>
      <c r="B11529">
        <v>185.89</v>
      </c>
      <c r="C11529">
        <v>6436.35</v>
      </c>
      <c r="D11529">
        <v>4</v>
      </c>
      <c r="E11529">
        <v>7601.8</v>
      </c>
      <c r="F11529">
        <v>23.463799999999999</v>
      </c>
    </row>
    <row r="11530" spans="1:6" x14ac:dyDescent="0.25">
      <c r="A11530">
        <v>160.41</v>
      </c>
      <c r="B11530">
        <v>185.89</v>
      </c>
      <c r="C11530">
        <v>7981.8</v>
      </c>
      <c r="D11530">
        <v>1</v>
      </c>
      <c r="E11530">
        <v>11483</v>
      </c>
      <c r="F11530">
        <v>37.7286</v>
      </c>
    </row>
    <row r="11531" spans="1:6" x14ac:dyDescent="0.25">
      <c r="A11531">
        <v>160.41</v>
      </c>
      <c r="B11531">
        <v>185.89</v>
      </c>
      <c r="C11531">
        <v>7981.8</v>
      </c>
      <c r="D11531">
        <v>1.3</v>
      </c>
      <c r="E11531">
        <v>10925.9</v>
      </c>
      <c r="F11531">
        <v>40.700099999999999</v>
      </c>
    </row>
    <row r="11532" spans="1:6" x14ac:dyDescent="0.25">
      <c r="A11532">
        <v>160.41</v>
      </c>
      <c r="B11532">
        <v>185.89</v>
      </c>
      <c r="C11532">
        <v>7981.8</v>
      </c>
      <c r="D11532">
        <v>1.6</v>
      </c>
      <c r="E11532">
        <v>10179.200000000001</v>
      </c>
      <c r="F11532">
        <v>36.637099999999997</v>
      </c>
    </row>
    <row r="11533" spans="1:6" x14ac:dyDescent="0.25">
      <c r="A11533">
        <v>160.41</v>
      </c>
      <c r="B11533">
        <v>185.89</v>
      </c>
      <c r="C11533">
        <v>7981.8</v>
      </c>
      <c r="D11533">
        <v>1.9</v>
      </c>
      <c r="E11533">
        <v>9954.01</v>
      </c>
      <c r="F11533">
        <v>20.4754</v>
      </c>
    </row>
    <row r="11534" spans="1:6" x14ac:dyDescent="0.25">
      <c r="A11534">
        <v>160.41</v>
      </c>
      <c r="B11534">
        <v>185.89</v>
      </c>
      <c r="C11534">
        <v>7981.8</v>
      </c>
      <c r="D11534">
        <v>2.2000000000000002</v>
      </c>
      <c r="E11534">
        <v>9647.52</v>
      </c>
      <c r="F11534">
        <v>48.799300000000002</v>
      </c>
    </row>
    <row r="11535" spans="1:6" x14ac:dyDescent="0.25">
      <c r="A11535">
        <v>160.41</v>
      </c>
      <c r="B11535">
        <v>185.89</v>
      </c>
      <c r="C11535">
        <v>7981.8</v>
      </c>
      <c r="D11535">
        <v>2.5</v>
      </c>
      <c r="E11535">
        <v>9473.58</v>
      </c>
      <c r="F11535">
        <v>48.241100000000003</v>
      </c>
    </row>
    <row r="11536" spans="1:6" x14ac:dyDescent="0.25">
      <c r="A11536">
        <v>160.41</v>
      </c>
      <c r="B11536">
        <v>185.89</v>
      </c>
      <c r="C11536">
        <v>7981.8</v>
      </c>
      <c r="D11536">
        <v>2.8</v>
      </c>
      <c r="E11536">
        <v>9394.49</v>
      </c>
      <c r="F11536">
        <v>38.1128</v>
      </c>
    </row>
    <row r="11537" spans="1:6" x14ac:dyDescent="0.25">
      <c r="A11537">
        <v>160.41</v>
      </c>
      <c r="B11537">
        <v>185.89</v>
      </c>
      <c r="C11537">
        <v>7981.8</v>
      </c>
      <c r="D11537">
        <v>3.1</v>
      </c>
      <c r="E11537">
        <v>9283.85</v>
      </c>
      <c r="F11537">
        <v>22.291599999999999</v>
      </c>
    </row>
    <row r="11538" spans="1:6" x14ac:dyDescent="0.25">
      <c r="A11538">
        <v>160.41</v>
      </c>
      <c r="B11538">
        <v>185.89</v>
      </c>
      <c r="C11538">
        <v>7981.8</v>
      </c>
      <c r="D11538">
        <v>3.4</v>
      </c>
      <c r="E11538">
        <v>9161.52</v>
      </c>
      <c r="F11538">
        <v>22.236699999999999</v>
      </c>
    </row>
    <row r="11539" spans="1:6" x14ac:dyDescent="0.25">
      <c r="A11539">
        <v>160.41</v>
      </c>
      <c r="B11539">
        <v>185.89</v>
      </c>
      <c r="C11539">
        <v>7981.8</v>
      </c>
      <c r="D11539">
        <v>3.7</v>
      </c>
      <c r="E11539">
        <v>9097.39</v>
      </c>
      <c r="F11539">
        <v>22.8964</v>
      </c>
    </row>
    <row r="11540" spans="1:6" x14ac:dyDescent="0.25">
      <c r="A11540">
        <v>160.41</v>
      </c>
      <c r="B11540">
        <v>185.89</v>
      </c>
      <c r="C11540">
        <v>7981.8</v>
      </c>
      <c r="D11540">
        <v>4</v>
      </c>
      <c r="E11540">
        <v>9127.0300000000007</v>
      </c>
      <c r="F11540">
        <v>23.463799999999999</v>
      </c>
    </row>
    <row r="11541" spans="1:6" x14ac:dyDescent="0.25">
      <c r="A11541">
        <v>160.41</v>
      </c>
      <c r="B11541">
        <v>185.89</v>
      </c>
      <c r="C11541">
        <v>9527.25</v>
      </c>
      <c r="D11541">
        <v>1</v>
      </c>
      <c r="E11541">
        <v>13226.9</v>
      </c>
      <c r="F11541">
        <v>37.7286</v>
      </c>
    </row>
    <row r="11542" spans="1:6" x14ac:dyDescent="0.25">
      <c r="A11542">
        <v>160.41</v>
      </c>
      <c r="B11542">
        <v>185.89</v>
      </c>
      <c r="C11542">
        <v>9527.25</v>
      </c>
      <c r="D11542">
        <v>1.3</v>
      </c>
      <c r="E11542">
        <v>12181.8</v>
      </c>
      <c r="F11542">
        <v>40.700099999999999</v>
      </c>
    </row>
    <row r="11543" spans="1:6" x14ac:dyDescent="0.25">
      <c r="A11543">
        <v>160.41</v>
      </c>
      <c r="B11543">
        <v>185.89</v>
      </c>
      <c r="C11543">
        <v>9527.25</v>
      </c>
      <c r="D11543">
        <v>1.6</v>
      </c>
      <c r="E11543">
        <v>11865.9</v>
      </c>
      <c r="F11543">
        <v>36.637099999999997</v>
      </c>
    </row>
    <row r="11544" spans="1:6" x14ac:dyDescent="0.25">
      <c r="A11544">
        <v>160.41</v>
      </c>
      <c r="B11544">
        <v>185.89</v>
      </c>
      <c r="C11544">
        <v>9527.25</v>
      </c>
      <c r="D11544">
        <v>1.9</v>
      </c>
      <c r="E11544">
        <v>11483.8</v>
      </c>
      <c r="F11544">
        <v>20.4754</v>
      </c>
    </row>
    <row r="11545" spans="1:6" x14ac:dyDescent="0.25">
      <c r="A11545">
        <v>160.41</v>
      </c>
      <c r="B11545">
        <v>185.89</v>
      </c>
      <c r="C11545">
        <v>9527.25</v>
      </c>
      <c r="D11545">
        <v>2.2000000000000002</v>
      </c>
      <c r="E11545">
        <v>11354.3</v>
      </c>
      <c r="F11545">
        <v>48.799300000000002</v>
      </c>
    </row>
    <row r="11546" spans="1:6" x14ac:dyDescent="0.25">
      <c r="A11546">
        <v>160.41</v>
      </c>
      <c r="B11546">
        <v>185.89</v>
      </c>
      <c r="C11546">
        <v>9527.25</v>
      </c>
      <c r="D11546">
        <v>2.5</v>
      </c>
      <c r="E11546">
        <v>11094.2</v>
      </c>
      <c r="F11546">
        <v>48.241100000000003</v>
      </c>
    </row>
    <row r="11547" spans="1:6" x14ac:dyDescent="0.25">
      <c r="A11547">
        <v>160.41</v>
      </c>
      <c r="B11547">
        <v>185.89</v>
      </c>
      <c r="C11547">
        <v>9527.25</v>
      </c>
      <c r="D11547">
        <v>2.8</v>
      </c>
      <c r="E11547">
        <v>10892.5</v>
      </c>
      <c r="F11547">
        <v>38.1128</v>
      </c>
    </row>
    <row r="11548" spans="1:6" x14ac:dyDescent="0.25">
      <c r="A11548">
        <v>160.41</v>
      </c>
      <c r="B11548">
        <v>185.89</v>
      </c>
      <c r="C11548">
        <v>9527.25</v>
      </c>
      <c r="D11548">
        <v>3.1</v>
      </c>
      <c r="E11548">
        <v>10766.8</v>
      </c>
      <c r="F11548">
        <v>22.291599999999999</v>
      </c>
    </row>
    <row r="11549" spans="1:6" x14ac:dyDescent="0.25">
      <c r="A11549">
        <v>160.41</v>
      </c>
      <c r="B11549">
        <v>185.89</v>
      </c>
      <c r="C11549">
        <v>9527.25</v>
      </c>
      <c r="D11549">
        <v>3.4</v>
      </c>
      <c r="E11549">
        <v>10701.2</v>
      </c>
      <c r="F11549">
        <v>22.236699999999999</v>
      </c>
    </row>
    <row r="11550" spans="1:6" x14ac:dyDescent="0.25">
      <c r="A11550">
        <v>160.41</v>
      </c>
      <c r="B11550">
        <v>185.89</v>
      </c>
      <c r="C11550">
        <v>9527.25</v>
      </c>
      <c r="D11550">
        <v>3.7</v>
      </c>
      <c r="E11550">
        <v>10630.2</v>
      </c>
      <c r="F11550">
        <v>22.8964</v>
      </c>
    </row>
    <row r="11551" spans="1:6" x14ac:dyDescent="0.25">
      <c r="A11551">
        <v>160.41</v>
      </c>
      <c r="B11551">
        <v>185.89</v>
      </c>
      <c r="C11551">
        <v>9527.25</v>
      </c>
      <c r="D11551">
        <v>4</v>
      </c>
      <c r="E11551">
        <v>10639.6</v>
      </c>
      <c r="F11551">
        <v>23.463799999999999</v>
      </c>
    </row>
    <row r="11552" spans="1:6" x14ac:dyDescent="0.25">
      <c r="A11552">
        <v>160.41</v>
      </c>
      <c r="B11552">
        <v>185.89</v>
      </c>
      <c r="C11552">
        <v>11072.7</v>
      </c>
      <c r="D11552">
        <v>1</v>
      </c>
      <c r="E11552">
        <v>14577.1</v>
      </c>
      <c r="F11552">
        <v>37.7286</v>
      </c>
    </row>
    <row r="11553" spans="1:6" x14ac:dyDescent="0.25">
      <c r="A11553">
        <v>160.41</v>
      </c>
      <c r="B11553">
        <v>185.89</v>
      </c>
      <c r="C11553">
        <v>11072.7</v>
      </c>
      <c r="D11553">
        <v>1.3</v>
      </c>
      <c r="E11553">
        <v>13626.4</v>
      </c>
      <c r="F11553">
        <v>40.700099999999999</v>
      </c>
    </row>
    <row r="11554" spans="1:6" x14ac:dyDescent="0.25">
      <c r="A11554">
        <v>160.41</v>
      </c>
      <c r="B11554">
        <v>185.89</v>
      </c>
      <c r="C11554">
        <v>11072.7</v>
      </c>
      <c r="D11554">
        <v>1.6</v>
      </c>
      <c r="E11554">
        <v>13338.5</v>
      </c>
      <c r="F11554">
        <v>36.637099999999997</v>
      </c>
    </row>
    <row r="11555" spans="1:6" x14ac:dyDescent="0.25">
      <c r="A11555">
        <v>160.41</v>
      </c>
      <c r="B11555">
        <v>185.89</v>
      </c>
      <c r="C11555">
        <v>11072.7</v>
      </c>
      <c r="D11555">
        <v>1.9</v>
      </c>
      <c r="E11555">
        <v>13047.4</v>
      </c>
      <c r="F11555">
        <v>20.4754</v>
      </c>
    </row>
    <row r="11556" spans="1:6" x14ac:dyDescent="0.25">
      <c r="A11556">
        <v>160.41</v>
      </c>
      <c r="B11556">
        <v>185.89</v>
      </c>
      <c r="C11556">
        <v>11072.7</v>
      </c>
      <c r="D11556">
        <v>2.2000000000000002</v>
      </c>
      <c r="E11556">
        <v>12827.4</v>
      </c>
      <c r="F11556">
        <v>48.799300000000002</v>
      </c>
    </row>
    <row r="11557" spans="1:6" x14ac:dyDescent="0.25">
      <c r="A11557">
        <v>160.41</v>
      </c>
      <c r="B11557">
        <v>185.89</v>
      </c>
      <c r="C11557">
        <v>11072.7</v>
      </c>
      <c r="D11557">
        <v>2.5</v>
      </c>
      <c r="E11557">
        <v>12510.3</v>
      </c>
      <c r="F11557">
        <v>48.241100000000003</v>
      </c>
    </row>
    <row r="11558" spans="1:6" x14ac:dyDescent="0.25">
      <c r="A11558">
        <v>160.41</v>
      </c>
      <c r="B11558">
        <v>185.89</v>
      </c>
      <c r="C11558">
        <v>11072.7</v>
      </c>
      <c r="D11558">
        <v>2.8</v>
      </c>
      <c r="E11558">
        <v>12407.3</v>
      </c>
      <c r="F11558">
        <v>38.1128</v>
      </c>
    </row>
    <row r="11559" spans="1:6" x14ac:dyDescent="0.25">
      <c r="A11559">
        <v>160.41</v>
      </c>
      <c r="B11559">
        <v>185.89</v>
      </c>
      <c r="C11559">
        <v>11072.7</v>
      </c>
      <c r="D11559">
        <v>3.1</v>
      </c>
      <c r="E11559">
        <v>12208</v>
      </c>
      <c r="F11559">
        <v>22.291599999999999</v>
      </c>
    </row>
    <row r="11560" spans="1:6" x14ac:dyDescent="0.25">
      <c r="A11560">
        <v>160.41</v>
      </c>
      <c r="B11560">
        <v>185.89</v>
      </c>
      <c r="C11560">
        <v>11072.7</v>
      </c>
      <c r="D11560">
        <v>3.4</v>
      </c>
      <c r="E11560">
        <v>12188.2</v>
      </c>
      <c r="F11560">
        <v>22.236699999999999</v>
      </c>
    </row>
    <row r="11561" spans="1:6" x14ac:dyDescent="0.25">
      <c r="A11561">
        <v>160.41</v>
      </c>
      <c r="B11561">
        <v>185.89</v>
      </c>
      <c r="C11561">
        <v>11072.7</v>
      </c>
      <c r="D11561">
        <v>3.7</v>
      </c>
      <c r="E11561">
        <v>12154.9</v>
      </c>
      <c r="F11561">
        <v>22.8964</v>
      </c>
    </row>
    <row r="11562" spans="1:6" x14ac:dyDescent="0.25">
      <c r="A11562">
        <v>160.41</v>
      </c>
      <c r="B11562">
        <v>185.89</v>
      </c>
      <c r="C11562">
        <v>11072.7</v>
      </c>
      <c r="D11562">
        <v>4</v>
      </c>
      <c r="E11562">
        <v>12067.6</v>
      </c>
      <c r="F11562">
        <v>23.463799999999999</v>
      </c>
    </row>
    <row r="11563" spans="1:6" x14ac:dyDescent="0.25">
      <c r="A11563">
        <v>160.41</v>
      </c>
      <c r="B11563">
        <v>185.89</v>
      </c>
      <c r="C11563">
        <v>12618.2</v>
      </c>
      <c r="D11563">
        <v>1</v>
      </c>
      <c r="E11563">
        <v>15932</v>
      </c>
      <c r="F11563">
        <v>37.7286</v>
      </c>
    </row>
    <row r="11564" spans="1:6" x14ac:dyDescent="0.25">
      <c r="A11564">
        <v>160.41</v>
      </c>
      <c r="B11564">
        <v>185.89</v>
      </c>
      <c r="C11564">
        <v>12618.2</v>
      </c>
      <c r="D11564">
        <v>1.3</v>
      </c>
      <c r="E11564">
        <v>15144.7</v>
      </c>
      <c r="F11564">
        <v>40.700099999999999</v>
      </c>
    </row>
    <row r="11565" spans="1:6" x14ac:dyDescent="0.25">
      <c r="A11565">
        <v>160.41</v>
      </c>
      <c r="B11565">
        <v>185.89</v>
      </c>
      <c r="C11565">
        <v>12618.2</v>
      </c>
      <c r="D11565">
        <v>1.6</v>
      </c>
      <c r="E11565">
        <v>14798.4</v>
      </c>
      <c r="F11565">
        <v>36.637099999999997</v>
      </c>
    </row>
    <row r="11566" spans="1:6" x14ac:dyDescent="0.25">
      <c r="A11566">
        <v>160.41</v>
      </c>
      <c r="B11566">
        <v>185.89</v>
      </c>
      <c r="C11566">
        <v>12618.2</v>
      </c>
      <c r="D11566">
        <v>1.9</v>
      </c>
      <c r="E11566">
        <v>14476.4</v>
      </c>
      <c r="F11566">
        <v>20.4754</v>
      </c>
    </row>
    <row r="11567" spans="1:6" x14ac:dyDescent="0.25">
      <c r="A11567">
        <v>160.41</v>
      </c>
      <c r="B11567">
        <v>185.89</v>
      </c>
      <c r="C11567">
        <v>12618.2</v>
      </c>
      <c r="D11567">
        <v>2.2000000000000002</v>
      </c>
      <c r="E11567">
        <v>14271.4</v>
      </c>
      <c r="F11567">
        <v>48.799300000000002</v>
      </c>
    </row>
    <row r="11568" spans="1:6" x14ac:dyDescent="0.25">
      <c r="A11568">
        <v>160.41</v>
      </c>
      <c r="B11568">
        <v>185.89</v>
      </c>
      <c r="C11568">
        <v>12618.2</v>
      </c>
      <c r="D11568">
        <v>2.5</v>
      </c>
      <c r="E11568">
        <v>14078.7</v>
      </c>
      <c r="F11568">
        <v>48.241100000000003</v>
      </c>
    </row>
    <row r="11569" spans="1:6" x14ac:dyDescent="0.25">
      <c r="A11569">
        <v>160.41</v>
      </c>
      <c r="B11569">
        <v>185.89</v>
      </c>
      <c r="C11569">
        <v>12618.2</v>
      </c>
      <c r="D11569">
        <v>2.8</v>
      </c>
      <c r="E11569">
        <v>13882.6</v>
      </c>
      <c r="F11569">
        <v>38.1128</v>
      </c>
    </row>
    <row r="11570" spans="1:6" x14ac:dyDescent="0.25">
      <c r="A11570">
        <v>160.41</v>
      </c>
      <c r="B11570">
        <v>185.89</v>
      </c>
      <c r="C11570">
        <v>12618.2</v>
      </c>
      <c r="D11570">
        <v>3.1</v>
      </c>
      <c r="E11570">
        <v>13708.5</v>
      </c>
      <c r="F11570">
        <v>22.291599999999999</v>
      </c>
    </row>
    <row r="11571" spans="1:6" x14ac:dyDescent="0.25">
      <c r="A11571">
        <v>160.41</v>
      </c>
      <c r="B11571">
        <v>185.89</v>
      </c>
      <c r="C11571">
        <v>12618.2</v>
      </c>
      <c r="D11571">
        <v>3.4</v>
      </c>
      <c r="E11571">
        <v>13712</v>
      </c>
      <c r="F11571">
        <v>22.236699999999999</v>
      </c>
    </row>
    <row r="11572" spans="1:6" x14ac:dyDescent="0.25">
      <c r="A11572">
        <v>160.41</v>
      </c>
      <c r="B11572">
        <v>185.89</v>
      </c>
      <c r="C11572">
        <v>12618.2</v>
      </c>
      <c r="D11572">
        <v>3.7</v>
      </c>
      <c r="E11572">
        <v>13591.2</v>
      </c>
      <c r="F11572">
        <v>22.8964</v>
      </c>
    </row>
    <row r="11573" spans="1:6" x14ac:dyDescent="0.25">
      <c r="A11573">
        <v>160.41</v>
      </c>
      <c r="B11573">
        <v>185.89</v>
      </c>
      <c r="C11573">
        <v>12618.2</v>
      </c>
      <c r="D11573">
        <v>4</v>
      </c>
      <c r="E11573">
        <v>13540.7</v>
      </c>
      <c r="F11573">
        <v>23.463799999999999</v>
      </c>
    </row>
    <row r="11574" spans="1:6" x14ac:dyDescent="0.25">
      <c r="A11574">
        <v>160.41</v>
      </c>
      <c r="B11574">
        <v>185.89</v>
      </c>
      <c r="C11574">
        <v>14163.6</v>
      </c>
      <c r="D11574">
        <v>1</v>
      </c>
      <c r="E11574">
        <v>16312.8</v>
      </c>
      <c r="F11574">
        <v>37.7286</v>
      </c>
    </row>
    <row r="11575" spans="1:6" x14ac:dyDescent="0.25">
      <c r="A11575">
        <v>160.41</v>
      </c>
      <c r="B11575">
        <v>185.89</v>
      </c>
      <c r="C11575">
        <v>14163.6</v>
      </c>
      <c r="D11575">
        <v>1.3</v>
      </c>
      <c r="E11575">
        <v>15925.1</v>
      </c>
      <c r="F11575">
        <v>40.700099999999999</v>
      </c>
    </row>
    <row r="11576" spans="1:6" x14ac:dyDescent="0.25">
      <c r="A11576">
        <v>160.41</v>
      </c>
      <c r="B11576">
        <v>185.89</v>
      </c>
      <c r="C11576">
        <v>14163.6</v>
      </c>
      <c r="D11576">
        <v>1.6</v>
      </c>
      <c r="E11576">
        <v>15672.5</v>
      </c>
      <c r="F11576">
        <v>36.637099999999997</v>
      </c>
    </row>
    <row r="11577" spans="1:6" x14ac:dyDescent="0.25">
      <c r="A11577">
        <v>160.41</v>
      </c>
      <c r="B11577">
        <v>185.89</v>
      </c>
      <c r="C11577">
        <v>14163.6</v>
      </c>
      <c r="D11577">
        <v>1.9</v>
      </c>
      <c r="E11577">
        <v>15552.6</v>
      </c>
      <c r="F11577">
        <v>20.4754</v>
      </c>
    </row>
    <row r="11578" spans="1:6" x14ac:dyDescent="0.25">
      <c r="A11578">
        <v>160.41</v>
      </c>
      <c r="B11578">
        <v>185.89</v>
      </c>
      <c r="C11578">
        <v>14163.6</v>
      </c>
      <c r="D11578">
        <v>2.2000000000000002</v>
      </c>
      <c r="E11578">
        <v>15365</v>
      </c>
      <c r="F11578">
        <v>48.799300000000002</v>
      </c>
    </row>
    <row r="11579" spans="1:6" x14ac:dyDescent="0.25">
      <c r="A11579">
        <v>160.41</v>
      </c>
      <c r="B11579">
        <v>185.89</v>
      </c>
      <c r="C11579">
        <v>14163.6</v>
      </c>
      <c r="D11579">
        <v>2.5</v>
      </c>
      <c r="E11579">
        <v>15181.5</v>
      </c>
      <c r="F11579">
        <v>48.241100000000003</v>
      </c>
    </row>
    <row r="11580" spans="1:6" x14ac:dyDescent="0.25">
      <c r="A11580">
        <v>160.41</v>
      </c>
      <c r="B11580">
        <v>185.89</v>
      </c>
      <c r="C11580">
        <v>14163.6</v>
      </c>
      <c r="D11580">
        <v>2.8</v>
      </c>
      <c r="E11580">
        <v>15024.1</v>
      </c>
      <c r="F11580">
        <v>38.1128</v>
      </c>
    </row>
    <row r="11581" spans="1:6" x14ac:dyDescent="0.25">
      <c r="A11581">
        <v>160.41</v>
      </c>
      <c r="B11581">
        <v>185.89</v>
      </c>
      <c r="C11581">
        <v>14163.6</v>
      </c>
      <c r="D11581">
        <v>3.1</v>
      </c>
      <c r="E11581">
        <v>14705.8</v>
      </c>
      <c r="F11581">
        <v>22.291599999999999</v>
      </c>
    </row>
    <row r="11582" spans="1:6" x14ac:dyDescent="0.25">
      <c r="A11582">
        <v>160.41</v>
      </c>
      <c r="B11582">
        <v>185.89</v>
      </c>
      <c r="C11582">
        <v>14163.6</v>
      </c>
      <c r="D11582">
        <v>3.4</v>
      </c>
      <c r="E11582">
        <v>15035.6</v>
      </c>
      <c r="F11582">
        <v>22.236699999999999</v>
      </c>
    </row>
    <row r="11583" spans="1:6" x14ac:dyDescent="0.25">
      <c r="A11583">
        <v>160.41</v>
      </c>
      <c r="B11583">
        <v>185.89</v>
      </c>
      <c r="C11583">
        <v>14163.6</v>
      </c>
      <c r="D11583">
        <v>3.7</v>
      </c>
      <c r="E11583">
        <v>14787.8</v>
      </c>
      <c r="F11583">
        <v>22.8964</v>
      </c>
    </row>
    <row r="11584" spans="1:6" x14ac:dyDescent="0.25">
      <c r="A11584">
        <v>160.41</v>
      </c>
      <c r="B11584">
        <v>185.89</v>
      </c>
      <c r="C11584">
        <v>14163.6</v>
      </c>
      <c r="D11584">
        <v>4</v>
      </c>
      <c r="E11584">
        <v>14783.8</v>
      </c>
      <c r="F11584">
        <v>23.463799999999999</v>
      </c>
    </row>
    <row r="11585" spans="1:6" x14ac:dyDescent="0.25">
      <c r="A11585">
        <v>160.41</v>
      </c>
      <c r="B11585">
        <v>185.89</v>
      </c>
      <c r="C11585">
        <v>15709.1</v>
      </c>
      <c r="D11585">
        <v>1</v>
      </c>
      <c r="E11585">
        <v>17665.2</v>
      </c>
      <c r="F11585">
        <v>37.7286</v>
      </c>
    </row>
    <row r="11586" spans="1:6" x14ac:dyDescent="0.25">
      <c r="A11586">
        <v>160.41</v>
      </c>
      <c r="B11586">
        <v>185.89</v>
      </c>
      <c r="C11586">
        <v>15709.1</v>
      </c>
      <c r="D11586">
        <v>1.3</v>
      </c>
      <c r="E11586">
        <v>15925.1</v>
      </c>
      <c r="F11586">
        <v>40.700099999999999</v>
      </c>
    </row>
    <row r="11587" spans="1:6" x14ac:dyDescent="0.25">
      <c r="A11587">
        <v>160.41</v>
      </c>
      <c r="B11587">
        <v>185.89</v>
      </c>
      <c r="C11587">
        <v>15709.1</v>
      </c>
      <c r="D11587">
        <v>1.6</v>
      </c>
      <c r="E11587">
        <v>16549.400000000001</v>
      </c>
      <c r="F11587">
        <v>36.637099999999997</v>
      </c>
    </row>
    <row r="11588" spans="1:6" x14ac:dyDescent="0.25">
      <c r="A11588">
        <v>160.41</v>
      </c>
      <c r="B11588">
        <v>185.89</v>
      </c>
      <c r="C11588">
        <v>15709.1</v>
      </c>
      <c r="D11588">
        <v>1.9</v>
      </c>
      <c r="E11588">
        <v>15552.6</v>
      </c>
      <c r="F11588">
        <v>20.4754</v>
      </c>
    </row>
    <row r="11589" spans="1:6" x14ac:dyDescent="0.25">
      <c r="A11589">
        <v>160.41</v>
      </c>
      <c r="B11589">
        <v>185.89</v>
      </c>
      <c r="C11589">
        <v>15709.1</v>
      </c>
      <c r="D11589">
        <v>2.2000000000000002</v>
      </c>
      <c r="E11589">
        <v>16632.2</v>
      </c>
      <c r="F11589">
        <v>48.799300000000002</v>
      </c>
    </row>
    <row r="11590" spans="1:6" x14ac:dyDescent="0.25">
      <c r="A11590">
        <v>160.41</v>
      </c>
      <c r="B11590">
        <v>185.89</v>
      </c>
      <c r="C11590">
        <v>15709.1</v>
      </c>
      <c r="D11590">
        <v>2.5</v>
      </c>
      <c r="E11590">
        <v>15740.1</v>
      </c>
      <c r="F11590">
        <v>48.241100000000003</v>
      </c>
    </row>
    <row r="11591" spans="1:6" x14ac:dyDescent="0.25">
      <c r="A11591">
        <v>160.41</v>
      </c>
      <c r="B11591">
        <v>185.89</v>
      </c>
      <c r="C11591">
        <v>15709.1</v>
      </c>
      <c r="D11591">
        <v>2.8</v>
      </c>
      <c r="E11591">
        <v>15690.5</v>
      </c>
      <c r="F11591">
        <v>38.1128</v>
      </c>
    </row>
    <row r="11592" spans="1:6" x14ac:dyDescent="0.25">
      <c r="A11592">
        <v>160.41</v>
      </c>
      <c r="B11592">
        <v>185.89</v>
      </c>
      <c r="C11592">
        <v>15709.1</v>
      </c>
      <c r="D11592">
        <v>3.1</v>
      </c>
      <c r="E11592">
        <v>16383.8</v>
      </c>
      <c r="F11592">
        <v>22.291599999999999</v>
      </c>
    </row>
    <row r="11593" spans="1:6" x14ac:dyDescent="0.25">
      <c r="A11593">
        <v>160.41</v>
      </c>
      <c r="B11593">
        <v>185.89</v>
      </c>
      <c r="C11593">
        <v>15709.1</v>
      </c>
      <c r="D11593">
        <v>3.4</v>
      </c>
      <c r="E11593">
        <v>15056.3</v>
      </c>
      <c r="F11593">
        <v>22.236699999999999</v>
      </c>
    </row>
    <row r="11594" spans="1:6" x14ac:dyDescent="0.25">
      <c r="A11594">
        <v>160.41</v>
      </c>
      <c r="B11594">
        <v>185.89</v>
      </c>
      <c r="C11594">
        <v>15709.1</v>
      </c>
      <c r="D11594">
        <v>3.7</v>
      </c>
      <c r="E11594">
        <v>14787.8</v>
      </c>
      <c r="F11594">
        <v>22.8964</v>
      </c>
    </row>
    <row r="11595" spans="1:6" x14ac:dyDescent="0.25">
      <c r="A11595">
        <v>160.41</v>
      </c>
      <c r="B11595">
        <v>185.89</v>
      </c>
      <c r="C11595">
        <v>15709.1</v>
      </c>
      <c r="D11595">
        <v>4</v>
      </c>
      <c r="E11595">
        <v>14783.8</v>
      </c>
      <c r="F11595">
        <v>23.463799999999999</v>
      </c>
    </row>
    <row r="11596" spans="1:6" x14ac:dyDescent="0.25">
      <c r="A11596">
        <v>160.41</v>
      </c>
      <c r="B11596">
        <v>185.89</v>
      </c>
      <c r="C11596">
        <v>17254.5</v>
      </c>
      <c r="D11596">
        <v>1</v>
      </c>
      <c r="E11596">
        <v>17665.2</v>
      </c>
      <c r="F11596">
        <v>37.7286</v>
      </c>
    </row>
    <row r="11597" spans="1:6" x14ac:dyDescent="0.25">
      <c r="A11597">
        <v>160.41</v>
      </c>
      <c r="B11597">
        <v>185.89</v>
      </c>
      <c r="C11597">
        <v>17254.5</v>
      </c>
      <c r="D11597">
        <v>1.3</v>
      </c>
      <c r="E11597">
        <v>15925.1</v>
      </c>
      <c r="F11597">
        <v>40.700099999999999</v>
      </c>
    </row>
    <row r="11598" spans="1:6" x14ac:dyDescent="0.25">
      <c r="A11598">
        <v>160.41</v>
      </c>
      <c r="B11598">
        <v>185.89</v>
      </c>
      <c r="C11598">
        <v>17254.5</v>
      </c>
      <c r="D11598">
        <v>1.6</v>
      </c>
      <c r="E11598">
        <v>16549.400000000001</v>
      </c>
      <c r="F11598">
        <v>36.637099999999997</v>
      </c>
    </row>
    <row r="11599" spans="1:6" x14ac:dyDescent="0.25">
      <c r="A11599">
        <v>160.41</v>
      </c>
      <c r="B11599">
        <v>185.89</v>
      </c>
      <c r="C11599">
        <v>17254.5</v>
      </c>
      <c r="D11599">
        <v>1.9</v>
      </c>
      <c r="E11599">
        <v>15552.6</v>
      </c>
      <c r="F11599">
        <v>20.4754</v>
      </c>
    </row>
    <row r="11600" spans="1:6" x14ac:dyDescent="0.25">
      <c r="A11600">
        <v>160.41</v>
      </c>
      <c r="B11600">
        <v>185.89</v>
      </c>
      <c r="C11600">
        <v>17254.5</v>
      </c>
      <c r="D11600">
        <v>2.2000000000000002</v>
      </c>
      <c r="E11600">
        <v>16632.2</v>
      </c>
      <c r="F11600">
        <v>48.799300000000002</v>
      </c>
    </row>
    <row r="11601" spans="1:6" x14ac:dyDescent="0.25">
      <c r="A11601">
        <v>160.41</v>
      </c>
      <c r="B11601">
        <v>185.89</v>
      </c>
      <c r="C11601">
        <v>17254.5</v>
      </c>
      <c r="D11601">
        <v>2.5</v>
      </c>
      <c r="E11601">
        <v>17079</v>
      </c>
      <c r="F11601">
        <v>48.241100000000003</v>
      </c>
    </row>
    <row r="11602" spans="1:6" x14ac:dyDescent="0.25">
      <c r="A11602">
        <v>160.41</v>
      </c>
      <c r="B11602">
        <v>185.89</v>
      </c>
      <c r="C11602">
        <v>17254.5</v>
      </c>
      <c r="D11602">
        <v>2.8</v>
      </c>
      <c r="E11602">
        <v>15690.5</v>
      </c>
      <c r="F11602">
        <v>38.1128</v>
      </c>
    </row>
    <row r="11603" spans="1:6" x14ac:dyDescent="0.25">
      <c r="A11603">
        <v>160.41</v>
      </c>
      <c r="B11603">
        <v>185.89</v>
      </c>
      <c r="C11603">
        <v>17254.5</v>
      </c>
      <c r="D11603">
        <v>3.1</v>
      </c>
      <c r="E11603">
        <v>16383.8</v>
      </c>
      <c r="F11603">
        <v>22.291599999999999</v>
      </c>
    </row>
    <row r="11604" spans="1:6" x14ac:dyDescent="0.25">
      <c r="A11604">
        <v>160.41</v>
      </c>
      <c r="B11604">
        <v>185.89</v>
      </c>
      <c r="C11604">
        <v>17254.5</v>
      </c>
      <c r="D11604">
        <v>3.4</v>
      </c>
      <c r="E11604">
        <v>15056.3</v>
      </c>
      <c r="F11604">
        <v>22.236699999999999</v>
      </c>
    </row>
    <row r="11605" spans="1:6" x14ac:dyDescent="0.25">
      <c r="A11605">
        <v>160.41</v>
      </c>
      <c r="B11605">
        <v>185.89</v>
      </c>
      <c r="C11605">
        <v>17254.5</v>
      </c>
      <c r="D11605">
        <v>3.7</v>
      </c>
      <c r="E11605">
        <v>14787.8</v>
      </c>
      <c r="F11605">
        <v>22.8964</v>
      </c>
    </row>
    <row r="11606" spans="1:6" x14ac:dyDescent="0.25">
      <c r="A11606">
        <v>160.41</v>
      </c>
      <c r="B11606">
        <v>185.89</v>
      </c>
      <c r="C11606">
        <v>17254.5</v>
      </c>
      <c r="D11606">
        <v>4</v>
      </c>
      <c r="E11606">
        <v>14783.8</v>
      </c>
      <c r="F11606">
        <v>23.463799999999999</v>
      </c>
    </row>
    <row r="11607" spans="1:6" x14ac:dyDescent="0.25">
      <c r="A11607">
        <v>160.41</v>
      </c>
      <c r="B11607">
        <v>185.89</v>
      </c>
      <c r="C11607">
        <v>18800</v>
      </c>
      <c r="D11607">
        <v>1</v>
      </c>
      <c r="E11607">
        <v>17665.2</v>
      </c>
      <c r="F11607">
        <v>37.7286</v>
      </c>
    </row>
    <row r="11608" spans="1:6" x14ac:dyDescent="0.25">
      <c r="A11608">
        <v>160.41</v>
      </c>
      <c r="B11608">
        <v>185.89</v>
      </c>
      <c r="C11608">
        <v>18800</v>
      </c>
      <c r="D11608">
        <v>1.3</v>
      </c>
      <c r="E11608">
        <v>15925.1</v>
      </c>
      <c r="F11608">
        <v>40.700099999999999</v>
      </c>
    </row>
    <row r="11609" spans="1:6" x14ac:dyDescent="0.25">
      <c r="A11609">
        <v>160.41</v>
      </c>
      <c r="B11609">
        <v>185.89</v>
      </c>
      <c r="C11609">
        <v>18800</v>
      </c>
      <c r="D11609">
        <v>1.6</v>
      </c>
      <c r="E11609">
        <v>16549.400000000001</v>
      </c>
      <c r="F11609">
        <v>36.637099999999997</v>
      </c>
    </row>
    <row r="11610" spans="1:6" x14ac:dyDescent="0.25">
      <c r="A11610">
        <v>160.41</v>
      </c>
      <c r="B11610">
        <v>185.89</v>
      </c>
      <c r="C11610">
        <v>18800</v>
      </c>
      <c r="D11610">
        <v>1.9</v>
      </c>
      <c r="E11610">
        <v>15552.6</v>
      </c>
      <c r="F11610">
        <v>20.4754</v>
      </c>
    </row>
    <row r="11611" spans="1:6" x14ac:dyDescent="0.25">
      <c r="A11611">
        <v>160.41</v>
      </c>
      <c r="B11611">
        <v>185.89</v>
      </c>
      <c r="C11611">
        <v>18800</v>
      </c>
      <c r="D11611">
        <v>2.2000000000000002</v>
      </c>
      <c r="E11611">
        <v>16632.2</v>
      </c>
      <c r="F11611">
        <v>48.799300000000002</v>
      </c>
    </row>
    <row r="11612" spans="1:6" x14ac:dyDescent="0.25">
      <c r="A11612">
        <v>160.41</v>
      </c>
      <c r="B11612">
        <v>185.89</v>
      </c>
      <c r="C11612">
        <v>18800</v>
      </c>
      <c r="D11612">
        <v>2.5</v>
      </c>
      <c r="E11612">
        <v>17079</v>
      </c>
      <c r="F11612">
        <v>48.241100000000003</v>
      </c>
    </row>
    <row r="11613" spans="1:6" x14ac:dyDescent="0.25">
      <c r="A11613">
        <v>160.41</v>
      </c>
      <c r="B11613">
        <v>185.89</v>
      </c>
      <c r="C11613">
        <v>18800</v>
      </c>
      <c r="D11613">
        <v>2.8</v>
      </c>
      <c r="E11613">
        <v>15690.5</v>
      </c>
      <c r="F11613">
        <v>38.1128</v>
      </c>
    </row>
    <row r="11614" spans="1:6" x14ac:dyDescent="0.25">
      <c r="A11614">
        <v>160.41</v>
      </c>
      <c r="B11614">
        <v>185.89</v>
      </c>
      <c r="C11614">
        <v>18800</v>
      </c>
      <c r="D11614">
        <v>3.1</v>
      </c>
      <c r="E11614">
        <v>16383.8</v>
      </c>
      <c r="F11614">
        <v>22.291599999999999</v>
      </c>
    </row>
    <row r="11615" spans="1:6" x14ac:dyDescent="0.25">
      <c r="A11615">
        <v>160.41</v>
      </c>
      <c r="B11615">
        <v>185.89</v>
      </c>
      <c r="C11615">
        <v>18800</v>
      </c>
      <c r="D11615">
        <v>3.4</v>
      </c>
      <c r="E11615">
        <v>15056.3</v>
      </c>
      <c r="F11615">
        <v>22.236699999999999</v>
      </c>
    </row>
    <row r="11616" spans="1:6" x14ac:dyDescent="0.25">
      <c r="A11616">
        <v>160.41</v>
      </c>
      <c r="B11616">
        <v>185.89</v>
      </c>
      <c r="C11616">
        <v>18800</v>
      </c>
      <c r="D11616">
        <v>3.7</v>
      </c>
      <c r="E11616">
        <v>14787.8</v>
      </c>
      <c r="F11616">
        <v>22.8964</v>
      </c>
    </row>
    <row r="11617" spans="1:6" x14ac:dyDescent="0.25">
      <c r="A11617">
        <v>160.41</v>
      </c>
      <c r="B11617">
        <v>185.89</v>
      </c>
      <c r="C11617">
        <v>18800</v>
      </c>
      <c r="D11617">
        <v>4</v>
      </c>
      <c r="E11617">
        <v>14783.8</v>
      </c>
      <c r="F11617">
        <v>23.463799999999999</v>
      </c>
    </row>
    <row r="11618" spans="1:6" x14ac:dyDescent="0.25">
      <c r="A11618">
        <v>160.41</v>
      </c>
      <c r="B11618">
        <v>189.52</v>
      </c>
      <c r="C11618">
        <v>1800</v>
      </c>
      <c r="D11618">
        <v>1</v>
      </c>
      <c r="E11618">
        <v>5495.24</v>
      </c>
      <c r="F11618">
        <v>34.501300000000001</v>
      </c>
    </row>
    <row r="11619" spans="1:6" x14ac:dyDescent="0.25">
      <c r="A11619">
        <v>160.41</v>
      </c>
      <c r="B11619">
        <v>189.52</v>
      </c>
      <c r="C11619">
        <v>1800</v>
      </c>
      <c r="D11619">
        <v>1.3</v>
      </c>
      <c r="E11619">
        <v>4902.33</v>
      </c>
      <c r="F11619">
        <v>39.780700000000003</v>
      </c>
    </row>
    <row r="11620" spans="1:6" x14ac:dyDescent="0.25">
      <c r="A11620">
        <v>160.41</v>
      </c>
      <c r="B11620">
        <v>189.52</v>
      </c>
      <c r="C11620">
        <v>1800</v>
      </c>
      <c r="D11620">
        <v>1.6</v>
      </c>
      <c r="E11620">
        <v>4318.16</v>
      </c>
      <c r="F11620">
        <v>48.336500000000001</v>
      </c>
    </row>
    <row r="11621" spans="1:6" x14ac:dyDescent="0.25">
      <c r="A11621">
        <v>160.41</v>
      </c>
      <c r="B11621">
        <v>189.52</v>
      </c>
      <c r="C11621">
        <v>1800</v>
      </c>
      <c r="D11621">
        <v>1.9</v>
      </c>
      <c r="E11621">
        <v>4109.6099999999997</v>
      </c>
      <c r="F11621">
        <v>51.853499999999997</v>
      </c>
    </row>
    <row r="11622" spans="1:6" x14ac:dyDescent="0.25">
      <c r="A11622">
        <v>160.41</v>
      </c>
      <c r="B11622">
        <v>189.52</v>
      </c>
      <c r="C11622">
        <v>1800</v>
      </c>
      <c r="D11622">
        <v>2.2000000000000002</v>
      </c>
      <c r="E11622">
        <v>3901.06</v>
      </c>
      <c r="F11622">
        <v>54.764400000000002</v>
      </c>
    </row>
    <row r="11623" spans="1:6" x14ac:dyDescent="0.25">
      <c r="A11623">
        <v>160.41</v>
      </c>
      <c r="B11623">
        <v>189.52</v>
      </c>
      <c r="C11623">
        <v>1800</v>
      </c>
      <c r="D11623">
        <v>2.5</v>
      </c>
      <c r="E11623">
        <v>3674.9</v>
      </c>
      <c r="F11623">
        <v>57.656599999999997</v>
      </c>
    </row>
    <row r="11624" spans="1:6" x14ac:dyDescent="0.25">
      <c r="A11624">
        <v>160.41</v>
      </c>
      <c r="B11624">
        <v>189.52</v>
      </c>
      <c r="C11624">
        <v>1800</v>
      </c>
      <c r="D11624">
        <v>2.8</v>
      </c>
      <c r="E11624">
        <v>3599.2</v>
      </c>
      <c r="F11624">
        <v>62.511600000000001</v>
      </c>
    </row>
    <row r="11625" spans="1:6" x14ac:dyDescent="0.25">
      <c r="A11625">
        <v>160.41</v>
      </c>
      <c r="B11625">
        <v>189.52</v>
      </c>
      <c r="C11625">
        <v>1800</v>
      </c>
      <c r="D11625">
        <v>3.1</v>
      </c>
      <c r="E11625">
        <v>3482.86</v>
      </c>
      <c r="F11625">
        <v>65.927999999999997</v>
      </c>
    </row>
    <row r="11626" spans="1:6" x14ac:dyDescent="0.25">
      <c r="A11626">
        <v>160.41</v>
      </c>
      <c r="B11626">
        <v>189.52</v>
      </c>
      <c r="C11626">
        <v>1800</v>
      </c>
      <c r="D11626">
        <v>3.4</v>
      </c>
      <c r="E11626">
        <v>3371.72</v>
      </c>
      <c r="F11626">
        <v>66.84</v>
      </c>
    </row>
    <row r="11627" spans="1:6" x14ac:dyDescent="0.25">
      <c r="A11627">
        <v>160.41</v>
      </c>
      <c r="B11627">
        <v>189.52</v>
      </c>
      <c r="C11627">
        <v>1800</v>
      </c>
      <c r="D11627">
        <v>3.7</v>
      </c>
      <c r="E11627">
        <v>3359.18</v>
      </c>
      <c r="F11627">
        <v>72.7821</v>
      </c>
    </row>
    <row r="11628" spans="1:6" x14ac:dyDescent="0.25">
      <c r="A11628">
        <v>160.41</v>
      </c>
      <c r="B11628">
        <v>189.52</v>
      </c>
      <c r="C11628">
        <v>1800</v>
      </c>
      <c r="D11628">
        <v>4</v>
      </c>
      <c r="E11628">
        <v>3273.21</v>
      </c>
      <c r="F11628">
        <v>76.265500000000003</v>
      </c>
    </row>
    <row r="11629" spans="1:6" x14ac:dyDescent="0.25">
      <c r="A11629">
        <v>160.41</v>
      </c>
      <c r="B11629">
        <v>189.52</v>
      </c>
      <c r="C11629">
        <v>3345.45</v>
      </c>
      <c r="D11629">
        <v>1</v>
      </c>
      <c r="E11629">
        <v>6911.55</v>
      </c>
      <c r="F11629">
        <v>37.7286</v>
      </c>
    </row>
    <row r="11630" spans="1:6" x14ac:dyDescent="0.25">
      <c r="A11630">
        <v>160.41</v>
      </c>
      <c r="B11630">
        <v>189.52</v>
      </c>
      <c r="C11630">
        <v>3345.45</v>
      </c>
      <c r="D11630">
        <v>1.3</v>
      </c>
      <c r="E11630">
        <v>6198.66</v>
      </c>
      <c r="F11630">
        <v>40.700099999999999</v>
      </c>
    </row>
    <row r="11631" spans="1:6" x14ac:dyDescent="0.25">
      <c r="A11631">
        <v>160.41</v>
      </c>
      <c r="B11631">
        <v>189.52</v>
      </c>
      <c r="C11631">
        <v>3345.45</v>
      </c>
      <c r="D11631">
        <v>1.6</v>
      </c>
      <c r="E11631">
        <v>5648.48</v>
      </c>
      <c r="F11631">
        <v>36.637099999999997</v>
      </c>
    </row>
    <row r="11632" spans="1:6" x14ac:dyDescent="0.25">
      <c r="A11632">
        <v>160.41</v>
      </c>
      <c r="B11632">
        <v>189.52</v>
      </c>
      <c r="C11632">
        <v>3345.45</v>
      </c>
      <c r="D11632">
        <v>1.9</v>
      </c>
      <c r="E11632">
        <v>5397.31</v>
      </c>
      <c r="F11632">
        <v>20.4754</v>
      </c>
    </row>
    <row r="11633" spans="1:6" x14ac:dyDescent="0.25">
      <c r="A11633">
        <v>160.41</v>
      </c>
      <c r="B11633">
        <v>189.52</v>
      </c>
      <c r="C11633">
        <v>3345.45</v>
      </c>
      <c r="D11633">
        <v>2.2000000000000002</v>
      </c>
      <c r="E11633">
        <v>5056.1099999999997</v>
      </c>
      <c r="F11633">
        <v>48.799300000000002</v>
      </c>
    </row>
    <row r="11634" spans="1:6" x14ac:dyDescent="0.25">
      <c r="A11634">
        <v>160.41</v>
      </c>
      <c r="B11634">
        <v>189.52</v>
      </c>
      <c r="C11634">
        <v>3345.45</v>
      </c>
      <c r="D11634">
        <v>2.5</v>
      </c>
      <c r="E11634">
        <v>5061.54</v>
      </c>
      <c r="F11634">
        <v>48.241100000000003</v>
      </c>
    </row>
    <row r="11635" spans="1:6" x14ac:dyDescent="0.25">
      <c r="A11635">
        <v>160.41</v>
      </c>
      <c r="B11635">
        <v>189.52</v>
      </c>
      <c r="C11635">
        <v>3345.45</v>
      </c>
      <c r="D11635">
        <v>2.8</v>
      </c>
      <c r="E11635">
        <v>4900.92</v>
      </c>
      <c r="F11635">
        <v>38.1128</v>
      </c>
    </row>
    <row r="11636" spans="1:6" x14ac:dyDescent="0.25">
      <c r="A11636">
        <v>160.41</v>
      </c>
      <c r="B11636">
        <v>189.52</v>
      </c>
      <c r="C11636">
        <v>3345.45</v>
      </c>
      <c r="D11636">
        <v>3.1</v>
      </c>
      <c r="E11636">
        <v>4797.33</v>
      </c>
      <c r="F11636">
        <v>22.291599999999999</v>
      </c>
    </row>
    <row r="11637" spans="1:6" x14ac:dyDescent="0.25">
      <c r="A11637">
        <v>160.41</v>
      </c>
      <c r="B11637">
        <v>189.52</v>
      </c>
      <c r="C11637">
        <v>3345.45</v>
      </c>
      <c r="D11637">
        <v>3.4</v>
      </c>
      <c r="E11637">
        <v>4668.08</v>
      </c>
      <c r="F11637">
        <v>22.236699999999999</v>
      </c>
    </row>
    <row r="11638" spans="1:6" x14ac:dyDescent="0.25">
      <c r="A11638">
        <v>160.41</v>
      </c>
      <c r="B11638">
        <v>189.52</v>
      </c>
      <c r="C11638">
        <v>3345.45</v>
      </c>
      <c r="D11638">
        <v>3.7</v>
      </c>
      <c r="E11638">
        <v>4499.47</v>
      </c>
      <c r="F11638">
        <v>22.8964</v>
      </c>
    </row>
    <row r="11639" spans="1:6" x14ac:dyDescent="0.25">
      <c r="A11639">
        <v>160.41</v>
      </c>
      <c r="B11639">
        <v>189.52</v>
      </c>
      <c r="C11639">
        <v>3345.45</v>
      </c>
      <c r="D11639">
        <v>4</v>
      </c>
      <c r="E11639">
        <v>4543.5</v>
      </c>
      <c r="F11639">
        <v>23.463799999999999</v>
      </c>
    </row>
    <row r="11640" spans="1:6" x14ac:dyDescent="0.25">
      <c r="A11640">
        <v>160.41</v>
      </c>
      <c r="B11640">
        <v>189.52</v>
      </c>
      <c r="C11640">
        <v>4890.8999999999996</v>
      </c>
      <c r="D11640">
        <v>1</v>
      </c>
      <c r="E11640">
        <v>8612.16</v>
      </c>
      <c r="F11640">
        <v>37.7286</v>
      </c>
    </row>
    <row r="11641" spans="1:6" x14ac:dyDescent="0.25">
      <c r="A11641">
        <v>160.41</v>
      </c>
      <c r="B11641">
        <v>189.52</v>
      </c>
      <c r="C11641">
        <v>4890.8999999999996</v>
      </c>
      <c r="D11641">
        <v>1.3</v>
      </c>
      <c r="E11641">
        <v>7648.66</v>
      </c>
      <c r="F11641">
        <v>40.700099999999999</v>
      </c>
    </row>
    <row r="11642" spans="1:6" x14ac:dyDescent="0.25">
      <c r="A11642">
        <v>160.41</v>
      </c>
      <c r="B11642">
        <v>189.52</v>
      </c>
      <c r="C11642">
        <v>4890.8999999999996</v>
      </c>
      <c r="D11642">
        <v>1.6</v>
      </c>
      <c r="E11642">
        <v>7217.38</v>
      </c>
      <c r="F11642">
        <v>36.637099999999997</v>
      </c>
    </row>
    <row r="11643" spans="1:6" x14ac:dyDescent="0.25">
      <c r="A11643">
        <v>160.41</v>
      </c>
      <c r="B11643">
        <v>189.52</v>
      </c>
      <c r="C11643">
        <v>4890.8999999999996</v>
      </c>
      <c r="D11643">
        <v>1.9</v>
      </c>
      <c r="E11643">
        <v>6881.4</v>
      </c>
      <c r="F11643">
        <v>20.4754</v>
      </c>
    </row>
    <row r="11644" spans="1:6" x14ac:dyDescent="0.25">
      <c r="A11644">
        <v>160.41</v>
      </c>
      <c r="B11644">
        <v>189.52</v>
      </c>
      <c r="C11644">
        <v>4890.8999999999996</v>
      </c>
      <c r="D11644">
        <v>2.2000000000000002</v>
      </c>
      <c r="E11644">
        <v>6760.06</v>
      </c>
      <c r="F11644">
        <v>48.799300000000002</v>
      </c>
    </row>
    <row r="11645" spans="1:6" x14ac:dyDescent="0.25">
      <c r="A11645">
        <v>160.41</v>
      </c>
      <c r="B11645">
        <v>189.52</v>
      </c>
      <c r="C11645">
        <v>4890.8999999999996</v>
      </c>
      <c r="D11645">
        <v>2.5</v>
      </c>
      <c r="E11645">
        <v>6484.49</v>
      </c>
      <c r="F11645">
        <v>48.241100000000003</v>
      </c>
    </row>
    <row r="11646" spans="1:6" x14ac:dyDescent="0.25">
      <c r="A11646">
        <v>160.41</v>
      </c>
      <c r="B11646">
        <v>189.52</v>
      </c>
      <c r="C11646">
        <v>4890.8999999999996</v>
      </c>
      <c r="D11646">
        <v>2.8</v>
      </c>
      <c r="E11646">
        <v>6292.26</v>
      </c>
      <c r="F11646">
        <v>38.1128</v>
      </c>
    </row>
    <row r="11647" spans="1:6" x14ac:dyDescent="0.25">
      <c r="A11647">
        <v>160.41</v>
      </c>
      <c r="B11647">
        <v>189.52</v>
      </c>
      <c r="C11647">
        <v>4890.8999999999996</v>
      </c>
      <c r="D11647">
        <v>3.1</v>
      </c>
      <c r="E11647">
        <v>6241.42</v>
      </c>
      <c r="F11647">
        <v>22.291599999999999</v>
      </c>
    </row>
    <row r="11648" spans="1:6" x14ac:dyDescent="0.25">
      <c r="A11648">
        <v>160.41</v>
      </c>
      <c r="B11648">
        <v>189.52</v>
      </c>
      <c r="C11648">
        <v>4890.8999999999996</v>
      </c>
      <c r="D11648">
        <v>3.4</v>
      </c>
      <c r="E11648">
        <v>6130.23</v>
      </c>
      <c r="F11648">
        <v>22.236699999999999</v>
      </c>
    </row>
    <row r="11649" spans="1:6" x14ac:dyDescent="0.25">
      <c r="A11649">
        <v>160.41</v>
      </c>
      <c r="B11649">
        <v>189.52</v>
      </c>
      <c r="C11649">
        <v>4890.8999999999996</v>
      </c>
      <c r="D11649">
        <v>3.7</v>
      </c>
      <c r="E11649">
        <v>6048.17</v>
      </c>
      <c r="F11649">
        <v>22.8964</v>
      </c>
    </row>
    <row r="11650" spans="1:6" x14ac:dyDescent="0.25">
      <c r="A11650">
        <v>160.41</v>
      </c>
      <c r="B11650">
        <v>189.52</v>
      </c>
      <c r="C11650">
        <v>4890.8999999999996</v>
      </c>
      <c r="D11650">
        <v>4</v>
      </c>
      <c r="E11650">
        <v>6025.01</v>
      </c>
      <c r="F11650">
        <v>23.463799999999999</v>
      </c>
    </row>
    <row r="11651" spans="1:6" x14ac:dyDescent="0.25">
      <c r="A11651">
        <v>160.41</v>
      </c>
      <c r="B11651">
        <v>189.52</v>
      </c>
      <c r="C11651">
        <v>6436.35</v>
      </c>
      <c r="D11651">
        <v>1</v>
      </c>
      <c r="E11651">
        <v>9939.82</v>
      </c>
      <c r="F11651">
        <v>37.7286</v>
      </c>
    </row>
    <row r="11652" spans="1:6" x14ac:dyDescent="0.25">
      <c r="A11652">
        <v>160.41</v>
      </c>
      <c r="B11652">
        <v>189.52</v>
      </c>
      <c r="C11652">
        <v>6436.35</v>
      </c>
      <c r="D11652">
        <v>1.3</v>
      </c>
      <c r="E11652">
        <v>9230.75</v>
      </c>
      <c r="F11652">
        <v>40.700099999999999</v>
      </c>
    </row>
    <row r="11653" spans="1:6" x14ac:dyDescent="0.25">
      <c r="A11653">
        <v>160.41</v>
      </c>
      <c r="B11653">
        <v>189.52</v>
      </c>
      <c r="C11653">
        <v>6436.35</v>
      </c>
      <c r="D11653">
        <v>1.6</v>
      </c>
      <c r="E11653">
        <v>8642.7099999999991</v>
      </c>
      <c r="F11653">
        <v>36.637099999999997</v>
      </c>
    </row>
    <row r="11654" spans="1:6" x14ac:dyDescent="0.25">
      <c r="A11654">
        <v>160.41</v>
      </c>
      <c r="B11654">
        <v>189.52</v>
      </c>
      <c r="C11654">
        <v>6436.35</v>
      </c>
      <c r="D11654">
        <v>1.9</v>
      </c>
      <c r="E11654">
        <v>8480.41</v>
      </c>
      <c r="F11654">
        <v>20.4754</v>
      </c>
    </row>
    <row r="11655" spans="1:6" x14ac:dyDescent="0.25">
      <c r="A11655">
        <v>160.41</v>
      </c>
      <c r="B11655">
        <v>189.52</v>
      </c>
      <c r="C11655">
        <v>6436.35</v>
      </c>
      <c r="D11655">
        <v>2.2000000000000002</v>
      </c>
      <c r="E11655">
        <v>8239.99</v>
      </c>
      <c r="F11655">
        <v>48.799300000000002</v>
      </c>
    </row>
    <row r="11656" spans="1:6" x14ac:dyDescent="0.25">
      <c r="A11656">
        <v>160.41</v>
      </c>
      <c r="B11656">
        <v>189.52</v>
      </c>
      <c r="C11656">
        <v>6436.35</v>
      </c>
      <c r="D11656">
        <v>2.5</v>
      </c>
      <c r="E11656">
        <v>8150.89</v>
      </c>
      <c r="F11656">
        <v>48.241100000000003</v>
      </c>
    </row>
    <row r="11657" spans="1:6" x14ac:dyDescent="0.25">
      <c r="A11657">
        <v>160.41</v>
      </c>
      <c r="B11657">
        <v>189.52</v>
      </c>
      <c r="C11657">
        <v>6436.35</v>
      </c>
      <c r="D11657">
        <v>2.8</v>
      </c>
      <c r="E11657">
        <v>7841.14</v>
      </c>
      <c r="F11657">
        <v>38.1128</v>
      </c>
    </row>
    <row r="11658" spans="1:6" x14ac:dyDescent="0.25">
      <c r="A11658">
        <v>160.41</v>
      </c>
      <c r="B11658">
        <v>189.52</v>
      </c>
      <c r="C11658">
        <v>6436.35</v>
      </c>
      <c r="D11658">
        <v>3.1</v>
      </c>
      <c r="E11658">
        <v>7804.8</v>
      </c>
      <c r="F11658">
        <v>22.291599999999999</v>
      </c>
    </row>
    <row r="11659" spans="1:6" x14ac:dyDescent="0.25">
      <c r="A11659">
        <v>160.41</v>
      </c>
      <c r="B11659">
        <v>189.52</v>
      </c>
      <c r="C11659">
        <v>6436.35</v>
      </c>
      <c r="D11659">
        <v>3.4</v>
      </c>
      <c r="E11659">
        <v>7664.57</v>
      </c>
      <c r="F11659">
        <v>22.236699999999999</v>
      </c>
    </row>
    <row r="11660" spans="1:6" x14ac:dyDescent="0.25">
      <c r="A11660">
        <v>160.41</v>
      </c>
      <c r="B11660">
        <v>189.52</v>
      </c>
      <c r="C11660">
        <v>6436.35</v>
      </c>
      <c r="D11660">
        <v>3.7</v>
      </c>
      <c r="E11660">
        <v>7614.08</v>
      </c>
      <c r="F11660">
        <v>22.8964</v>
      </c>
    </row>
    <row r="11661" spans="1:6" x14ac:dyDescent="0.25">
      <c r="A11661">
        <v>160.41</v>
      </c>
      <c r="B11661">
        <v>189.52</v>
      </c>
      <c r="C11661">
        <v>6436.35</v>
      </c>
      <c r="D11661">
        <v>4</v>
      </c>
      <c r="E11661">
        <v>7490.6</v>
      </c>
      <c r="F11661">
        <v>23.463799999999999</v>
      </c>
    </row>
    <row r="11662" spans="1:6" x14ac:dyDescent="0.25">
      <c r="A11662">
        <v>160.41</v>
      </c>
      <c r="B11662">
        <v>189.52</v>
      </c>
      <c r="C11662">
        <v>7981.8</v>
      </c>
      <c r="D11662">
        <v>1</v>
      </c>
      <c r="E11662">
        <v>11483</v>
      </c>
      <c r="F11662">
        <v>37.7286</v>
      </c>
    </row>
    <row r="11663" spans="1:6" x14ac:dyDescent="0.25">
      <c r="A11663">
        <v>160.41</v>
      </c>
      <c r="B11663">
        <v>189.52</v>
      </c>
      <c r="C11663">
        <v>7981.8</v>
      </c>
      <c r="D11663">
        <v>1.3</v>
      </c>
      <c r="E11663">
        <v>10912.2</v>
      </c>
      <c r="F11663">
        <v>40.700099999999999</v>
      </c>
    </row>
    <row r="11664" spans="1:6" x14ac:dyDescent="0.25">
      <c r="A11664">
        <v>160.41</v>
      </c>
      <c r="B11664">
        <v>189.52</v>
      </c>
      <c r="C11664">
        <v>7981.8</v>
      </c>
      <c r="D11664">
        <v>1.6</v>
      </c>
      <c r="E11664">
        <v>10179.200000000001</v>
      </c>
      <c r="F11664">
        <v>36.637099999999997</v>
      </c>
    </row>
    <row r="11665" spans="1:6" x14ac:dyDescent="0.25">
      <c r="A11665">
        <v>160.41</v>
      </c>
      <c r="B11665">
        <v>189.52</v>
      </c>
      <c r="C11665">
        <v>7981.8</v>
      </c>
      <c r="D11665">
        <v>1.9</v>
      </c>
      <c r="E11665">
        <v>9965.23</v>
      </c>
      <c r="F11665">
        <v>20.4754</v>
      </c>
    </row>
    <row r="11666" spans="1:6" x14ac:dyDescent="0.25">
      <c r="A11666">
        <v>160.41</v>
      </c>
      <c r="B11666">
        <v>189.52</v>
      </c>
      <c r="C11666">
        <v>7981.8</v>
      </c>
      <c r="D11666">
        <v>2.2000000000000002</v>
      </c>
      <c r="E11666">
        <v>9652.9599999999991</v>
      </c>
      <c r="F11666">
        <v>48.799300000000002</v>
      </c>
    </row>
    <row r="11667" spans="1:6" x14ac:dyDescent="0.25">
      <c r="A11667">
        <v>160.41</v>
      </c>
      <c r="B11667">
        <v>189.52</v>
      </c>
      <c r="C11667">
        <v>7981.8</v>
      </c>
      <c r="D11667">
        <v>2.5</v>
      </c>
      <c r="E11667">
        <v>9477.7900000000009</v>
      </c>
      <c r="F11667">
        <v>48.241100000000003</v>
      </c>
    </row>
    <row r="11668" spans="1:6" x14ac:dyDescent="0.25">
      <c r="A11668">
        <v>160.41</v>
      </c>
      <c r="B11668">
        <v>189.52</v>
      </c>
      <c r="C11668">
        <v>7981.8</v>
      </c>
      <c r="D11668">
        <v>2.8</v>
      </c>
      <c r="E11668">
        <v>9325.5300000000007</v>
      </c>
      <c r="F11668">
        <v>38.1128</v>
      </c>
    </row>
    <row r="11669" spans="1:6" x14ac:dyDescent="0.25">
      <c r="A11669">
        <v>160.41</v>
      </c>
      <c r="B11669">
        <v>189.52</v>
      </c>
      <c r="C11669">
        <v>7981.8</v>
      </c>
      <c r="D11669">
        <v>3.1</v>
      </c>
      <c r="E11669">
        <v>9225.81</v>
      </c>
      <c r="F11669">
        <v>22.291599999999999</v>
      </c>
    </row>
    <row r="11670" spans="1:6" x14ac:dyDescent="0.25">
      <c r="A11670">
        <v>160.41</v>
      </c>
      <c r="B11670">
        <v>189.52</v>
      </c>
      <c r="C11670">
        <v>7981.8</v>
      </c>
      <c r="D11670">
        <v>3.4</v>
      </c>
      <c r="E11670">
        <v>9166.7199999999993</v>
      </c>
      <c r="F11670">
        <v>22.236699999999999</v>
      </c>
    </row>
    <row r="11671" spans="1:6" x14ac:dyDescent="0.25">
      <c r="A11671">
        <v>160.41</v>
      </c>
      <c r="B11671">
        <v>189.52</v>
      </c>
      <c r="C11671">
        <v>7981.8</v>
      </c>
      <c r="D11671">
        <v>3.7</v>
      </c>
      <c r="E11671">
        <v>9101.42</v>
      </c>
      <c r="F11671">
        <v>22.8964</v>
      </c>
    </row>
    <row r="11672" spans="1:6" x14ac:dyDescent="0.25">
      <c r="A11672">
        <v>160.41</v>
      </c>
      <c r="B11672">
        <v>189.52</v>
      </c>
      <c r="C11672">
        <v>7981.8</v>
      </c>
      <c r="D11672">
        <v>4</v>
      </c>
      <c r="E11672">
        <v>8974.24</v>
      </c>
      <c r="F11672">
        <v>23.463799999999999</v>
      </c>
    </row>
    <row r="11673" spans="1:6" x14ac:dyDescent="0.25">
      <c r="A11673">
        <v>160.41</v>
      </c>
      <c r="B11673">
        <v>189.52</v>
      </c>
      <c r="C11673">
        <v>9527.25</v>
      </c>
      <c r="D11673">
        <v>1</v>
      </c>
      <c r="E11673">
        <v>13081.9</v>
      </c>
      <c r="F11673">
        <v>37.7286</v>
      </c>
    </row>
    <row r="11674" spans="1:6" x14ac:dyDescent="0.25">
      <c r="A11674">
        <v>160.41</v>
      </c>
      <c r="B11674">
        <v>189.52</v>
      </c>
      <c r="C11674">
        <v>9527.25</v>
      </c>
      <c r="D11674">
        <v>1.3</v>
      </c>
      <c r="E11674">
        <v>12181.8</v>
      </c>
      <c r="F11674">
        <v>40.700099999999999</v>
      </c>
    </row>
    <row r="11675" spans="1:6" x14ac:dyDescent="0.25">
      <c r="A11675">
        <v>160.41</v>
      </c>
      <c r="B11675">
        <v>189.52</v>
      </c>
      <c r="C11675">
        <v>9527.25</v>
      </c>
      <c r="D11675">
        <v>1.6</v>
      </c>
      <c r="E11675">
        <v>11865.9</v>
      </c>
      <c r="F11675">
        <v>36.637099999999997</v>
      </c>
    </row>
    <row r="11676" spans="1:6" x14ac:dyDescent="0.25">
      <c r="A11676">
        <v>160.41</v>
      </c>
      <c r="B11676">
        <v>189.52</v>
      </c>
      <c r="C11676">
        <v>9527.25</v>
      </c>
      <c r="D11676">
        <v>1.9</v>
      </c>
      <c r="E11676">
        <v>11473.7</v>
      </c>
      <c r="F11676">
        <v>20.4754</v>
      </c>
    </row>
    <row r="11677" spans="1:6" x14ac:dyDescent="0.25">
      <c r="A11677">
        <v>160.41</v>
      </c>
      <c r="B11677">
        <v>189.52</v>
      </c>
      <c r="C11677">
        <v>9527.25</v>
      </c>
      <c r="D11677">
        <v>2.2000000000000002</v>
      </c>
      <c r="E11677">
        <v>11354.3</v>
      </c>
      <c r="F11677">
        <v>48.799300000000002</v>
      </c>
    </row>
    <row r="11678" spans="1:6" x14ac:dyDescent="0.25">
      <c r="A11678">
        <v>160.41</v>
      </c>
      <c r="B11678">
        <v>189.52</v>
      </c>
      <c r="C11678">
        <v>9527.25</v>
      </c>
      <c r="D11678">
        <v>2.5</v>
      </c>
      <c r="E11678">
        <v>11013.3</v>
      </c>
      <c r="F11678">
        <v>48.241100000000003</v>
      </c>
    </row>
    <row r="11679" spans="1:6" x14ac:dyDescent="0.25">
      <c r="A11679">
        <v>160.41</v>
      </c>
      <c r="B11679">
        <v>189.52</v>
      </c>
      <c r="C11679">
        <v>9527.25</v>
      </c>
      <c r="D11679">
        <v>2.8</v>
      </c>
      <c r="E11679">
        <v>10932.5</v>
      </c>
      <c r="F11679">
        <v>38.1128</v>
      </c>
    </row>
    <row r="11680" spans="1:6" x14ac:dyDescent="0.25">
      <c r="A11680">
        <v>160.41</v>
      </c>
      <c r="B11680">
        <v>189.52</v>
      </c>
      <c r="C11680">
        <v>9527.25</v>
      </c>
      <c r="D11680">
        <v>3.1</v>
      </c>
      <c r="E11680">
        <v>10753.5</v>
      </c>
      <c r="F11680">
        <v>22.291599999999999</v>
      </c>
    </row>
    <row r="11681" spans="1:6" x14ac:dyDescent="0.25">
      <c r="A11681">
        <v>160.41</v>
      </c>
      <c r="B11681">
        <v>189.52</v>
      </c>
      <c r="C11681">
        <v>9527.25</v>
      </c>
      <c r="D11681">
        <v>3.4</v>
      </c>
      <c r="E11681">
        <v>10663.8</v>
      </c>
      <c r="F11681">
        <v>22.236699999999999</v>
      </c>
    </row>
    <row r="11682" spans="1:6" x14ac:dyDescent="0.25">
      <c r="A11682">
        <v>160.41</v>
      </c>
      <c r="B11682">
        <v>189.52</v>
      </c>
      <c r="C11682">
        <v>9527.25</v>
      </c>
      <c r="D11682">
        <v>3.7</v>
      </c>
      <c r="E11682">
        <v>10609.9</v>
      </c>
      <c r="F11682">
        <v>22.8964</v>
      </c>
    </row>
    <row r="11683" spans="1:6" x14ac:dyDescent="0.25">
      <c r="A11683">
        <v>160.41</v>
      </c>
      <c r="B11683">
        <v>189.52</v>
      </c>
      <c r="C11683">
        <v>9527.25</v>
      </c>
      <c r="D11683">
        <v>4</v>
      </c>
      <c r="E11683">
        <v>10553</v>
      </c>
      <c r="F11683">
        <v>23.463799999999999</v>
      </c>
    </row>
    <row r="11684" spans="1:6" x14ac:dyDescent="0.25">
      <c r="A11684">
        <v>160.41</v>
      </c>
      <c r="B11684">
        <v>189.52</v>
      </c>
      <c r="C11684">
        <v>11072.7</v>
      </c>
      <c r="D11684">
        <v>1</v>
      </c>
      <c r="E11684">
        <v>14687</v>
      </c>
      <c r="F11684">
        <v>37.7286</v>
      </c>
    </row>
    <row r="11685" spans="1:6" x14ac:dyDescent="0.25">
      <c r="A11685">
        <v>160.41</v>
      </c>
      <c r="B11685">
        <v>189.52</v>
      </c>
      <c r="C11685">
        <v>11072.7</v>
      </c>
      <c r="D11685">
        <v>1.3</v>
      </c>
      <c r="E11685">
        <v>13626.4</v>
      </c>
      <c r="F11685">
        <v>40.700099999999999</v>
      </c>
    </row>
    <row r="11686" spans="1:6" x14ac:dyDescent="0.25">
      <c r="A11686">
        <v>160.41</v>
      </c>
      <c r="B11686">
        <v>189.52</v>
      </c>
      <c r="C11686">
        <v>11072.7</v>
      </c>
      <c r="D11686">
        <v>1.6</v>
      </c>
      <c r="E11686">
        <v>13343.8</v>
      </c>
      <c r="F11686">
        <v>36.637099999999997</v>
      </c>
    </row>
    <row r="11687" spans="1:6" x14ac:dyDescent="0.25">
      <c r="A11687">
        <v>160.41</v>
      </c>
      <c r="B11687">
        <v>189.52</v>
      </c>
      <c r="C11687">
        <v>11072.7</v>
      </c>
      <c r="D11687">
        <v>1.9</v>
      </c>
      <c r="E11687">
        <v>13016.1</v>
      </c>
      <c r="F11687">
        <v>20.4754</v>
      </c>
    </row>
    <row r="11688" spans="1:6" x14ac:dyDescent="0.25">
      <c r="A11688">
        <v>160.41</v>
      </c>
      <c r="B11688">
        <v>189.52</v>
      </c>
      <c r="C11688">
        <v>11072.7</v>
      </c>
      <c r="D11688">
        <v>2.2000000000000002</v>
      </c>
      <c r="E11688">
        <v>12827.4</v>
      </c>
      <c r="F11688">
        <v>48.799300000000002</v>
      </c>
    </row>
    <row r="11689" spans="1:6" x14ac:dyDescent="0.25">
      <c r="A11689">
        <v>160.41</v>
      </c>
      <c r="B11689">
        <v>189.52</v>
      </c>
      <c r="C11689">
        <v>11072.7</v>
      </c>
      <c r="D11689">
        <v>2.5</v>
      </c>
      <c r="E11689">
        <v>12520.7</v>
      </c>
      <c r="F11689">
        <v>48.241100000000003</v>
      </c>
    </row>
    <row r="11690" spans="1:6" x14ac:dyDescent="0.25">
      <c r="A11690">
        <v>160.41</v>
      </c>
      <c r="B11690">
        <v>189.52</v>
      </c>
      <c r="C11690">
        <v>11072.7</v>
      </c>
      <c r="D11690">
        <v>2.8</v>
      </c>
      <c r="E11690">
        <v>12392.3</v>
      </c>
      <c r="F11690">
        <v>38.1128</v>
      </c>
    </row>
    <row r="11691" spans="1:6" x14ac:dyDescent="0.25">
      <c r="A11691">
        <v>160.41</v>
      </c>
      <c r="B11691">
        <v>189.52</v>
      </c>
      <c r="C11691">
        <v>11072.7</v>
      </c>
      <c r="D11691">
        <v>3.1</v>
      </c>
      <c r="E11691">
        <v>12331.1</v>
      </c>
      <c r="F11691">
        <v>22.291599999999999</v>
      </c>
    </row>
    <row r="11692" spans="1:6" x14ac:dyDescent="0.25">
      <c r="A11692">
        <v>160.41</v>
      </c>
      <c r="B11692">
        <v>189.52</v>
      </c>
      <c r="C11692">
        <v>11072.7</v>
      </c>
      <c r="D11692">
        <v>3.4</v>
      </c>
      <c r="E11692">
        <v>12148.4</v>
      </c>
      <c r="F11692">
        <v>22.236699999999999</v>
      </c>
    </row>
    <row r="11693" spans="1:6" x14ac:dyDescent="0.25">
      <c r="A11693">
        <v>160.41</v>
      </c>
      <c r="B11693">
        <v>189.52</v>
      </c>
      <c r="C11693">
        <v>11072.7</v>
      </c>
      <c r="D11693">
        <v>3.7</v>
      </c>
      <c r="E11693">
        <v>12159.3</v>
      </c>
      <c r="F11693">
        <v>22.8964</v>
      </c>
    </row>
    <row r="11694" spans="1:6" x14ac:dyDescent="0.25">
      <c r="A11694">
        <v>160.41</v>
      </c>
      <c r="B11694">
        <v>189.52</v>
      </c>
      <c r="C11694">
        <v>11072.7</v>
      </c>
      <c r="D11694">
        <v>4</v>
      </c>
      <c r="E11694">
        <v>12039.3</v>
      </c>
      <c r="F11694">
        <v>23.463799999999999</v>
      </c>
    </row>
    <row r="11695" spans="1:6" x14ac:dyDescent="0.25">
      <c r="A11695">
        <v>160.41</v>
      </c>
      <c r="B11695">
        <v>189.52</v>
      </c>
      <c r="C11695">
        <v>12618.2</v>
      </c>
      <c r="D11695">
        <v>1</v>
      </c>
      <c r="E11695">
        <v>15935.2</v>
      </c>
      <c r="F11695">
        <v>37.7286</v>
      </c>
    </row>
    <row r="11696" spans="1:6" x14ac:dyDescent="0.25">
      <c r="A11696">
        <v>160.41</v>
      </c>
      <c r="B11696">
        <v>189.52</v>
      </c>
      <c r="C11696">
        <v>12618.2</v>
      </c>
      <c r="D11696">
        <v>1.3</v>
      </c>
      <c r="E11696">
        <v>15177</v>
      </c>
      <c r="F11696">
        <v>40.700099999999999</v>
      </c>
    </row>
    <row r="11697" spans="1:6" x14ac:dyDescent="0.25">
      <c r="A11697">
        <v>160.41</v>
      </c>
      <c r="B11697">
        <v>189.52</v>
      </c>
      <c r="C11697">
        <v>12618.2</v>
      </c>
      <c r="D11697">
        <v>1.6</v>
      </c>
      <c r="E11697">
        <v>14798.4</v>
      </c>
      <c r="F11697">
        <v>36.637099999999997</v>
      </c>
    </row>
    <row r="11698" spans="1:6" x14ac:dyDescent="0.25">
      <c r="A11698">
        <v>160.41</v>
      </c>
      <c r="B11698">
        <v>189.52</v>
      </c>
      <c r="C11698">
        <v>12618.2</v>
      </c>
      <c r="D11698">
        <v>1.9</v>
      </c>
      <c r="E11698">
        <v>14417.4</v>
      </c>
      <c r="F11698">
        <v>20.4754</v>
      </c>
    </row>
    <row r="11699" spans="1:6" x14ac:dyDescent="0.25">
      <c r="A11699">
        <v>160.41</v>
      </c>
      <c r="B11699">
        <v>189.52</v>
      </c>
      <c r="C11699">
        <v>12618.2</v>
      </c>
      <c r="D11699">
        <v>2.2000000000000002</v>
      </c>
      <c r="E11699">
        <v>14232.9</v>
      </c>
      <c r="F11699">
        <v>48.799300000000002</v>
      </c>
    </row>
    <row r="11700" spans="1:6" x14ac:dyDescent="0.25">
      <c r="A11700">
        <v>160.41</v>
      </c>
      <c r="B11700">
        <v>189.52</v>
      </c>
      <c r="C11700">
        <v>12618.2</v>
      </c>
      <c r="D11700">
        <v>2.5</v>
      </c>
      <c r="E11700">
        <v>14049.1</v>
      </c>
      <c r="F11700">
        <v>48.241100000000003</v>
      </c>
    </row>
    <row r="11701" spans="1:6" x14ac:dyDescent="0.25">
      <c r="A11701">
        <v>160.41</v>
      </c>
      <c r="B11701">
        <v>189.52</v>
      </c>
      <c r="C11701">
        <v>12618.2</v>
      </c>
      <c r="D11701">
        <v>2.8</v>
      </c>
      <c r="E11701">
        <v>13882.6</v>
      </c>
      <c r="F11701">
        <v>38.1128</v>
      </c>
    </row>
    <row r="11702" spans="1:6" x14ac:dyDescent="0.25">
      <c r="A11702">
        <v>160.41</v>
      </c>
      <c r="B11702">
        <v>189.52</v>
      </c>
      <c r="C11702">
        <v>12618.2</v>
      </c>
      <c r="D11702">
        <v>3.1</v>
      </c>
      <c r="E11702">
        <v>13712.4</v>
      </c>
      <c r="F11702">
        <v>22.291599999999999</v>
      </c>
    </row>
    <row r="11703" spans="1:6" x14ac:dyDescent="0.25">
      <c r="A11703">
        <v>160.41</v>
      </c>
      <c r="B11703">
        <v>189.52</v>
      </c>
      <c r="C11703">
        <v>12618.2</v>
      </c>
      <c r="D11703">
        <v>3.4</v>
      </c>
      <c r="E11703">
        <v>13644.3</v>
      </c>
      <c r="F11703">
        <v>22.236699999999999</v>
      </c>
    </row>
    <row r="11704" spans="1:6" x14ac:dyDescent="0.25">
      <c r="A11704">
        <v>160.41</v>
      </c>
      <c r="B11704">
        <v>189.52</v>
      </c>
      <c r="C11704">
        <v>12618.2</v>
      </c>
      <c r="D11704">
        <v>3.7</v>
      </c>
      <c r="E11704">
        <v>13640.5</v>
      </c>
      <c r="F11704">
        <v>22.8964</v>
      </c>
    </row>
    <row r="11705" spans="1:6" x14ac:dyDescent="0.25">
      <c r="A11705">
        <v>160.41</v>
      </c>
      <c r="B11705">
        <v>189.52</v>
      </c>
      <c r="C11705">
        <v>12618.2</v>
      </c>
      <c r="D11705">
        <v>4</v>
      </c>
      <c r="E11705">
        <v>13586</v>
      </c>
      <c r="F11705">
        <v>23.463799999999999</v>
      </c>
    </row>
    <row r="11706" spans="1:6" x14ac:dyDescent="0.25">
      <c r="A11706">
        <v>160.41</v>
      </c>
      <c r="B11706">
        <v>189.52</v>
      </c>
      <c r="C11706">
        <v>14163.6</v>
      </c>
      <c r="D11706">
        <v>1</v>
      </c>
      <c r="E11706">
        <v>16312.8</v>
      </c>
      <c r="F11706">
        <v>37.7286</v>
      </c>
    </row>
    <row r="11707" spans="1:6" x14ac:dyDescent="0.25">
      <c r="A11707">
        <v>160.41</v>
      </c>
      <c r="B11707">
        <v>189.52</v>
      </c>
      <c r="C11707">
        <v>14163.6</v>
      </c>
      <c r="D11707">
        <v>1.3</v>
      </c>
      <c r="E11707">
        <v>15925.1</v>
      </c>
      <c r="F11707">
        <v>40.700099999999999</v>
      </c>
    </row>
    <row r="11708" spans="1:6" x14ac:dyDescent="0.25">
      <c r="A11708">
        <v>160.41</v>
      </c>
      <c r="B11708">
        <v>189.52</v>
      </c>
      <c r="C11708">
        <v>14163.6</v>
      </c>
      <c r="D11708">
        <v>1.6</v>
      </c>
      <c r="E11708">
        <v>15672.5</v>
      </c>
      <c r="F11708">
        <v>36.637099999999997</v>
      </c>
    </row>
    <row r="11709" spans="1:6" x14ac:dyDescent="0.25">
      <c r="A11709">
        <v>160.41</v>
      </c>
      <c r="B11709">
        <v>189.52</v>
      </c>
      <c r="C11709">
        <v>14163.6</v>
      </c>
      <c r="D11709">
        <v>1.9</v>
      </c>
      <c r="E11709">
        <v>15552.6</v>
      </c>
      <c r="F11709">
        <v>20.4754</v>
      </c>
    </row>
    <row r="11710" spans="1:6" x14ac:dyDescent="0.25">
      <c r="A11710">
        <v>160.41</v>
      </c>
      <c r="B11710">
        <v>189.52</v>
      </c>
      <c r="C11710">
        <v>14163.6</v>
      </c>
      <c r="D11710">
        <v>2.2000000000000002</v>
      </c>
      <c r="E11710">
        <v>15467.8</v>
      </c>
      <c r="F11710">
        <v>48.799300000000002</v>
      </c>
    </row>
    <row r="11711" spans="1:6" x14ac:dyDescent="0.25">
      <c r="A11711">
        <v>160.41</v>
      </c>
      <c r="B11711">
        <v>189.52</v>
      </c>
      <c r="C11711">
        <v>14163.6</v>
      </c>
      <c r="D11711">
        <v>2.5</v>
      </c>
      <c r="E11711">
        <v>15230.3</v>
      </c>
      <c r="F11711">
        <v>48.241100000000003</v>
      </c>
    </row>
    <row r="11712" spans="1:6" x14ac:dyDescent="0.25">
      <c r="A11712">
        <v>160.41</v>
      </c>
      <c r="B11712">
        <v>189.52</v>
      </c>
      <c r="C11712">
        <v>14163.6</v>
      </c>
      <c r="D11712">
        <v>2.8</v>
      </c>
      <c r="E11712">
        <v>15152.7</v>
      </c>
      <c r="F11712">
        <v>38.1128</v>
      </c>
    </row>
    <row r="11713" spans="1:6" x14ac:dyDescent="0.25">
      <c r="A11713">
        <v>160.41</v>
      </c>
      <c r="B11713">
        <v>189.52</v>
      </c>
      <c r="C11713">
        <v>14163.6</v>
      </c>
      <c r="D11713">
        <v>3.1</v>
      </c>
      <c r="E11713">
        <v>14632.9</v>
      </c>
      <c r="F11713">
        <v>22.291599999999999</v>
      </c>
    </row>
    <row r="11714" spans="1:6" x14ac:dyDescent="0.25">
      <c r="A11714">
        <v>160.41</v>
      </c>
      <c r="B11714">
        <v>189.52</v>
      </c>
      <c r="C11714">
        <v>14163.6</v>
      </c>
      <c r="D11714">
        <v>3.4</v>
      </c>
      <c r="E11714">
        <v>14949.3</v>
      </c>
      <c r="F11714">
        <v>22.236699999999999</v>
      </c>
    </row>
    <row r="11715" spans="1:6" x14ac:dyDescent="0.25">
      <c r="A11715">
        <v>160.41</v>
      </c>
      <c r="B11715">
        <v>189.52</v>
      </c>
      <c r="C11715">
        <v>14163.6</v>
      </c>
      <c r="D11715">
        <v>3.7</v>
      </c>
      <c r="E11715">
        <v>14787.8</v>
      </c>
      <c r="F11715">
        <v>22.8964</v>
      </c>
    </row>
    <row r="11716" spans="1:6" x14ac:dyDescent="0.25">
      <c r="A11716">
        <v>160.41</v>
      </c>
      <c r="B11716">
        <v>189.52</v>
      </c>
      <c r="C11716">
        <v>14163.6</v>
      </c>
      <c r="D11716">
        <v>4</v>
      </c>
      <c r="E11716">
        <v>14783.8</v>
      </c>
      <c r="F11716">
        <v>23.463799999999999</v>
      </c>
    </row>
    <row r="11717" spans="1:6" x14ac:dyDescent="0.25">
      <c r="A11717">
        <v>160.41</v>
      </c>
      <c r="B11717">
        <v>189.52</v>
      </c>
      <c r="C11717">
        <v>15709.1</v>
      </c>
      <c r="D11717">
        <v>1</v>
      </c>
      <c r="E11717">
        <v>17665.2</v>
      </c>
      <c r="F11717">
        <v>37.7286</v>
      </c>
    </row>
    <row r="11718" spans="1:6" x14ac:dyDescent="0.25">
      <c r="A11718">
        <v>160.41</v>
      </c>
      <c r="B11718">
        <v>189.52</v>
      </c>
      <c r="C11718">
        <v>15709.1</v>
      </c>
      <c r="D11718">
        <v>1.3</v>
      </c>
      <c r="E11718">
        <v>15925.1</v>
      </c>
      <c r="F11718">
        <v>40.700099999999999</v>
      </c>
    </row>
    <row r="11719" spans="1:6" x14ac:dyDescent="0.25">
      <c r="A11719">
        <v>160.41</v>
      </c>
      <c r="B11719">
        <v>189.52</v>
      </c>
      <c r="C11719">
        <v>15709.1</v>
      </c>
      <c r="D11719">
        <v>1.6</v>
      </c>
      <c r="E11719">
        <v>16549.400000000001</v>
      </c>
      <c r="F11719">
        <v>36.637099999999997</v>
      </c>
    </row>
    <row r="11720" spans="1:6" x14ac:dyDescent="0.25">
      <c r="A11720">
        <v>160.41</v>
      </c>
      <c r="B11720">
        <v>189.52</v>
      </c>
      <c r="C11720">
        <v>15709.1</v>
      </c>
      <c r="D11720">
        <v>1.9</v>
      </c>
      <c r="E11720">
        <v>15552.6</v>
      </c>
      <c r="F11720">
        <v>20.4754</v>
      </c>
    </row>
    <row r="11721" spans="1:6" x14ac:dyDescent="0.25">
      <c r="A11721">
        <v>160.41</v>
      </c>
      <c r="B11721">
        <v>189.52</v>
      </c>
      <c r="C11721">
        <v>15709.1</v>
      </c>
      <c r="D11721">
        <v>2.2000000000000002</v>
      </c>
      <c r="E11721">
        <v>16632.2</v>
      </c>
      <c r="F11721">
        <v>48.799300000000002</v>
      </c>
    </row>
    <row r="11722" spans="1:6" x14ac:dyDescent="0.25">
      <c r="A11722">
        <v>160.41</v>
      </c>
      <c r="B11722">
        <v>189.52</v>
      </c>
      <c r="C11722">
        <v>15709.1</v>
      </c>
      <c r="D11722">
        <v>2.5</v>
      </c>
      <c r="E11722">
        <v>15740.1</v>
      </c>
      <c r="F11722">
        <v>48.241100000000003</v>
      </c>
    </row>
    <row r="11723" spans="1:6" x14ac:dyDescent="0.25">
      <c r="A11723">
        <v>160.41</v>
      </c>
      <c r="B11723">
        <v>189.52</v>
      </c>
      <c r="C11723">
        <v>15709.1</v>
      </c>
      <c r="D11723">
        <v>2.8</v>
      </c>
      <c r="E11723">
        <v>15690.5</v>
      </c>
      <c r="F11723">
        <v>38.1128</v>
      </c>
    </row>
    <row r="11724" spans="1:6" x14ac:dyDescent="0.25">
      <c r="A11724">
        <v>160.41</v>
      </c>
      <c r="B11724">
        <v>189.52</v>
      </c>
      <c r="C11724">
        <v>15709.1</v>
      </c>
      <c r="D11724">
        <v>3.1</v>
      </c>
      <c r="E11724">
        <v>16383.8</v>
      </c>
      <c r="F11724">
        <v>22.291599999999999</v>
      </c>
    </row>
    <row r="11725" spans="1:6" x14ac:dyDescent="0.25">
      <c r="A11725">
        <v>160.41</v>
      </c>
      <c r="B11725">
        <v>189.52</v>
      </c>
      <c r="C11725">
        <v>15709.1</v>
      </c>
      <c r="D11725">
        <v>3.4</v>
      </c>
      <c r="E11725">
        <v>15056.3</v>
      </c>
      <c r="F11725">
        <v>22.236699999999999</v>
      </c>
    </row>
    <row r="11726" spans="1:6" x14ac:dyDescent="0.25">
      <c r="A11726">
        <v>160.41</v>
      </c>
      <c r="B11726">
        <v>189.52</v>
      </c>
      <c r="C11726">
        <v>15709.1</v>
      </c>
      <c r="D11726">
        <v>3.7</v>
      </c>
      <c r="E11726">
        <v>14787.8</v>
      </c>
      <c r="F11726">
        <v>22.8964</v>
      </c>
    </row>
    <row r="11727" spans="1:6" x14ac:dyDescent="0.25">
      <c r="A11727">
        <v>160.41</v>
      </c>
      <c r="B11727">
        <v>189.52</v>
      </c>
      <c r="C11727">
        <v>15709.1</v>
      </c>
      <c r="D11727">
        <v>4</v>
      </c>
      <c r="E11727">
        <v>14783.8</v>
      </c>
      <c r="F11727">
        <v>23.463799999999999</v>
      </c>
    </row>
    <row r="11728" spans="1:6" x14ac:dyDescent="0.25">
      <c r="A11728">
        <v>160.41</v>
      </c>
      <c r="B11728">
        <v>189.52</v>
      </c>
      <c r="C11728">
        <v>17254.5</v>
      </c>
      <c r="D11728">
        <v>1</v>
      </c>
      <c r="E11728">
        <v>17665.2</v>
      </c>
      <c r="F11728">
        <v>37.7286</v>
      </c>
    </row>
    <row r="11729" spans="1:6" x14ac:dyDescent="0.25">
      <c r="A11729">
        <v>160.41</v>
      </c>
      <c r="B11729">
        <v>189.52</v>
      </c>
      <c r="C11729">
        <v>17254.5</v>
      </c>
      <c r="D11729">
        <v>1.3</v>
      </c>
      <c r="E11729">
        <v>15925.1</v>
      </c>
      <c r="F11729">
        <v>40.700099999999999</v>
      </c>
    </row>
    <row r="11730" spans="1:6" x14ac:dyDescent="0.25">
      <c r="A11730">
        <v>160.41</v>
      </c>
      <c r="B11730">
        <v>189.52</v>
      </c>
      <c r="C11730">
        <v>17254.5</v>
      </c>
      <c r="D11730">
        <v>1.6</v>
      </c>
      <c r="E11730">
        <v>16549.400000000001</v>
      </c>
      <c r="F11730">
        <v>36.637099999999997</v>
      </c>
    </row>
    <row r="11731" spans="1:6" x14ac:dyDescent="0.25">
      <c r="A11731">
        <v>160.41</v>
      </c>
      <c r="B11731">
        <v>189.52</v>
      </c>
      <c r="C11731">
        <v>17254.5</v>
      </c>
      <c r="D11731">
        <v>1.9</v>
      </c>
      <c r="E11731">
        <v>15552.6</v>
      </c>
      <c r="F11731">
        <v>20.4754</v>
      </c>
    </row>
    <row r="11732" spans="1:6" x14ac:dyDescent="0.25">
      <c r="A11732">
        <v>160.41</v>
      </c>
      <c r="B11732">
        <v>189.52</v>
      </c>
      <c r="C11732">
        <v>17254.5</v>
      </c>
      <c r="D11732">
        <v>2.2000000000000002</v>
      </c>
      <c r="E11732">
        <v>16632.2</v>
      </c>
      <c r="F11732">
        <v>48.799300000000002</v>
      </c>
    </row>
    <row r="11733" spans="1:6" x14ac:dyDescent="0.25">
      <c r="A11733">
        <v>160.41</v>
      </c>
      <c r="B11733">
        <v>189.52</v>
      </c>
      <c r="C11733">
        <v>17254.5</v>
      </c>
      <c r="D11733">
        <v>2.5</v>
      </c>
      <c r="E11733">
        <v>17079</v>
      </c>
      <c r="F11733">
        <v>48.241100000000003</v>
      </c>
    </row>
    <row r="11734" spans="1:6" x14ac:dyDescent="0.25">
      <c r="A11734">
        <v>160.41</v>
      </c>
      <c r="B11734">
        <v>189.52</v>
      </c>
      <c r="C11734">
        <v>17254.5</v>
      </c>
      <c r="D11734">
        <v>2.8</v>
      </c>
      <c r="E11734">
        <v>15690.5</v>
      </c>
      <c r="F11734">
        <v>38.1128</v>
      </c>
    </row>
    <row r="11735" spans="1:6" x14ac:dyDescent="0.25">
      <c r="A11735">
        <v>160.41</v>
      </c>
      <c r="B11735">
        <v>189.52</v>
      </c>
      <c r="C11735">
        <v>17254.5</v>
      </c>
      <c r="D11735">
        <v>3.1</v>
      </c>
      <c r="E11735">
        <v>16383.8</v>
      </c>
      <c r="F11735">
        <v>22.291599999999999</v>
      </c>
    </row>
    <row r="11736" spans="1:6" x14ac:dyDescent="0.25">
      <c r="A11736">
        <v>160.41</v>
      </c>
      <c r="B11736">
        <v>189.52</v>
      </c>
      <c r="C11736">
        <v>17254.5</v>
      </c>
      <c r="D11736">
        <v>3.4</v>
      </c>
      <c r="E11736">
        <v>15056.3</v>
      </c>
      <c r="F11736">
        <v>22.236699999999999</v>
      </c>
    </row>
    <row r="11737" spans="1:6" x14ac:dyDescent="0.25">
      <c r="A11737">
        <v>160.41</v>
      </c>
      <c r="B11737">
        <v>189.52</v>
      </c>
      <c r="C11737">
        <v>17254.5</v>
      </c>
      <c r="D11737">
        <v>3.7</v>
      </c>
      <c r="E11737">
        <v>14787.8</v>
      </c>
      <c r="F11737">
        <v>22.8964</v>
      </c>
    </row>
    <row r="11738" spans="1:6" x14ac:dyDescent="0.25">
      <c r="A11738">
        <v>160.41</v>
      </c>
      <c r="B11738">
        <v>189.52</v>
      </c>
      <c r="C11738">
        <v>17254.5</v>
      </c>
      <c r="D11738">
        <v>4</v>
      </c>
      <c r="E11738">
        <v>14783.8</v>
      </c>
      <c r="F11738">
        <v>23.463799999999999</v>
      </c>
    </row>
    <row r="11739" spans="1:6" x14ac:dyDescent="0.25">
      <c r="A11739">
        <v>160.41</v>
      </c>
      <c r="B11739">
        <v>189.52</v>
      </c>
      <c r="C11739">
        <v>18800</v>
      </c>
      <c r="D11739">
        <v>1</v>
      </c>
      <c r="E11739">
        <v>17665.2</v>
      </c>
      <c r="F11739">
        <v>37.7286</v>
      </c>
    </row>
    <row r="11740" spans="1:6" x14ac:dyDescent="0.25">
      <c r="A11740">
        <v>160.41</v>
      </c>
      <c r="B11740">
        <v>189.52</v>
      </c>
      <c r="C11740">
        <v>18800</v>
      </c>
      <c r="D11740">
        <v>1.3</v>
      </c>
      <c r="E11740">
        <v>15925.1</v>
      </c>
      <c r="F11740">
        <v>40.700099999999999</v>
      </c>
    </row>
    <row r="11741" spans="1:6" x14ac:dyDescent="0.25">
      <c r="A11741">
        <v>160.41</v>
      </c>
      <c r="B11741">
        <v>189.52</v>
      </c>
      <c r="C11741">
        <v>18800</v>
      </c>
      <c r="D11741">
        <v>1.6</v>
      </c>
      <c r="E11741">
        <v>16549.400000000001</v>
      </c>
      <c r="F11741">
        <v>36.637099999999997</v>
      </c>
    </row>
    <row r="11742" spans="1:6" x14ac:dyDescent="0.25">
      <c r="A11742">
        <v>160.41</v>
      </c>
      <c r="B11742">
        <v>189.52</v>
      </c>
      <c r="C11742">
        <v>18800</v>
      </c>
      <c r="D11742">
        <v>1.9</v>
      </c>
      <c r="E11742">
        <v>15552.6</v>
      </c>
      <c r="F11742">
        <v>20.4754</v>
      </c>
    </row>
    <row r="11743" spans="1:6" x14ac:dyDescent="0.25">
      <c r="A11743">
        <v>160.41</v>
      </c>
      <c r="B11743">
        <v>189.52</v>
      </c>
      <c r="C11743">
        <v>18800</v>
      </c>
      <c r="D11743">
        <v>2.2000000000000002</v>
      </c>
      <c r="E11743">
        <v>16632.2</v>
      </c>
      <c r="F11743">
        <v>48.799300000000002</v>
      </c>
    </row>
    <row r="11744" spans="1:6" x14ac:dyDescent="0.25">
      <c r="A11744">
        <v>160.41</v>
      </c>
      <c r="B11744">
        <v>189.52</v>
      </c>
      <c r="C11744">
        <v>18800</v>
      </c>
      <c r="D11744">
        <v>2.5</v>
      </c>
      <c r="E11744">
        <v>17079</v>
      </c>
      <c r="F11744">
        <v>48.241100000000003</v>
      </c>
    </row>
    <row r="11745" spans="1:6" x14ac:dyDescent="0.25">
      <c r="A11745">
        <v>160.41</v>
      </c>
      <c r="B11745">
        <v>189.52</v>
      </c>
      <c r="C11745">
        <v>18800</v>
      </c>
      <c r="D11745">
        <v>2.8</v>
      </c>
      <c r="E11745">
        <v>15690.5</v>
      </c>
      <c r="F11745">
        <v>38.1128</v>
      </c>
    </row>
    <row r="11746" spans="1:6" x14ac:dyDescent="0.25">
      <c r="A11746">
        <v>160.41</v>
      </c>
      <c r="B11746">
        <v>189.52</v>
      </c>
      <c r="C11746">
        <v>18800</v>
      </c>
      <c r="D11746">
        <v>3.1</v>
      </c>
      <c r="E11746">
        <v>16383.8</v>
      </c>
      <c r="F11746">
        <v>22.291599999999999</v>
      </c>
    </row>
    <row r="11747" spans="1:6" x14ac:dyDescent="0.25">
      <c r="A11747">
        <v>160.41</v>
      </c>
      <c r="B11747">
        <v>189.52</v>
      </c>
      <c r="C11747">
        <v>18800</v>
      </c>
      <c r="D11747">
        <v>3.4</v>
      </c>
      <c r="E11747">
        <v>15056.3</v>
      </c>
      <c r="F11747">
        <v>22.236699999999999</v>
      </c>
    </row>
    <row r="11748" spans="1:6" x14ac:dyDescent="0.25">
      <c r="A11748">
        <v>160.41</v>
      </c>
      <c r="B11748">
        <v>189.52</v>
      </c>
      <c r="C11748">
        <v>18800</v>
      </c>
      <c r="D11748">
        <v>3.7</v>
      </c>
      <c r="E11748">
        <v>14787.8</v>
      </c>
      <c r="F11748">
        <v>22.8964</v>
      </c>
    </row>
    <row r="11749" spans="1:6" x14ac:dyDescent="0.25">
      <c r="A11749">
        <v>160.41</v>
      </c>
      <c r="B11749">
        <v>189.52</v>
      </c>
      <c r="C11749">
        <v>18800</v>
      </c>
      <c r="D11749">
        <v>4</v>
      </c>
      <c r="E11749">
        <v>14783.8</v>
      </c>
      <c r="F11749">
        <v>23.463799999999999</v>
      </c>
    </row>
    <row r="11750" spans="1:6" x14ac:dyDescent="0.25">
      <c r="A11750">
        <v>160.41</v>
      </c>
      <c r="B11750">
        <v>193.15</v>
      </c>
      <c r="C11750">
        <v>1800</v>
      </c>
      <c r="D11750">
        <v>1</v>
      </c>
      <c r="E11750">
        <v>5495.24</v>
      </c>
      <c r="F11750">
        <v>34.501300000000001</v>
      </c>
    </row>
    <row r="11751" spans="1:6" x14ac:dyDescent="0.25">
      <c r="A11751">
        <v>160.41</v>
      </c>
      <c r="B11751">
        <v>193.15</v>
      </c>
      <c r="C11751">
        <v>1800</v>
      </c>
      <c r="D11751">
        <v>1.3</v>
      </c>
      <c r="E11751">
        <v>4902.33</v>
      </c>
      <c r="F11751">
        <v>39.780700000000003</v>
      </c>
    </row>
    <row r="11752" spans="1:6" x14ac:dyDescent="0.25">
      <c r="A11752">
        <v>160.41</v>
      </c>
      <c r="B11752">
        <v>193.15</v>
      </c>
      <c r="C11752">
        <v>1800</v>
      </c>
      <c r="D11752">
        <v>1.6</v>
      </c>
      <c r="E11752">
        <v>4318.16</v>
      </c>
      <c r="F11752">
        <v>48.336500000000001</v>
      </c>
    </row>
    <row r="11753" spans="1:6" x14ac:dyDescent="0.25">
      <c r="A11753">
        <v>160.41</v>
      </c>
      <c r="B11753">
        <v>193.15</v>
      </c>
      <c r="C11753">
        <v>1800</v>
      </c>
      <c r="D11753">
        <v>1.9</v>
      </c>
      <c r="E11753">
        <v>4119.38</v>
      </c>
      <c r="F11753">
        <v>51.853499999999997</v>
      </c>
    </row>
    <row r="11754" spans="1:6" x14ac:dyDescent="0.25">
      <c r="A11754">
        <v>160.41</v>
      </c>
      <c r="B11754">
        <v>193.15</v>
      </c>
      <c r="C11754">
        <v>1800</v>
      </c>
      <c r="D11754">
        <v>2.2000000000000002</v>
      </c>
      <c r="E11754">
        <v>3892.16</v>
      </c>
      <c r="F11754">
        <v>54.764400000000002</v>
      </c>
    </row>
    <row r="11755" spans="1:6" x14ac:dyDescent="0.25">
      <c r="A11755">
        <v>160.41</v>
      </c>
      <c r="B11755">
        <v>193.15</v>
      </c>
      <c r="C11755">
        <v>1800</v>
      </c>
      <c r="D11755">
        <v>2.5</v>
      </c>
      <c r="E11755">
        <v>3658.47</v>
      </c>
      <c r="F11755">
        <v>57.656599999999997</v>
      </c>
    </row>
    <row r="11756" spans="1:6" x14ac:dyDescent="0.25">
      <c r="A11756">
        <v>160.41</v>
      </c>
      <c r="B11756">
        <v>193.15</v>
      </c>
      <c r="C11756">
        <v>1800</v>
      </c>
      <c r="D11756">
        <v>2.8</v>
      </c>
      <c r="E11756">
        <v>3532.77</v>
      </c>
      <c r="F11756">
        <v>60.075299999999999</v>
      </c>
    </row>
    <row r="11757" spans="1:6" x14ac:dyDescent="0.25">
      <c r="A11757">
        <v>160.41</v>
      </c>
      <c r="B11757">
        <v>193.15</v>
      </c>
      <c r="C11757">
        <v>1800</v>
      </c>
      <c r="D11757">
        <v>3.1</v>
      </c>
      <c r="E11757">
        <v>3424.77</v>
      </c>
      <c r="F11757">
        <v>62.552199999999999</v>
      </c>
    </row>
    <row r="11758" spans="1:6" x14ac:dyDescent="0.25">
      <c r="A11758">
        <v>160.41</v>
      </c>
      <c r="B11758">
        <v>193.15</v>
      </c>
      <c r="C11758">
        <v>1800</v>
      </c>
      <c r="D11758">
        <v>3.4</v>
      </c>
      <c r="E11758">
        <v>3368.12</v>
      </c>
      <c r="F11758">
        <v>63.943600000000004</v>
      </c>
    </row>
    <row r="11759" spans="1:6" x14ac:dyDescent="0.25">
      <c r="A11759">
        <v>160.41</v>
      </c>
      <c r="B11759">
        <v>193.15</v>
      </c>
      <c r="C11759">
        <v>1800</v>
      </c>
      <c r="D11759">
        <v>3.7</v>
      </c>
      <c r="E11759">
        <v>3255.3</v>
      </c>
      <c r="F11759">
        <v>69.873400000000004</v>
      </c>
    </row>
    <row r="11760" spans="1:6" x14ac:dyDescent="0.25">
      <c r="A11760">
        <v>160.41</v>
      </c>
      <c r="B11760">
        <v>193.15</v>
      </c>
      <c r="C11760">
        <v>1800</v>
      </c>
      <c r="D11760">
        <v>4</v>
      </c>
      <c r="E11760">
        <v>3220.31</v>
      </c>
      <c r="F11760">
        <v>74.047799999999995</v>
      </c>
    </row>
    <row r="11761" spans="1:6" x14ac:dyDescent="0.25">
      <c r="A11761">
        <v>160.41</v>
      </c>
      <c r="B11761">
        <v>193.15</v>
      </c>
      <c r="C11761">
        <v>3345.45</v>
      </c>
      <c r="D11761">
        <v>1</v>
      </c>
      <c r="E11761">
        <v>6911.55</v>
      </c>
      <c r="F11761">
        <v>37.7286</v>
      </c>
    </row>
    <row r="11762" spans="1:6" x14ac:dyDescent="0.25">
      <c r="A11762">
        <v>160.41</v>
      </c>
      <c r="B11762">
        <v>193.15</v>
      </c>
      <c r="C11762">
        <v>3345.45</v>
      </c>
      <c r="D11762">
        <v>1.3</v>
      </c>
      <c r="E11762">
        <v>6198.66</v>
      </c>
      <c r="F11762">
        <v>40.700099999999999</v>
      </c>
    </row>
    <row r="11763" spans="1:6" x14ac:dyDescent="0.25">
      <c r="A11763">
        <v>160.41</v>
      </c>
      <c r="B11763">
        <v>193.15</v>
      </c>
      <c r="C11763">
        <v>3345.45</v>
      </c>
      <c r="D11763">
        <v>1.6</v>
      </c>
      <c r="E11763">
        <v>5648.48</v>
      </c>
      <c r="F11763">
        <v>36.637099999999997</v>
      </c>
    </row>
    <row r="11764" spans="1:6" x14ac:dyDescent="0.25">
      <c r="A11764">
        <v>160.41</v>
      </c>
      <c r="B11764">
        <v>193.15</v>
      </c>
      <c r="C11764">
        <v>3345.45</v>
      </c>
      <c r="D11764">
        <v>1.9</v>
      </c>
      <c r="E11764">
        <v>5397.31</v>
      </c>
      <c r="F11764">
        <v>20.4754</v>
      </c>
    </row>
    <row r="11765" spans="1:6" x14ac:dyDescent="0.25">
      <c r="A11765">
        <v>160.41</v>
      </c>
      <c r="B11765">
        <v>193.15</v>
      </c>
      <c r="C11765">
        <v>3345.45</v>
      </c>
      <c r="D11765">
        <v>2.2000000000000002</v>
      </c>
      <c r="E11765">
        <v>5056.1099999999997</v>
      </c>
      <c r="F11765">
        <v>48.799300000000002</v>
      </c>
    </row>
    <row r="11766" spans="1:6" x14ac:dyDescent="0.25">
      <c r="A11766">
        <v>160.41</v>
      </c>
      <c r="B11766">
        <v>193.15</v>
      </c>
      <c r="C11766">
        <v>3345.45</v>
      </c>
      <c r="D11766">
        <v>2.5</v>
      </c>
      <c r="E11766">
        <v>5061.54</v>
      </c>
      <c r="F11766">
        <v>48.241100000000003</v>
      </c>
    </row>
    <row r="11767" spans="1:6" x14ac:dyDescent="0.25">
      <c r="A11767">
        <v>160.41</v>
      </c>
      <c r="B11767">
        <v>193.15</v>
      </c>
      <c r="C11767">
        <v>3345.45</v>
      </c>
      <c r="D11767">
        <v>2.8</v>
      </c>
      <c r="E11767">
        <v>4837.7700000000004</v>
      </c>
      <c r="F11767">
        <v>38.1128</v>
      </c>
    </row>
    <row r="11768" spans="1:6" x14ac:dyDescent="0.25">
      <c r="A11768">
        <v>160.41</v>
      </c>
      <c r="B11768">
        <v>193.15</v>
      </c>
      <c r="C11768">
        <v>3345.45</v>
      </c>
      <c r="D11768">
        <v>3.1</v>
      </c>
      <c r="E11768">
        <v>4797.33</v>
      </c>
      <c r="F11768">
        <v>22.291599999999999</v>
      </c>
    </row>
    <row r="11769" spans="1:6" x14ac:dyDescent="0.25">
      <c r="A11769">
        <v>160.41</v>
      </c>
      <c r="B11769">
        <v>193.15</v>
      </c>
      <c r="C11769">
        <v>3345.45</v>
      </c>
      <c r="D11769">
        <v>3.4</v>
      </c>
      <c r="E11769">
        <v>4668.08</v>
      </c>
      <c r="F11769">
        <v>22.236699999999999</v>
      </c>
    </row>
    <row r="11770" spans="1:6" x14ac:dyDescent="0.25">
      <c r="A11770">
        <v>160.41</v>
      </c>
      <c r="B11770">
        <v>193.15</v>
      </c>
      <c r="C11770">
        <v>3345.45</v>
      </c>
      <c r="D11770">
        <v>3.7</v>
      </c>
      <c r="E11770">
        <v>4499.47</v>
      </c>
      <c r="F11770">
        <v>22.8964</v>
      </c>
    </row>
    <row r="11771" spans="1:6" x14ac:dyDescent="0.25">
      <c r="A11771">
        <v>160.41</v>
      </c>
      <c r="B11771">
        <v>193.15</v>
      </c>
      <c r="C11771">
        <v>3345.45</v>
      </c>
      <c r="D11771">
        <v>4</v>
      </c>
      <c r="E11771">
        <v>4543.5</v>
      </c>
      <c r="F11771">
        <v>23.463799999999999</v>
      </c>
    </row>
    <row r="11772" spans="1:6" x14ac:dyDescent="0.25">
      <c r="A11772">
        <v>160.41</v>
      </c>
      <c r="B11772">
        <v>193.15</v>
      </c>
      <c r="C11772">
        <v>4890.8999999999996</v>
      </c>
      <c r="D11772">
        <v>1</v>
      </c>
      <c r="E11772">
        <v>8612.16</v>
      </c>
      <c r="F11772">
        <v>37.7286</v>
      </c>
    </row>
    <row r="11773" spans="1:6" x14ac:dyDescent="0.25">
      <c r="A11773">
        <v>160.41</v>
      </c>
      <c r="B11773">
        <v>193.15</v>
      </c>
      <c r="C11773">
        <v>4890.8999999999996</v>
      </c>
      <c r="D11773">
        <v>1.3</v>
      </c>
      <c r="E11773">
        <v>7648.66</v>
      </c>
      <c r="F11773">
        <v>40.700099999999999</v>
      </c>
    </row>
    <row r="11774" spans="1:6" x14ac:dyDescent="0.25">
      <c r="A11774">
        <v>160.41</v>
      </c>
      <c r="B11774">
        <v>193.15</v>
      </c>
      <c r="C11774">
        <v>4890.8999999999996</v>
      </c>
      <c r="D11774">
        <v>1.6</v>
      </c>
      <c r="E11774">
        <v>7217.38</v>
      </c>
      <c r="F11774">
        <v>36.637099999999997</v>
      </c>
    </row>
    <row r="11775" spans="1:6" x14ac:dyDescent="0.25">
      <c r="A11775">
        <v>160.41</v>
      </c>
      <c r="B11775">
        <v>193.15</v>
      </c>
      <c r="C11775">
        <v>4890.8999999999996</v>
      </c>
      <c r="D11775">
        <v>1.9</v>
      </c>
      <c r="E11775">
        <v>6881.4</v>
      </c>
      <c r="F11775">
        <v>20.4754</v>
      </c>
    </row>
    <row r="11776" spans="1:6" x14ac:dyDescent="0.25">
      <c r="A11776">
        <v>160.41</v>
      </c>
      <c r="B11776">
        <v>193.15</v>
      </c>
      <c r="C11776">
        <v>4890.8999999999996</v>
      </c>
      <c r="D11776">
        <v>2.2000000000000002</v>
      </c>
      <c r="E11776">
        <v>6760.06</v>
      </c>
      <c r="F11776">
        <v>48.799300000000002</v>
      </c>
    </row>
    <row r="11777" spans="1:6" x14ac:dyDescent="0.25">
      <c r="A11777">
        <v>160.41</v>
      </c>
      <c r="B11777">
        <v>193.15</v>
      </c>
      <c r="C11777">
        <v>4890.8999999999996</v>
      </c>
      <c r="D11777">
        <v>2.5</v>
      </c>
      <c r="E11777">
        <v>6484.49</v>
      </c>
      <c r="F11777">
        <v>48.241100000000003</v>
      </c>
    </row>
    <row r="11778" spans="1:6" x14ac:dyDescent="0.25">
      <c r="A11778">
        <v>160.41</v>
      </c>
      <c r="B11778">
        <v>193.15</v>
      </c>
      <c r="C11778">
        <v>4890.8999999999996</v>
      </c>
      <c r="D11778">
        <v>2.8</v>
      </c>
      <c r="E11778">
        <v>6292.26</v>
      </c>
      <c r="F11778">
        <v>38.1128</v>
      </c>
    </row>
    <row r="11779" spans="1:6" x14ac:dyDescent="0.25">
      <c r="A11779">
        <v>160.41</v>
      </c>
      <c r="B11779">
        <v>193.15</v>
      </c>
      <c r="C11779">
        <v>4890.8999999999996</v>
      </c>
      <c r="D11779">
        <v>3.1</v>
      </c>
      <c r="E11779">
        <v>6241.42</v>
      </c>
      <c r="F11779">
        <v>22.291599999999999</v>
      </c>
    </row>
    <row r="11780" spans="1:6" x14ac:dyDescent="0.25">
      <c r="A11780">
        <v>160.41</v>
      </c>
      <c r="B11780">
        <v>193.15</v>
      </c>
      <c r="C11780">
        <v>4890.8999999999996</v>
      </c>
      <c r="D11780">
        <v>3.4</v>
      </c>
      <c r="E11780">
        <v>6131.17</v>
      </c>
      <c r="F11780">
        <v>22.236699999999999</v>
      </c>
    </row>
    <row r="11781" spans="1:6" x14ac:dyDescent="0.25">
      <c r="A11781">
        <v>160.41</v>
      </c>
      <c r="B11781">
        <v>193.15</v>
      </c>
      <c r="C11781">
        <v>4890.8999999999996</v>
      </c>
      <c r="D11781">
        <v>3.7</v>
      </c>
      <c r="E11781">
        <v>6128.19</v>
      </c>
      <c r="F11781">
        <v>22.8964</v>
      </c>
    </row>
    <row r="11782" spans="1:6" x14ac:dyDescent="0.25">
      <c r="A11782">
        <v>160.41</v>
      </c>
      <c r="B11782">
        <v>193.15</v>
      </c>
      <c r="C11782">
        <v>4890.8999999999996</v>
      </c>
      <c r="D11782">
        <v>4</v>
      </c>
      <c r="E11782">
        <v>6025.01</v>
      </c>
      <c r="F11782">
        <v>23.463799999999999</v>
      </c>
    </row>
    <row r="11783" spans="1:6" x14ac:dyDescent="0.25">
      <c r="A11783">
        <v>160.41</v>
      </c>
      <c r="B11783">
        <v>193.15</v>
      </c>
      <c r="C11783">
        <v>6436.35</v>
      </c>
      <c r="D11783">
        <v>1</v>
      </c>
      <c r="E11783">
        <v>9939.82</v>
      </c>
      <c r="F11783">
        <v>37.7286</v>
      </c>
    </row>
    <row r="11784" spans="1:6" x14ac:dyDescent="0.25">
      <c r="A11784">
        <v>160.41</v>
      </c>
      <c r="B11784">
        <v>193.15</v>
      </c>
      <c r="C11784">
        <v>6436.35</v>
      </c>
      <c r="D11784">
        <v>1.3</v>
      </c>
      <c r="E11784">
        <v>9230.75</v>
      </c>
      <c r="F11784">
        <v>40.700099999999999</v>
      </c>
    </row>
    <row r="11785" spans="1:6" x14ac:dyDescent="0.25">
      <c r="A11785">
        <v>160.41</v>
      </c>
      <c r="B11785">
        <v>193.15</v>
      </c>
      <c r="C11785">
        <v>6436.35</v>
      </c>
      <c r="D11785">
        <v>1.6</v>
      </c>
      <c r="E11785">
        <v>8642.7099999999991</v>
      </c>
      <c r="F11785">
        <v>36.637099999999997</v>
      </c>
    </row>
    <row r="11786" spans="1:6" x14ac:dyDescent="0.25">
      <c r="A11786">
        <v>160.41</v>
      </c>
      <c r="B11786">
        <v>193.15</v>
      </c>
      <c r="C11786">
        <v>6436.35</v>
      </c>
      <c r="D11786">
        <v>1.9</v>
      </c>
      <c r="E11786">
        <v>8480.41</v>
      </c>
      <c r="F11786">
        <v>20.4754</v>
      </c>
    </row>
    <row r="11787" spans="1:6" x14ac:dyDescent="0.25">
      <c r="A11787">
        <v>160.41</v>
      </c>
      <c r="B11787">
        <v>193.15</v>
      </c>
      <c r="C11787">
        <v>6436.35</v>
      </c>
      <c r="D11787">
        <v>2.2000000000000002</v>
      </c>
      <c r="E11787">
        <v>8239.99</v>
      </c>
      <c r="F11787">
        <v>48.799300000000002</v>
      </c>
    </row>
    <row r="11788" spans="1:6" x14ac:dyDescent="0.25">
      <c r="A11788">
        <v>160.41</v>
      </c>
      <c r="B11788">
        <v>193.15</v>
      </c>
      <c r="C11788">
        <v>6436.35</v>
      </c>
      <c r="D11788">
        <v>2.5</v>
      </c>
      <c r="E11788">
        <v>8017.4</v>
      </c>
      <c r="F11788">
        <v>48.241100000000003</v>
      </c>
    </row>
    <row r="11789" spans="1:6" x14ac:dyDescent="0.25">
      <c r="A11789">
        <v>160.41</v>
      </c>
      <c r="B11789">
        <v>193.15</v>
      </c>
      <c r="C11789">
        <v>6436.35</v>
      </c>
      <c r="D11789">
        <v>2.8</v>
      </c>
      <c r="E11789">
        <v>7841.14</v>
      </c>
      <c r="F11789">
        <v>38.1128</v>
      </c>
    </row>
    <row r="11790" spans="1:6" x14ac:dyDescent="0.25">
      <c r="A11790">
        <v>160.41</v>
      </c>
      <c r="B11790">
        <v>193.15</v>
      </c>
      <c r="C11790">
        <v>6436.35</v>
      </c>
      <c r="D11790">
        <v>3.1</v>
      </c>
      <c r="E11790">
        <v>7769.2</v>
      </c>
      <c r="F11790">
        <v>22.291599999999999</v>
      </c>
    </row>
    <row r="11791" spans="1:6" x14ac:dyDescent="0.25">
      <c r="A11791">
        <v>160.41</v>
      </c>
      <c r="B11791">
        <v>193.15</v>
      </c>
      <c r="C11791">
        <v>6436.35</v>
      </c>
      <c r="D11791">
        <v>3.4</v>
      </c>
      <c r="E11791">
        <v>7698.87</v>
      </c>
      <c r="F11791">
        <v>22.236699999999999</v>
      </c>
    </row>
    <row r="11792" spans="1:6" x14ac:dyDescent="0.25">
      <c r="A11792">
        <v>160.41</v>
      </c>
      <c r="B11792">
        <v>193.15</v>
      </c>
      <c r="C11792">
        <v>6436.35</v>
      </c>
      <c r="D11792">
        <v>3.7</v>
      </c>
      <c r="E11792">
        <v>7580.7</v>
      </c>
      <c r="F11792">
        <v>22.8964</v>
      </c>
    </row>
    <row r="11793" spans="1:6" x14ac:dyDescent="0.25">
      <c r="A11793">
        <v>160.41</v>
      </c>
      <c r="B11793">
        <v>193.15</v>
      </c>
      <c r="C11793">
        <v>6436.35</v>
      </c>
      <c r="D11793">
        <v>4</v>
      </c>
      <c r="E11793">
        <v>7488.58</v>
      </c>
      <c r="F11793">
        <v>23.463799999999999</v>
      </c>
    </row>
    <row r="11794" spans="1:6" x14ac:dyDescent="0.25">
      <c r="A11794">
        <v>160.41</v>
      </c>
      <c r="B11794">
        <v>193.15</v>
      </c>
      <c r="C11794">
        <v>7981.8</v>
      </c>
      <c r="D11794">
        <v>1</v>
      </c>
      <c r="E11794">
        <v>11483</v>
      </c>
      <c r="F11794">
        <v>37.7286</v>
      </c>
    </row>
    <row r="11795" spans="1:6" x14ac:dyDescent="0.25">
      <c r="A11795">
        <v>160.41</v>
      </c>
      <c r="B11795">
        <v>193.15</v>
      </c>
      <c r="C11795">
        <v>7981.8</v>
      </c>
      <c r="D11795">
        <v>1.3</v>
      </c>
      <c r="E11795">
        <v>10912.2</v>
      </c>
      <c r="F11795">
        <v>40.700099999999999</v>
      </c>
    </row>
    <row r="11796" spans="1:6" x14ac:dyDescent="0.25">
      <c r="A11796">
        <v>160.41</v>
      </c>
      <c r="B11796">
        <v>193.15</v>
      </c>
      <c r="C11796">
        <v>7981.8</v>
      </c>
      <c r="D11796">
        <v>1.6</v>
      </c>
      <c r="E11796">
        <v>10179.200000000001</v>
      </c>
      <c r="F11796">
        <v>36.637099999999997</v>
      </c>
    </row>
    <row r="11797" spans="1:6" x14ac:dyDescent="0.25">
      <c r="A11797">
        <v>160.41</v>
      </c>
      <c r="B11797">
        <v>193.15</v>
      </c>
      <c r="C11797">
        <v>7981.8</v>
      </c>
      <c r="D11797">
        <v>1.9</v>
      </c>
      <c r="E11797">
        <v>9905.9699999999993</v>
      </c>
      <c r="F11797">
        <v>20.4754</v>
      </c>
    </row>
    <row r="11798" spans="1:6" x14ac:dyDescent="0.25">
      <c r="A11798">
        <v>160.41</v>
      </c>
      <c r="B11798">
        <v>193.15</v>
      </c>
      <c r="C11798">
        <v>7981.8</v>
      </c>
      <c r="D11798">
        <v>2.2000000000000002</v>
      </c>
      <c r="E11798">
        <v>9785.07</v>
      </c>
      <c r="F11798">
        <v>48.799300000000002</v>
      </c>
    </row>
    <row r="11799" spans="1:6" x14ac:dyDescent="0.25">
      <c r="A11799">
        <v>160.41</v>
      </c>
      <c r="B11799">
        <v>193.15</v>
      </c>
      <c r="C11799">
        <v>7981.8</v>
      </c>
      <c r="D11799">
        <v>2.5</v>
      </c>
      <c r="E11799">
        <v>9481.65</v>
      </c>
      <c r="F11799">
        <v>48.241100000000003</v>
      </c>
    </row>
    <row r="11800" spans="1:6" x14ac:dyDescent="0.25">
      <c r="A11800">
        <v>160.41</v>
      </c>
      <c r="B11800">
        <v>193.15</v>
      </c>
      <c r="C11800">
        <v>7981.8</v>
      </c>
      <c r="D11800">
        <v>2.8</v>
      </c>
      <c r="E11800">
        <v>9326.58</v>
      </c>
      <c r="F11800">
        <v>38.1128</v>
      </c>
    </row>
    <row r="11801" spans="1:6" x14ac:dyDescent="0.25">
      <c r="A11801">
        <v>160.41</v>
      </c>
      <c r="B11801">
        <v>193.15</v>
      </c>
      <c r="C11801">
        <v>7981.8</v>
      </c>
      <c r="D11801">
        <v>3.1</v>
      </c>
      <c r="E11801">
        <v>9182.7999999999993</v>
      </c>
      <c r="F11801">
        <v>22.291599999999999</v>
      </c>
    </row>
    <row r="11802" spans="1:6" x14ac:dyDescent="0.25">
      <c r="A11802">
        <v>160.41</v>
      </c>
      <c r="B11802">
        <v>193.15</v>
      </c>
      <c r="C11802">
        <v>7981.8</v>
      </c>
      <c r="D11802">
        <v>3.4</v>
      </c>
      <c r="E11802">
        <v>9171.58</v>
      </c>
      <c r="F11802">
        <v>22.236699999999999</v>
      </c>
    </row>
    <row r="11803" spans="1:6" x14ac:dyDescent="0.25">
      <c r="A11803">
        <v>160.41</v>
      </c>
      <c r="B11803">
        <v>193.15</v>
      </c>
      <c r="C11803">
        <v>7981.8</v>
      </c>
      <c r="D11803">
        <v>3.7</v>
      </c>
      <c r="E11803">
        <v>9105.33</v>
      </c>
      <c r="F11803">
        <v>22.8964</v>
      </c>
    </row>
    <row r="11804" spans="1:6" x14ac:dyDescent="0.25">
      <c r="A11804">
        <v>160.41</v>
      </c>
      <c r="B11804">
        <v>193.15</v>
      </c>
      <c r="C11804">
        <v>7981.8</v>
      </c>
      <c r="D11804">
        <v>4</v>
      </c>
      <c r="E11804">
        <v>8978.48</v>
      </c>
      <c r="F11804">
        <v>23.463799999999999</v>
      </c>
    </row>
    <row r="11805" spans="1:6" x14ac:dyDescent="0.25">
      <c r="A11805">
        <v>160.41</v>
      </c>
      <c r="B11805">
        <v>193.15</v>
      </c>
      <c r="C11805">
        <v>9527.25</v>
      </c>
      <c r="D11805">
        <v>1</v>
      </c>
      <c r="E11805">
        <v>13055.6</v>
      </c>
      <c r="F11805">
        <v>37.7286</v>
      </c>
    </row>
    <row r="11806" spans="1:6" x14ac:dyDescent="0.25">
      <c r="A11806">
        <v>160.41</v>
      </c>
      <c r="B11806">
        <v>193.15</v>
      </c>
      <c r="C11806">
        <v>9527.25</v>
      </c>
      <c r="D11806">
        <v>1.3</v>
      </c>
      <c r="E11806">
        <v>12181.8</v>
      </c>
      <c r="F11806">
        <v>40.700099999999999</v>
      </c>
    </row>
    <row r="11807" spans="1:6" x14ac:dyDescent="0.25">
      <c r="A11807">
        <v>160.41</v>
      </c>
      <c r="B11807">
        <v>193.15</v>
      </c>
      <c r="C11807">
        <v>9527.25</v>
      </c>
      <c r="D11807">
        <v>1.6</v>
      </c>
      <c r="E11807">
        <v>11865.9</v>
      </c>
      <c r="F11807">
        <v>36.637099999999997</v>
      </c>
    </row>
    <row r="11808" spans="1:6" x14ac:dyDescent="0.25">
      <c r="A11808">
        <v>160.41</v>
      </c>
      <c r="B11808">
        <v>193.15</v>
      </c>
      <c r="C11808">
        <v>9527.25</v>
      </c>
      <c r="D11808">
        <v>1.9</v>
      </c>
      <c r="E11808">
        <v>11423.5</v>
      </c>
      <c r="F11808">
        <v>20.4754</v>
      </c>
    </row>
    <row r="11809" spans="1:6" x14ac:dyDescent="0.25">
      <c r="A11809">
        <v>160.41</v>
      </c>
      <c r="B11809">
        <v>193.15</v>
      </c>
      <c r="C11809">
        <v>9527.25</v>
      </c>
      <c r="D11809">
        <v>2.2000000000000002</v>
      </c>
      <c r="E11809">
        <v>11354.3</v>
      </c>
      <c r="F11809">
        <v>48.799300000000002</v>
      </c>
    </row>
    <row r="11810" spans="1:6" x14ac:dyDescent="0.25">
      <c r="A11810">
        <v>160.41</v>
      </c>
      <c r="B11810">
        <v>193.15</v>
      </c>
      <c r="C11810">
        <v>9527.25</v>
      </c>
      <c r="D11810">
        <v>2.5</v>
      </c>
      <c r="E11810">
        <v>11055.6</v>
      </c>
      <c r="F11810">
        <v>48.241100000000003</v>
      </c>
    </row>
    <row r="11811" spans="1:6" x14ac:dyDescent="0.25">
      <c r="A11811">
        <v>160.41</v>
      </c>
      <c r="B11811">
        <v>193.15</v>
      </c>
      <c r="C11811">
        <v>9527.25</v>
      </c>
      <c r="D11811">
        <v>2.8</v>
      </c>
      <c r="E11811">
        <v>10928.7</v>
      </c>
      <c r="F11811">
        <v>38.1128</v>
      </c>
    </row>
    <row r="11812" spans="1:6" x14ac:dyDescent="0.25">
      <c r="A11812">
        <v>160.41</v>
      </c>
      <c r="B11812">
        <v>193.15</v>
      </c>
      <c r="C11812">
        <v>9527.25</v>
      </c>
      <c r="D11812">
        <v>3.1</v>
      </c>
      <c r="E11812">
        <v>10744.5</v>
      </c>
      <c r="F11812">
        <v>22.291599999999999</v>
      </c>
    </row>
    <row r="11813" spans="1:6" x14ac:dyDescent="0.25">
      <c r="A11813">
        <v>160.41</v>
      </c>
      <c r="B11813">
        <v>193.15</v>
      </c>
      <c r="C11813">
        <v>9527.25</v>
      </c>
      <c r="D11813">
        <v>3.4</v>
      </c>
      <c r="E11813">
        <v>10622.2</v>
      </c>
      <c r="F11813">
        <v>22.236699999999999</v>
      </c>
    </row>
    <row r="11814" spans="1:6" x14ac:dyDescent="0.25">
      <c r="A11814">
        <v>160.41</v>
      </c>
      <c r="B11814">
        <v>193.15</v>
      </c>
      <c r="C11814">
        <v>9527.25</v>
      </c>
      <c r="D11814">
        <v>3.7</v>
      </c>
      <c r="E11814">
        <v>10564.2</v>
      </c>
      <c r="F11814">
        <v>22.8964</v>
      </c>
    </row>
    <row r="11815" spans="1:6" x14ac:dyDescent="0.25">
      <c r="A11815">
        <v>160.41</v>
      </c>
      <c r="B11815">
        <v>193.15</v>
      </c>
      <c r="C11815">
        <v>9527.25</v>
      </c>
      <c r="D11815">
        <v>4</v>
      </c>
      <c r="E11815">
        <v>10534.2</v>
      </c>
      <c r="F11815">
        <v>23.463799999999999</v>
      </c>
    </row>
    <row r="11816" spans="1:6" x14ac:dyDescent="0.25">
      <c r="A11816">
        <v>160.41</v>
      </c>
      <c r="B11816">
        <v>193.15</v>
      </c>
      <c r="C11816">
        <v>11072.7</v>
      </c>
      <c r="D11816">
        <v>1</v>
      </c>
      <c r="E11816">
        <v>14568.2</v>
      </c>
      <c r="F11816">
        <v>37.7286</v>
      </c>
    </row>
    <row r="11817" spans="1:6" x14ac:dyDescent="0.25">
      <c r="A11817">
        <v>160.41</v>
      </c>
      <c r="B11817">
        <v>193.15</v>
      </c>
      <c r="C11817">
        <v>11072.7</v>
      </c>
      <c r="D11817">
        <v>1.3</v>
      </c>
      <c r="E11817">
        <v>13626.4</v>
      </c>
      <c r="F11817">
        <v>40.700099999999999</v>
      </c>
    </row>
    <row r="11818" spans="1:6" x14ac:dyDescent="0.25">
      <c r="A11818">
        <v>160.41</v>
      </c>
      <c r="B11818">
        <v>193.15</v>
      </c>
      <c r="C11818">
        <v>11072.7</v>
      </c>
      <c r="D11818">
        <v>1.6</v>
      </c>
      <c r="E11818">
        <v>13348.7</v>
      </c>
      <c r="F11818">
        <v>36.637099999999997</v>
      </c>
    </row>
    <row r="11819" spans="1:6" x14ac:dyDescent="0.25">
      <c r="A11819">
        <v>160.41</v>
      </c>
      <c r="B11819">
        <v>193.15</v>
      </c>
      <c r="C11819">
        <v>11072.7</v>
      </c>
      <c r="D11819">
        <v>1.9</v>
      </c>
      <c r="E11819">
        <v>12938.4</v>
      </c>
      <c r="F11819">
        <v>20.4754</v>
      </c>
    </row>
    <row r="11820" spans="1:6" x14ac:dyDescent="0.25">
      <c r="A11820">
        <v>160.41</v>
      </c>
      <c r="B11820">
        <v>193.15</v>
      </c>
      <c r="C11820">
        <v>11072.7</v>
      </c>
      <c r="D11820">
        <v>2.2000000000000002</v>
      </c>
      <c r="E11820">
        <v>12827.4</v>
      </c>
      <c r="F11820">
        <v>48.799300000000002</v>
      </c>
    </row>
    <row r="11821" spans="1:6" x14ac:dyDescent="0.25">
      <c r="A11821">
        <v>160.41</v>
      </c>
      <c r="B11821">
        <v>193.15</v>
      </c>
      <c r="C11821">
        <v>11072.7</v>
      </c>
      <c r="D11821">
        <v>2.5</v>
      </c>
      <c r="E11821">
        <v>12655.3</v>
      </c>
      <c r="F11821">
        <v>48.241100000000003</v>
      </c>
    </row>
    <row r="11822" spans="1:6" x14ac:dyDescent="0.25">
      <c r="A11822">
        <v>160.41</v>
      </c>
      <c r="B11822">
        <v>193.15</v>
      </c>
      <c r="C11822">
        <v>11072.7</v>
      </c>
      <c r="D11822">
        <v>2.8</v>
      </c>
      <c r="E11822">
        <v>12390.2</v>
      </c>
      <c r="F11822">
        <v>38.1128</v>
      </c>
    </row>
    <row r="11823" spans="1:6" x14ac:dyDescent="0.25">
      <c r="A11823">
        <v>160.41</v>
      </c>
      <c r="B11823">
        <v>193.15</v>
      </c>
      <c r="C11823">
        <v>11072.7</v>
      </c>
      <c r="D11823">
        <v>3.1</v>
      </c>
      <c r="E11823">
        <v>12331.1</v>
      </c>
      <c r="F11823">
        <v>22.291599999999999</v>
      </c>
    </row>
    <row r="11824" spans="1:6" x14ac:dyDescent="0.25">
      <c r="A11824">
        <v>160.41</v>
      </c>
      <c r="B11824">
        <v>193.15</v>
      </c>
      <c r="C11824">
        <v>11072.7</v>
      </c>
      <c r="D11824">
        <v>3.4</v>
      </c>
      <c r="E11824">
        <v>12126.8</v>
      </c>
      <c r="F11824">
        <v>22.236699999999999</v>
      </c>
    </row>
    <row r="11825" spans="1:6" x14ac:dyDescent="0.25">
      <c r="A11825">
        <v>160.41</v>
      </c>
      <c r="B11825">
        <v>193.15</v>
      </c>
      <c r="C11825">
        <v>11072.7</v>
      </c>
      <c r="D11825">
        <v>3.7</v>
      </c>
      <c r="E11825">
        <v>12051.2</v>
      </c>
      <c r="F11825">
        <v>22.8964</v>
      </c>
    </row>
    <row r="11826" spans="1:6" x14ac:dyDescent="0.25">
      <c r="A11826">
        <v>160.41</v>
      </c>
      <c r="B11826">
        <v>193.15</v>
      </c>
      <c r="C11826">
        <v>11072.7</v>
      </c>
      <c r="D11826">
        <v>4</v>
      </c>
      <c r="E11826">
        <v>12055.1</v>
      </c>
      <c r="F11826">
        <v>23.463799999999999</v>
      </c>
    </row>
    <row r="11827" spans="1:6" x14ac:dyDescent="0.25">
      <c r="A11827">
        <v>160.41</v>
      </c>
      <c r="B11827">
        <v>193.15</v>
      </c>
      <c r="C11827">
        <v>12618.2</v>
      </c>
      <c r="D11827">
        <v>1</v>
      </c>
      <c r="E11827">
        <v>15938.2</v>
      </c>
      <c r="F11827">
        <v>37.7286</v>
      </c>
    </row>
    <row r="11828" spans="1:6" x14ac:dyDescent="0.25">
      <c r="A11828">
        <v>160.41</v>
      </c>
      <c r="B11828">
        <v>193.15</v>
      </c>
      <c r="C11828">
        <v>12618.2</v>
      </c>
      <c r="D11828">
        <v>1.3</v>
      </c>
      <c r="E11828">
        <v>15119.7</v>
      </c>
      <c r="F11828">
        <v>40.700099999999999</v>
      </c>
    </row>
    <row r="11829" spans="1:6" x14ac:dyDescent="0.25">
      <c r="A11829">
        <v>160.41</v>
      </c>
      <c r="B11829">
        <v>193.15</v>
      </c>
      <c r="C11829">
        <v>12618.2</v>
      </c>
      <c r="D11829">
        <v>1.6</v>
      </c>
      <c r="E11829">
        <v>14798.4</v>
      </c>
      <c r="F11829">
        <v>36.637099999999997</v>
      </c>
    </row>
    <row r="11830" spans="1:6" x14ac:dyDescent="0.25">
      <c r="A11830">
        <v>160.41</v>
      </c>
      <c r="B11830">
        <v>193.15</v>
      </c>
      <c r="C11830">
        <v>12618.2</v>
      </c>
      <c r="D11830">
        <v>1.9</v>
      </c>
      <c r="E11830">
        <v>14373.4</v>
      </c>
      <c r="F11830">
        <v>20.4754</v>
      </c>
    </row>
    <row r="11831" spans="1:6" x14ac:dyDescent="0.25">
      <c r="A11831">
        <v>160.41</v>
      </c>
      <c r="B11831">
        <v>193.15</v>
      </c>
      <c r="C11831">
        <v>12618.2</v>
      </c>
      <c r="D11831">
        <v>2.2000000000000002</v>
      </c>
      <c r="E11831">
        <v>14232.9</v>
      </c>
      <c r="F11831">
        <v>48.799300000000002</v>
      </c>
    </row>
    <row r="11832" spans="1:6" x14ac:dyDescent="0.25">
      <c r="A11832">
        <v>160.41</v>
      </c>
      <c r="B11832">
        <v>193.15</v>
      </c>
      <c r="C11832">
        <v>12618.2</v>
      </c>
      <c r="D11832">
        <v>2.5</v>
      </c>
      <c r="E11832">
        <v>14097.7</v>
      </c>
      <c r="F11832">
        <v>48.241100000000003</v>
      </c>
    </row>
    <row r="11833" spans="1:6" x14ac:dyDescent="0.25">
      <c r="A11833">
        <v>160.41</v>
      </c>
      <c r="B11833">
        <v>193.15</v>
      </c>
      <c r="C11833">
        <v>12618.2</v>
      </c>
      <c r="D11833">
        <v>2.8</v>
      </c>
      <c r="E11833">
        <v>13882.6</v>
      </c>
      <c r="F11833">
        <v>38.1128</v>
      </c>
    </row>
    <row r="11834" spans="1:6" x14ac:dyDescent="0.25">
      <c r="A11834">
        <v>160.41</v>
      </c>
      <c r="B11834">
        <v>193.15</v>
      </c>
      <c r="C11834">
        <v>12618.2</v>
      </c>
      <c r="D11834">
        <v>3.1</v>
      </c>
      <c r="E11834">
        <v>13724.9</v>
      </c>
      <c r="F11834">
        <v>22.291599999999999</v>
      </c>
    </row>
    <row r="11835" spans="1:6" x14ac:dyDescent="0.25">
      <c r="A11835">
        <v>160.41</v>
      </c>
      <c r="B11835">
        <v>193.15</v>
      </c>
      <c r="C11835">
        <v>12618.2</v>
      </c>
      <c r="D11835">
        <v>3.4</v>
      </c>
      <c r="E11835">
        <v>13685</v>
      </c>
      <c r="F11835">
        <v>22.236699999999999</v>
      </c>
    </row>
    <row r="11836" spans="1:6" x14ac:dyDescent="0.25">
      <c r="A11836">
        <v>160.41</v>
      </c>
      <c r="B11836">
        <v>193.15</v>
      </c>
      <c r="C11836">
        <v>12618.2</v>
      </c>
      <c r="D11836">
        <v>3.7</v>
      </c>
      <c r="E11836">
        <v>13598.8</v>
      </c>
      <c r="F11836">
        <v>22.8964</v>
      </c>
    </row>
    <row r="11837" spans="1:6" x14ac:dyDescent="0.25">
      <c r="A11837">
        <v>160.41</v>
      </c>
      <c r="B11837">
        <v>193.15</v>
      </c>
      <c r="C11837">
        <v>12618.2</v>
      </c>
      <c r="D11837">
        <v>4</v>
      </c>
      <c r="E11837">
        <v>13534.1</v>
      </c>
      <c r="F11837">
        <v>23.463799999999999</v>
      </c>
    </row>
    <row r="11838" spans="1:6" x14ac:dyDescent="0.25">
      <c r="A11838">
        <v>160.41</v>
      </c>
      <c r="B11838">
        <v>193.15</v>
      </c>
      <c r="C11838">
        <v>14163.6</v>
      </c>
      <c r="D11838">
        <v>1</v>
      </c>
      <c r="E11838">
        <v>16312.8</v>
      </c>
      <c r="F11838">
        <v>37.7286</v>
      </c>
    </row>
    <row r="11839" spans="1:6" x14ac:dyDescent="0.25">
      <c r="A11839">
        <v>160.41</v>
      </c>
      <c r="B11839">
        <v>193.15</v>
      </c>
      <c r="C11839">
        <v>14163.6</v>
      </c>
      <c r="D11839">
        <v>1.3</v>
      </c>
      <c r="E11839">
        <v>15925.1</v>
      </c>
      <c r="F11839">
        <v>40.700099999999999</v>
      </c>
    </row>
    <row r="11840" spans="1:6" x14ac:dyDescent="0.25">
      <c r="A11840">
        <v>160.41</v>
      </c>
      <c r="B11840">
        <v>193.15</v>
      </c>
      <c r="C11840">
        <v>14163.6</v>
      </c>
      <c r="D11840">
        <v>1.6</v>
      </c>
      <c r="E11840">
        <v>15672.5</v>
      </c>
      <c r="F11840">
        <v>36.637099999999997</v>
      </c>
    </row>
    <row r="11841" spans="1:6" x14ac:dyDescent="0.25">
      <c r="A11841">
        <v>160.41</v>
      </c>
      <c r="B11841">
        <v>193.15</v>
      </c>
      <c r="C11841">
        <v>14163.6</v>
      </c>
      <c r="D11841">
        <v>1.9</v>
      </c>
      <c r="E11841">
        <v>15552.6</v>
      </c>
      <c r="F11841">
        <v>20.4754</v>
      </c>
    </row>
    <row r="11842" spans="1:6" x14ac:dyDescent="0.25">
      <c r="A11842">
        <v>160.41</v>
      </c>
      <c r="B11842">
        <v>193.15</v>
      </c>
      <c r="C11842">
        <v>14163.6</v>
      </c>
      <c r="D11842">
        <v>2.2000000000000002</v>
      </c>
      <c r="E11842">
        <v>15360.9</v>
      </c>
      <c r="F11842">
        <v>48.799300000000002</v>
      </c>
    </row>
    <row r="11843" spans="1:6" x14ac:dyDescent="0.25">
      <c r="A11843">
        <v>160.41</v>
      </c>
      <c r="B11843">
        <v>193.15</v>
      </c>
      <c r="C11843">
        <v>14163.6</v>
      </c>
      <c r="D11843">
        <v>2.5</v>
      </c>
      <c r="E11843">
        <v>15310.8</v>
      </c>
      <c r="F11843">
        <v>48.241100000000003</v>
      </c>
    </row>
    <row r="11844" spans="1:6" x14ac:dyDescent="0.25">
      <c r="A11844">
        <v>160.41</v>
      </c>
      <c r="B11844">
        <v>193.15</v>
      </c>
      <c r="C11844">
        <v>14163.6</v>
      </c>
      <c r="D11844">
        <v>2.8</v>
      </c>
      <c r="E11844">
        <v>15072.3</v>
      </c>
      <c r="F11844">
        <v>38.1128</v>
      </c>
    </row>
    <row r="11845" spans="1:6" x14ac:dyDescent="0.25">
      <c r="A11845">
        <v>160.41</v>
      </c>
      <c r="B11845">
        <v>193.15</v>
      </c>
      <c r="C11845">
        <v>14163.6</v>
      </c>
      <c r="D11845">
        <v>3.1</v>
      </c>
      <c r="E11845">
        <v>14576.2</v>
      </c>
      <c r="F11845">
        <v>22.291599999999999</v>
      </c>
    </row>
    <row r="11846" spans="1:6" x14ac:dyDescent="0.25">
      <c r="A11846">
        <v>160.41</v>
      </c>
      <c r="B11846">
        <v>193.15</v>
      </c>
      <c r="C11846">
        <v>14163.6</v>
      </c>
      <c r="D11846">
        <v>3.4</v>
      </c>
      <c r="E11846">
        <v>14882.1</v>
      </c>
      <c r="F11846">
        <v>22.236699999999999</v>
      </c>
    </row>
    <row r="11847" spans="1:6" x14ac:dyDescent="0.25">
      <c r="A11847">
        <v>160.41</v>
      </c>
      <c r="B11847">
        <v>193.15</v>
      </c>
      <c r="C11847">
        <v>14163.6</v>
      </c>
      <c r="D11847">
        <v>3.7</v>
      </c>
      <c r="E11847">
        <v>14787.8</v>
      </c>
      <c r="F11847">
        <v>22.8964</v>
      </c>
    </row>
    <row r="11848" spans="1:6" x14ac:dyDescent="0.25">
      <c r="A11848">
        <v>160.41</v>
      </c>
      <c r="B11848">
        <v>193.15</v>
      </c>
      <c r="C11848">
        <v>14163.6</v>
      </c>
      <c r="D11848">
        <v>4</v>
      </c>
      <c r="E11848">
        <v>14783.8</v>
      </c>
      <c r="F11848">
        <v>23.463799999999999</v>
      </c>
    </row>
    <row r="11849" spans="1:6" x14ac:dyDescent="0.25">
      <c r="A11849">
        <v>160.41</v>
      </c>
      <c r="B11849">
        <v>193.15</v>
      </c>
      <c r="C11849">
        <v>15709.1</v>
      </c>
      <c r="D11849">
        <v>1</v>
      </c>
      <c r="E11849">
        <v>17665.2</v>
      </c>
      <c r="F11849">
        <v>37.7286</v>
      </c>
    </row>
    <row r="11850" spans="1:6" x14ac:dyDescent="0.25">
      <c r="A11850">
        <v>160.41</v>
      </c>
      <c r="B11850">
        <v>193.15</v>
      </c>
      <c r="C11850">
        <v>15709.1</v>
      </c>
      <c r="D11850">
        <v>1.3</v>
      </c>
      <c r="E11850">
        <v>15925.1</v>
      </c>
      <c r="F11850">
        <v>40.700099999999999</v>
      </c>
    </row>
    <row r="11851" spans="1:6" x14ac:dyDescent="0.25">
      <c r="A11851">
        <v>160.41</v>
      </c>
      <c r="B11851">
        <v>193.15</v>
      </c>
      <c r="C11851">
        <v>15709.1</v>
      </c>
      <c r="D11851">
        <v>1.6</v>
      </c>
      <c r="E11851">
        <v>16549.400000000001</v>
      </c>
      <c r="F11851">
        <v>36.637099999999997</v>
      </c>
    </row>
    <row r="11852" spans="1:6" x14ac:dyDescent="0.25">
      <c r="A11852">
        <v>160.41</v>
      </c>
      <c r="B11852">
        <v>193.15</v>
      </c>
      <c r="C11852">
        <v>15709.1</v>
      </c>
      <c r="D11852">
        <v>1.9</v>
      </c>
      <c r="E11852">
        <v>15552.6</v>
      </c>
      <c r="F11852">
        <v>20.4754</v>
      </c>
    </row>
    <row r="11853" spans="1:6" x14ac:dyDescent="0.25">
      <c r="A11853">
        <v>160.41</v>
      </c>
      <c r="B11853">
        <v>193.15</v>
      </c>
      <c r="C11853">
        <v>15709.1</v>
      </c>
      <c r="D11853">
        <v>2.2000000000000002</v>
      </c>
      <c r="E11853">
        <v>16632.2</v>
      </c>
      <c r="F11853">
        <v>48.799300000000002</v>
      </c>
    </row>
    <row r="11854" spans="1:6" x14ac:dyDescent="0.25">
      <c r="A11854">
        <v>160.41</v>
      </c>
      <c r="B11854">
        <v>193.15</v>
      </c>
      <c r="C11854">
        <v>15709.1</v>
      </c>
      <c r="D11854">
        <v>2.5</v>
      </c>
      <c r="E11854">
        <v>15740.1</v>
      </c>
      <c r="F11854">
        <v>48.241100000000003</v>
      </c>
    </row>
    <row r="11855" spans="1:6" x14ac:dyDescent="0.25">
      <c r="A11855">
        <v>160.41</v>
      </c>
      <c r="B11855">
        <v>193.15</v>
      </c>
      <c r="C11855">
        <v>15709.1</v>
      </c>
      <c r="D11855">
        <v>2.8</v>
      </c>
      <c r="E11855">
        <v>15690.5</v>
      </c>
      <c r="F11855">
        <v>38.1128</v>
      </c>
    </row>
    <row r="11856" spans="1:6" x14ac:dyDescent="0.25">
      <c r="A11856">
        <v>160.41</v>
      </c>
      <c r="B11856">
        <v>193.15</v>
      </c>
      <c r="C11856">
        <v>15709.1</v>
      </c>
      <c r="D11856">
        <v>3.1</v>
      </c>
      <c r="E11856">
        <v>16383.8</v>
      </c>
      <c r="F11856">
        <v>22.291599999999999</v>
      </c>
    </row>
    <row r="11857" spans="1:6" x14ac:dyDescent="0.25">
      <c r="A11857">
        <v>160.41</v>
      </c>
      <c r="B11857">
        <v>193.15</v>
      </c>
      <c r="C11857">
        <v>15709.1</v>
      </c>
      <c r="D11857">
        <v>3.4</v>
      </c>
      <c r="E11857">
        <v>15056.3</v>
      </c>
      <c r="F11857">
        <v>22.236699999999999</v>
      </c>
    </row>
    <row r="11858" spans="1:6" x14ac:dyDescent="0.25">
      <c r="A11858">
        <v>160.41</v>
      </c>
      <c r="B11858">
        <v>193.15</v>
      </c>
      <c r="C11858">
        <v>15709.1</v>
      </c>
      <c r="D11858">
        <v>3.7</v>
      </c>
      <c r="E11858">
        <v>14787.8</v>
      </c>
      <c r="F11858">
        <v>22.8964</v>
      </c>
    </row>
    <row r="11859" spans="1:6" x14ac:dyDescent="0.25">
      <c r="A11859">
        <v>160.41</v>
      </c>
      <c r="B11859">
        <v>193.15</v>
      </c>
      <c r="C11859">
        <v>15709.1</v>
      </c>
      <c r="D11859">
        <v>4</v>
      </c>
      <c r="E11859">
        <v>14783.8</v>
      </c>
      <c r="F11859">
        <v>23.463799999999999</v>
      </c>
    </row>
    <row r="11860" spans="1:6" x14ac:dyDescent="0.25">
      <c r="A11860">
        <v>160.41</v>
      </c>
      <c r="B11860">
        <v>193.15</v>
      </c>
      <c r="C11860">
        <v>17254.5</v>
      </c>
      <c r="D11860">
        <v>1</v>
      </c>
      <c r="E11860">
        <v>17665.2</v>
      </c>
      <c r="F11860">
        <v>37.7286</v>
      </c>
    </row>
    <row r="11861" spans="1:6" x14ac:dyDescent="0.25">
      <c r="A11861">
        <v>160.41</v>
      </c>
      <c r="B11861">
        <v>193.15</v>
      </c>
      <c r="C11861">
        <v>17254.5</v>
      </c>
      <c r="D11861">
        <v>1.3</v>
      </c>
      <c r="E11861">
        <v>15925.1</v>
      </c>
      <c r="F11861">
        <v>40.700099999999999</v>
      </c>
    </row>
    <row r="11862" spans="1:6" x14ac:dyDescent="0.25">
      <c r="A11862">
        <v>160.41</v>
      </c>
      <c r="B11862">
        <v>193.15</v>
      </c>
      <c r="C11862">
        <v>17254.5</v>
      </c>
      <c r="D11862">
        <v>1.6</v>
      </c>
      <c r="E11862">
        <v>16549.400000000001</v>
      </c>
      <c r="F11862">
        <v>36.637099999999997</v>
      </c>
    </row>
    <row r="11863" spans="1:6" x14ac:dyDescent="0.25">
      <c r="A11863">
        <v>160.41</v>
      </c>
      <c r="B11863">
        <v>193.15</v>
      </c>
      <c r="C11863">
        <v>17254.5</v>
      </c>
      <c r="D11863">
        <v>1.9</v>
      </c>
      <c r="E11863">
        <v>15552.6</v>
      </c>
      <c r="F11863">
        <v>20.4754</v>
      </c>
    </row>
    <row r="11864" spans="1:6" x14ac:dyDescent="0.25">
      <c r="A11864">
        <v>160.41</v>
      </c>
      <c r="B11864">
        <v>193.15</v>
      </c>
      <c r="C11864">
        <v>17254.5</v>
      </c>
      <c r="D11864">
        <v>2.2000000000000002</v>
      </c>
      <c r="E11864">
        <v>16632.2</v>
      </c>
      <c r="F11864">
        <v>48.799300000000002</v>
      </c>
    </row>
    <row r="11865" spans="1:6" x14ac:dyDescent="0.25">
      <c r="A11865">
        <v>160.41</v>
      </c>
      <c r="B11865">
        <v>193.15</v>
      </c>
      <c r="C11865">
        <v>17254.5</v>
      </c>
      <c r="D11865">
        <v>2.5</v>
      </c>
      <c r="E11865">
        <v>17079</v>
      </c>
      <c r="F11865">
        <v>48.241100000000003</v>
      </c>
    </row>
    <row r="11866" spans="1:6" x14ac:dyDescent="0.25">
      <c r="A11866">
        <v>160.41</v>
      </c>
      <c r="B11866">
        <v>193.15</v>
      </c>
      <c r="C11866">
        <v>17254.5</v>
      </c>
      <c r="D11866">
        <v>2.8</v>
      </c>
      <c r="E11866">
        <v>15690.5</v>
      </c>
      <c r="F11866">
        <v>38.1128</v>
      </c>
    </row>
    <row r="11867" spans="1:6" x14ac:dyDescent="0.25">
      <c r="A11867">
        <v>160.41</v>
      </c>
      <c r="B11867">
        <v>193.15</v>
      </c>
      <c r="C11867">
        <v>17254.5</v>
      </c>
      <c r="D11867">
        <v>3.1</v>
      </c>
      <c r="E11867">
        <v>16383.8</v>
      </c>
      <c r="F11867">
        <v>22.291599999999999</v>
      </c>
    </row>
    <row r="11868" spans="1:6" x14ac:dyDescent="0.25">
      <c r="A11868">
        <v>160.41</v>
      </c>
      <c r="B11868">
        <v>193.15</v>
      </c>
      <c r="C11868">
        <v>17254.5</v>
      </c>
      <c r="D11868">
        <v>3.4</v>
      </c>
      <c r="E11868">
        <v>15056.3</v>
      </c>
      <c r="F11868">
        <v>22.236699999999999</v>
      </c>
    </row>
    <row r="11869" spans="1:6" x14ac:dyDescent="0.25">
      <c r="A11869">
        <v>160.41</v>
      </c>
      <c r="B11869">
        <v>193.15</v>
      </c>
      <c r="C11869">
        <v>17254.5</v>
      </c>
      <c r="D11869">
        <v>3.7</v>
      </c>
      <c r="E11869">
        <v>14787.8</v>
      </c>
      <c r="F11869">
        <v>22.8964</v>
      </c>
    </row>
    <row r="11870" spans="1:6" x14ac:dyDescent="0.25">
      <c r="A11870">
        <v>160.41</v>
      </c>
      <c r="B11870">
        <v>193.15</v>
      </c>
      <c r="C11870">
        <v>17254.5</v>
      </c>
      <c r="D11870">
        <v>4</v>
      </c>
      <c r="E11870">
        <v>14783.8</v>
      </c>
      <c r="F11870">
        <v>23.463799999999999</v>
      </c>
    </row>
    <row r="11871" spans="1:6" x14ac:dyDescent="0.25">
      <c r="A11871">
        <v>160.41</v>
      </c>
      <c r="B11871">
        <v>193.15</v>
      </c>
      <c r="C11871">
        <v>18800</v>
      </c>
      <c r="D11871">
        <v>1</v>
      </c>
      <c r="E11871">
        <v>17665.2</v>
      </c>
      <c r="F11871">
        <v>37.7286</v>
      </c>
    </row>
    <row r="11872" spans="1:6" x14ac:dyDescent="0.25">
      <c r="A11872">
        <v>160.41</v>
      </c>
      <c r="B11872">
        <v>193.15</v>
      </c>
      <c r="C11872">
        <v>18800</v>
      </c>
      <c r="D11872">
        <v>1.3</v>
      </c>
      <c r="E11872">
        <v>15925.1</v>
      </c>
      <c r="F11872">
        <v>40.700099999999999</v>
      </c>
    </row>
    <row r="11873" spans="1:6" x14ac:dyDescent="0.25">
      <c r="A11873">
        <v>160.41</v>
      </c>
      <c r="B11873">
        <v>193.15</v>
      </c>
      <c r="C11873">
        <v>18800</v>
      </c>
      <c r="D11873">
        <v>1.6</v>
      </c>
      <c r="E11873">
        <v>16549.400000000001</v>
      </c>
      <c r="F11873">
        <v>36.637099999999997</v>
      </c>
    </row>
    <row r="11874" spans="1:6" x14ac:dyDescent="0.25">
      <c r="A11874">
        <v>160.41</v>
      </c>
      <c r="B11874">
        <v>193.15</v>
      </c>
      <c r="C11874">
        <v>18800</v>
      </c>
      <c r="D11874">
        <v>1.9</v>
      </c>
      <c r="E11874">
        <v>15552.6</v>
      </c>
      <c r="F11874">
        <v>20.4754</v>
      </c>
    </row>
    <row r="11875" spans="1:6" x14ac:dyDescent="0.25">
      <c r="A11875">
        <v>160.41</v>
      </c>
      <c r="B11875">
        <v>193.15</v>
      </c>
      <c r="C11875">
        <v>18800</v>
      </c>
      <c r="D11875">
        <v>2.2000000000000002</v>
      </c>
      <c r="E11875">
        <v>16632.2</v>
      </c>
      <c r="F11875">
        <v>48.799300000000002</v>
      </c>
    </row>
    <row r="11876" spans="1:6" x14ac:dyDescent="0.25">
      <c r="A11876">
        <v>160.41</v>
      </c>
      <c r="B11876">
        <v>193.15</v>
      </c>
      <c r="C11876">
        <v>18800</v>
      </c>
      <c r="D11876">
        <v>2.5</v>
      </c>
      <c r="E11876">
        <v>17079</v>
      </c>
      <c r="F11876">
        <v>48.241100000000003</v>
      </c>
    </row>
    <row r="11877" spans="1:6" x14ac:dyDescent="0.25">
      <c r="A11877">
        <v>160.41</v>
      </c>
      <c r="B11877">
        <v>193.15</v>
      </c>
      <c r="C11877">
        <v>18800</v>
      </c>
      <c r="D11877">
        <v>2.8</v>
      </c>
      <c r="E11877">
        <v>15690.5</v>
      </c>
      <c r="F11877">
        <v>38.1128</v>
      </c>
    </row>
    <row r="11878" spans="1:6" x14ac:dyDescent="0.25">
      <c r="A11878">
        <v>160.41</v>
      </c>
      <c r="B11878">
        <v>193.15</v>
      </c>
      <c r="C11878">
        <v>18800</v>
      </c>
      <c r="D11878">
        <v>3.1</v>
      </c>
      <c r="E11878">
        <v>16383.8</v>
      </c>
      <c r="F11878">
        <v>22.291599999999999</v>
      </c>
    </row>
    <row r="11879" spans="1:6" x14ac:dyDescent="0.25">
      <c r="A11879">
        <v>160.41</v>
      </c>
      <c r="B11879">
        <v>193.15</v>
      </c>
      <c r="C11879">
        <v>18800</v>
      </c>
      <c r="D11879">
        <v>3.4</v>
      </c>
      <c r="E11879">
        <v>15056.3</v>
      </c>
      <c r="F11879">
        <v>22.236699999999999</v>
      </c>
    </row>
    <row r="11880" spans="1:6" x14ac:dyDescent="0.25">
      <c r="A11880">
        <v>160.41</v>
      </c>
      <c r="B11880">
        <v>193.15</v>
      </c>
      <c r="C11880">
        <v>18800</v>
      </c>
      <c r="D11880">
        <v>3.7</v>
      </c>
      <c r="E11880">
        <v>14787.8</v>
      </c>
      <c r="F11880">
        <v>22.8964</v>
      </c>
    </row>
    <row r="11881" spans="1:6" x14ac:dyDescent="0.25">
      <c r="A11881">
        <v>160.41</v>
      </c>
      <c r="B11881">
        <v>193.15</v>
      </c>
      <c r="C11881">
        <v>18800</v>
      </c>
      <c r="D11881">
        <v>4</v>
      </c>
      <c r="E11881">
        <v>14783.8</v>
      </c>
      <c r="F11881">
        <v>23.463799999999999</v>
      </c>
    </row>
    <row r="11882" spans="1:6" x14ac:dyDescent="0.25">
      <c r="A11882">
        <v>160.41</v>
      </c>
      <c r="B11882">
        <v>196.78</v>
      </c>
      <c r="C11882">
        <v>1800</v>
      </c>
      <c r="D11882">
        <v>1</v>
      </c>
      <c r="E11882">
        <v>5495.24</v>
      </c>
      <c r="F11882">
        <v>34.501300000000001</v>
      </c>
    </row>
    <row r="11883" spans="1:6" x14ac:dyDescent="0.25">
      <c r="A11883">
        <v>160.41</v>
      </c>
      <c r="B11883">
        <v>196.78</v>
      </c>
      <c r="C11883">
        <v>1800</v>
      </c>
      <c r="D11883">
        <v>1.3</v>
      </c>
      <c r="E11883">
        <v>4902.33</v>
      </c>
      <c r="F11883">
        <v>39.780700000000003</v>
      </c>
    </row>
    <row r="11884" spans="1:6" x14ac:dyDescent="0.25">
      <c r="A11884">
        <v>160.41</v>
      </c>
      <c r="B11884">
        <v>196.78</v>
      </c>
      <c r="C11884">
        <v>1800</v>
      </c>
      <c r="D11884">
        <v>1.6</v>
      </c>
      <c r="E11884">
        <v>4318.16</v>
      </c>
      <c r="F11884">
        <v>48.336500000000001</v>
      </c>
    </row>
    <row r="11885" spans="1:6" x14ac:dyDescent="0.25">
      <c r="A11885">
        <v>160.41</v>
      </c>
      <c r="B11885">
        <v>196.78</v>
      </c>
      <c r="C11885">
        <v>1800</v>
      </c>
      <c r="D11885">
        <v>1.9</v>
      </c>
      <c r="E11885">
        <v>4156.17</v>
      </c>
      <c r="F11885">
        <v>51.853499999999997</v>
      </c>
    </row>
    <row r="11886" spans="1:6" x14ac:dyDescent="0.25">
      <c r="A11886">
        <v>160.41</v>
      </c>
      <c r="B11886">
        <v>196.78</v>
      </c>
      <c r="C11886">
        <v>1800</v>
      </c>
      <c r="D11886">
        <v>2.2000000000000002</v>
      </c>
      <c r="E11886">
        <v>3892.16</v>
      </c>
      <c r="F11886">
        <v>54.764400000000002</v>
      </c>
    </row>
    <row r="11887" spans="1:6" x14ac:dyDescent="0.25">
      <c r="A11887">
        <v>160.41</v>
      </c>
      <c r="B11887">
        <v>196.78</v>
      </c>
      <c r="C11887">
        <v>1800</v>
      </c>
      <c r="D11887">
        <v>2.5</v>
      </c>
      <c r="E11887">
        <v>3658.47</v>
      </c>
      <c r="F11887">
        <v>57.656599999999997</v>
      </c>
    </row>
    <row r="11888" spans="1:6" x14ac:dyDescent="0.25">
      <c r="A11888">
        <v>160.41</v>
      </c>
      <c r="B11888">
        <v>196.78</v>
      </c>
      <c r="C11888">
        <v>1800</v>
      </c>
      <c r="D11888">
        <v>2.8</v>
      </c>
      <c r="E11888">
        <v>3532.77</v>
      </c>
      <c r="F11888">
        <v>60.075299999999999</v>
      </c>
    </row>
    <row r="11889" spans="1:6" x14ac:dyDescent="0.25">
      <c r="A11889">
        <v>160.41</v>
      </c>
      <c r="B11889">
        <v>196.78</v>
      </c>
      <c r="C11889">
        <v>1800</v>
      </c>
      <c r="D11889">
        <v>3.1</v>
      </c>
      <c r="E11889">
        <v>3451.52</v>
      </c>
      <c r="F11889">
        <v>62.4176</v>
      </c>
    </row>
    <row r="11890" spans="1:6" x14ac:dyDescent="0.25">
      <c r="A11890">
        <v>160.41</v>
      </c>
      <c r="B11890">
        <v>196.78</v>
      </c>
      <c r="C11890">
        <v>1800</v>
      </c>
      <c r="D11890">
        <v>3.4</v>
      </c>
      <c r="E11890">
        <v>3368.12</v>
      </c>
      <c r="F11890">
        <v>61.335500000000003</v>
      </c>
    </row>
    <row r="11891" spans="1:6" x14ac:dyDescent="0.25">
      <c r="A11891">
        <v>160.41</v>
      </c>
      <c r="B11891">
        <v>196.78</v>
      </c>
      <c r="C11891">
        <v>1800</v>
      </c>
      <c r="D11891">
        <v>3.7</v>
      </c>
      <c r="E11891">
        <v>3255.3</v>
      </c>
      <c r="F11891">
        <v>66.534199999999998</v>
      </c>
    </row>
    <row r="11892" spans="1:6" x14ac:dyDescent="0.25">
      <c r="A11892">
        <v>160.41</v>
      </c>
      <c r="B11892">
        <v>196.78</v>
      </c>
      <c r="C11892">
        <v>1800</v>
      </c>
      <c r="D11892">
        <v>4</v>
      </c>
      <c r="E11892">
        <v>3168.03</v>
      </c>
      <c r="F11892">
        <v>71.174300000000002</v>
      </c>
    </row>
    <row r="11893" spans="1:6" x14ac:dyDescent="0.25">
      <c r="A11893">
        <v>160.41</v>
      </c>
      <c r="B11893">
        <v>196.78</v>
      </c>
      <c r="C11893">
        <v>3345.45</v>
      </c>
      <c r="D11893">
        <v>1</v>
      </c>
      <c r="E11893">
        <v>6911.55</v>
      </c>
      <c r="F11893">
        <v>37.7286</v>
      </c>
    </row>
    <row r="11894" spans="1:6" x14ac:dyDescent="0.25">
      <c r="A11894">
        <v>160.41</v>
      </c>
      <c r="B11894">
        <v>196.78</v>
      </c>
      <c r="C11894">
        <v>3345.45</v>
      </c>
      <c r="D11894">
        <v>1.3</v>
      </c>
      <c r="E11894">
        <v>6198.66</v>
      </c>
      <c r="F11894">
        <v>40.700099999999999</v>
      </c>
    </row>
    <row r="11895" spans="1:6" x14ac:dyDescent="0.25">
      <c r="A11895">
        <v>160.41</v>
      </c>
      <c r="B11895">
        <v>196.78</v>
      </c>
      <c r="C11895">
        <v>3345.45</v>
      </c>
      <c r="D11895">
        <v>1.6</v>
      </c>
      <c r="E11895">
        <v>5648.48</v>
      </c>
      <c r="F11895">
        <v>36.637099999999997</v>
      </c>
    </row>
    <row r="11896" spans="1:6" x14ac:dyDescent="0.25">
      <c r="A11896">
        <v>160.41</v>
      </c>
      <c r="B11896">
        <v>196.78</v>
      </c>
      <c r="C11896">
        <v>3345.45</v>
      </c>
      <c r="D11896">
        <v>1.9</v>
      </c>
      <c r="E11896">
        <v>5397.31</v>
      </c>
      <c r="F11896">
        <v>20.4754</v>
      </c>
    </row>
    <row r="11897" spans="1:6" x14ac:dyDescent="0.25">
      <c r="A11897">
        <v>160.41</v>
      </c>
      <c r="B11897">
        <v>196.78</v>
      </c>
      <c r="C11897">
        <v>3345.45</v>
      </c>
      <c r="D11897">
        <v>2.2000000000000002</v>
      </c>
      <c r="E11897">
        <v>5056.1099999999997</v>
      </c>
      <c r="F11897">
        <v>48.799300000000002</v>
      </c>
    </row>
    <row r="11898" spans="1:6" x14ac:dyDescent="0.25">
      <c r="A11898">
        <v>160.41</v>
      </c>
      <c r="B11898">
        <v>196.78</v>
      </c>
      <c r="C11898">
        <v>3345.45</v>
      </c>
      <c r="D11898">
        <v>2.5</v>
      </c>
      <c r="E11898">
        <v>5061.54</v>
      </c>
      <c r="F11898">
        <v>48.241100000000003</v>
      </c>
    </row>
    <row r="11899" spans="1:6" x14ac:dyDescent="0.25">
      <c r="A11899">
        <v>160.41</v>
      </c>
      <c r="B11899">
        <v>196.78</v>
      </c>
      <c r="C11899">
        <v>3345.45</v>
      </c>
      <c r="D11899">
        <v>2.8</v>
      </c>
      <c r="E11899">
        <v>4837.7700000000004</v>
      </c>
      <c r="F11899">
        <v>38.1128</v>
      </c>
    </row>
    <row r="11900" spans="1:6" x14ac:dyDescent="0.25">
      <c r="A11900">
        <v>160.41</v>
      </c>
      <c r="B11900">
        <v>196.78</v>
      </c>
      <c r="C11900">
        <v>3345.45</v>
      </c>
      <c r="D11900">
        <v>3.1</v>
      </c>
      <c r="E11900">
        <v>4797.33</v>
      </c>
      <c r="F11900">
        <v>22.291599999999999</v>
      </c>
    </row>
    <row r="11901" spans="1:6" x14ac:dyDescent="0.25">
      <c r="A11901">
        <v>160.41</v>
      </c>
      <c r="B11901">
        <v>196.78</v>
      </c>
      <c r="C11901">
        <v>3345.45</v>
      </c>
      <c r="D11901">
        <v>3.4</v>
      </c>
      <c r="E11901">
        <v>4668.08</v>
      </c>
      <c r="F11901">
        <v>22.236699999999999</v>
      </c>
    </row>
    <row r="11902" spans="1:6" x14ac:dyDescent="0.25">
      <c r="A11902">
        <v>160.41</v>
      </c>
      <c r="B11902">
        <v>196.78</v>
      </c>
      <c r="C11902">
        <v>3345.45</v>
      </c>
      <c r="D11902">
        <v>3.7</v>
      </c>
      <c r="E11902">
        <v>4499.47</v>
      </c>
      <c r="F11902">
        <v>22.8964</v>
      </c>
    </row>
    <row r="11903" spans="1:6" x14ac:dyDescent="0.25">
      <c r="A11903">
        <v>160.41</v>
      </c>
      <c r="B11903">
        <v>196.78</v>
      </c>
      <c r="C11903">
        <v>3345.45</v>
      </c>
      <c r="D11903">
        <v>4</v>
      </c>
      <c r="E11903">
        <v>4543.5</v>
      </c>
      <c r="F11903">
        <v>23.463799999999999</v>
      </c>
    </row>
    <row r="11904" spans="1:6" x14ac:dyDescent="0.25">
      <c r="A11904">
        <v>160.41</v>
      </c>
      <c r="B11904">
        <v>196.78</v>
      </c>
      <c r="C11904">
        <v>4890.8999999999996</v>
      </c>
      <c r="D11904">
        <v>1</v>
      </c>
      <c r="E11904">
        <v>8612.16</v>
      </c>
      <c r="F11904">
        <v>37.7286</v>
      </c>
    </row>
    <row r="11905" spans="1:6" x14ac:dyDescent="0.25">
      <c r="A11905">
        <v>160.41</v>
      </c>
      <c r="B11905">
        <v>196.78</v>
      </c>
      <c r="C11905">
        <v>4890.8999999999996</v>
      </c>
      <c r="D11905">
        <v>1.3</v>
      </c>
      <c r="E11905">
        <v>7648.66</v>
      </c>
      <c r="F11905">
        <v>40.700099999999999</v>
      </c>
    </row>
    <row r="11906" spans="1:6" x14ac:dyDescent="0.25">
      <c r="A11906">
        <v>160.41</v>
      </c>
      <c r="B11906">
        <v>196.78</v>
      </c>
      <c r="C11906">
        <v>4890.8999999999996</v>
      </c>
      <c r="D11906">
        <v>1.6</v>
      </c>
      <c r="E11906">
        <v>7217.38</v>
      </c>
      <c r="F11906">
        <v>36.637099999999997</v>
      </c>
    </row>
    <row r="11907" spans="1:6" x14ac:dyDescent="0.25">
      <c r="A11907">
        <v>160.41</v>
      </c>
      <c r="B11907">
        <v>196.78</v>
      </c>
      <c r="C11907">
        <v>4890.8999999999996</v>
      </c>
      <c r="D11907">
        <v>1.9</v>
      </c>
      <c r="E11907">
        <v>6881.4</v>
      </c>
      <c r="F11907">
        <v>20.4754</v>
      </c>
    </row>
    <row r="11908" spans="1:6" x14ac:dyDescent="0.25">
      <c r="A11908">
        <v>160.41</v>
      </c>
      <c r="B11908">
        <v>196.78</v>
      </c>
      <c r="C11908">
        <v>4890.8999999999996</v>
      </c>
      <c r="D11908">
        <v>2.2000000000000002</v>
      </c>
      <c r="E11908">
        <v>6760.06</v>
      </c>
      <c r="F11908">
        <v>48.799300000000002</v>
      </c>
    </row>
    <row r="11909" spans="1:6" x14ac:dyDescent="0.25">
      <c r="A11909">
        <v>160.41</v>
      </c>
      <c r="B11909">
        <v>196.78</v>
      </c>
      <c r="C11909">
        <v>4890.8999999999996</v>
      </c>
      <c r="D11909">
        <v>2.5</v>
      </c>
      <c r="E11909">
        <v>6484.49</v>
      </c>
      <c r="F11909">
        <v>48.241100000000003</v>
      </c>
    </row>
    <row r="11910" spans="1:6" x14ac:dyDescent="0.25">
      <c r="A11910">
        <v>160.41</v>
      </c>
      <c r="B11910">
        <v>196.78</v>
      </c>
      <c r="C11910">
        <v>4890.8999999999996</v>
      </c>
      <c r="D11910">
        <v>2.8</v>
      </c>
      <c r="E11910">
        <v>6292.26</v>
      </c>
      <c r="F11910">
        <v>38.1128</v>
      </c>
    </row>
    <row r="11911" spans="1:6" x14ac:dyDescent="0.25">
      <c r="A11911">
        <v>160.41</v>
      </c>
      <c r="B11911">
        <v>196.78</v>
      </c>
      <c r="C11911">
        <v>4890.8999999999996</v>
      </c>
      <c r="D11911">
        <v>3.1</v>
      </c>
      <c r="E11911">
        <v>6241.42</v>
      </c>
      <c r="F11911">
        <v>22.291599999999999</v>
      </c>
    </row>
    <row r="11912" spans="1:6" x14ac:dyDescent="0.25">
      <c r="A11912">
        <v>160.41</v>
      </c>
      <c r="B11912">
        <v>196.78</v>
      </c>
      <c r="C11912">
        <v>4890.8999999999996</v>
      </c>
      <c r="D11912">
        <v>3.4</v>
      </c>
      <c r="E11912">
        <v>6093.65</v>
      </c>
      <c r="F11912">
        <v>22.236699999999999</v>
      </c>
    </row>
    <row r="11913" spans="1:6" x14ac:dyDescent="0.25">
      <c r="A11913">
        <v>160.41</v>
      </c>
      <c r="B11913">
        <v>196.78</v>
      </c>
      <c r="C11913">
        <v>4890.8999999999996</v>
      </c>
      <c r="D11913">
        <v>3.7</v>
      </c>
      <c r="E11913">
        <v>6024.56</v>
      </c>
      <c r="F11913">
        <v>22.8964</v>
      </c>
    </row>
    <row r="11914" spans="1:6" x14ac:dyDescent="0.25">
      <c r="A11914">
        <v>160.41</v>
      </c>
      <c r="B11914">
        <v>196.78</v>
      </c>
      <c r="C11914">
        <v>4890.8999999999996</v>
      </c>
      <c r="D11914">
        <v>4</v>
      </c>
      <c r="E11914">
        <v>5967.34</v>
      </c>
      <c r="F11914">
        <v>23.463799999999999</v>
      </c>
    </row>
    <row r="11915" spans="1:6" x14ac:dyDescent="0.25">
      <c r="A11915">
        <v>160.41</v>
      </c>
      <c r="B11915">
        <v>196.78</v>
      </c>
      <c r="C11915">
        <v>6436.35</v>
      </c>
      <c r="D11915">
        <v>1</v>
      </c>
      <c r="E11915">
        <v>9939.82</v>
      </c>
      <c r="F11915">
        <v>37.7286</v>
      </c>
    </row>
    <row r="11916" spans="1:6" x14ac:dyDescent="0.25">
      <c r="A11916">
        <v>160.41</v>
      </c>
      <c r="B11916">
        <v>196.78</v>
      </c>
      <c r="C11916">
        <v>6436.35</v>
      </c>
      <c r="D11916">
        <v>1.3</v>
      </c>
      <c r="E11916">
        <v>9230.75</v>
      </c>
      <c r="F11916">
        <v>40.700099999999999</v>
      </c>
    </row>
    <row r="11917" spans="1:6" x14ac:dyDescent="0.25">
      <c r="A11917">
        <v>160.41</v>
      </c>
      <c r="B11917">
        <v>196.78</v>
      </c>
      <c r="C11917">
        <v>6436.35</v>
      </c>
      <c r="D11917">
        <v>1.6</v>
      </c>
      <c r="E11917">
        <v>8642.7099999999991</v>
      </c>
      <c r="F11917">
        <v>36.637099999999997</v>
      </c>
    </row>
    <row r="11918" spans="1:6" x14ac:dyDescent="0.25">
      <c r="A11918">
        <v>160.41</v>
      </c>
      <c r="B11918">
        <v>196.78</v>
      </c>
      <c r="C11918">
        <v>6436.35</v>
      </c>
      <c r="D11918">
        <v>1.9</v>
      </c>
      <c r="E11918">
        <v>8480.41</v>
      </c>
      <c r="F11918">
        <v>20.4754</v>
      </c>
    </row>
    <row r="11919" spans="1:6" x14ac:dyDescent="0.25">
      <c r="A11919">
        <v>160.41</v>
      </c>
      <c r="B11919">
        <v>196.78</v>
      </c>
      <c r="C11919">
        <v>6436.35</v>
      </c>
      <c r="D11919">
        <v>2.2000000000000002</v>
      </c>
      <c r="E11919">
        <v>8239.99</v>
      </c>
      <c r="F11919">
        <v>48.799300000000002</v>
      </c>
    </row>
    <row r="11920" spans="1:6" x14ac:dyDescent="0.25">
      <c r="A11920">
        <v>160.41</v>
      </c>
      <c r="B11920">
        <v>196.78</v>
      </c>
      <c r="C11920">
        <v>6436.35</v>
      </c>
      <c r="D11920">
        <v>2.5</v>
      </c>
      <c r="E11920">
        <v>8029.07</v>
      </c>
      <c r="F11920">
        <v>48.241100000000003</v>
      </c>
    </row>
    <row r="11921" spans="1:6" x14ac:dyDescent="0.25">
      <c r="A11921">
        <v>160.41</v>
      </c>
      <c r="B11921">
        <v>196.78</v>
      </c>
      <c r="C11921">
        <v>6436.35</v>
      </c>
      <c r="D11921">
        <v>2.8</v>
      </c>
      <c r="E11921">
        <v>7841.14</v>
      </c>
      <c r="F11921">
        <v>38.1128</v>
      </c>
    </row>
    <row r="11922" spans="1:6" x14ac:dyDescent="0.25">
      <c r="A11922">
        <v>160.41</v>
      </c>
      <c r="B11922">
        <v>196.78</v>
      </c>
      <c r="C11922">
        <v>6436.35</v>
      </c>
      <c r="D11922">
        <v>3.1</v>
      </c>
      <c r="E11922">
        <v>7772.29</v>
      </c>
      <c r="F11922">
        <v>22.291599999999999</v>
      </c>
    </row>
    <row r="11923" spans="1:6" x14ac:dyDescent="0.25">
      <c r="A11923">
        <v>160.41</v>
      </c>
      <c r="B11923">
        <v>196.78</v>
      </c>
      <c r="C11923">
        <v>6436.35</v>
      </c>
      <c r="D11923">
        <v>3.4</v>
      </c>
      <c r="E11923">
        <v>7678.52</v>
      </c>
      <c r="F11923">
        <v>22.236699999999999</v>
      </c>
    </row>
    <row r="11924" spans="1:6" x14ac:dyDescent="0.25">
      <c r="A11924">
        <v>160.41</v>
      </c>
      <c r="B11924">
        <v>196.78</v>
      </c>
      <c r="C11924">
        <v>6436.35</v>
      </c>
      <c r="D11924">
        <v>3.7</v>
      </c>
      <c r="E11924">
        <v>7559.86</v>
      </c>
      <c r="F11924">
        <v>22.8964</v>
      </c>
    </row>
    <row r="11925" spans="1:6" x14ac:dyDescent="0.25">
      <c r="A11925">
        <v>160.41</v>
      </c>
      <c r="B11925">
        <v>196.78</v>
      </c>
      <c r="C11925">
        <v>6436.35</v>
      </c>
      <c r="D11925">
        <v>4</v>
      </c>
      <c r="E11925">
        <v>7509.96</v>
      </c>
      <c r="F11925">
        <v>23.463799999999999</v>
      </c>
    </row>
    <row r="11926" spans="1:6" x14ac:dyDescent="0.25">
      <c r="A11926">
        <v>160.41</v>
      </c>
      <c r="B11926">
        <v>196.78</v>
      </c>
      <c r="C11926">
        <v>7981.8</v>
      </c>
      <c r="D11926">
        <v>1</v>
      </c>
      <c r="E11926">
        <v>11483</v>
      </c>
      <c r="F11926">
        <v>37.7286</v>
      </c>
    </row>
    <row r="11927" spans="1:6" x14ac:dyDescent="0.25">
      <c r="A11927">
        <v>160.41</v>
      </c>
      <c r="B11927">
        <v>196.78</v>
      </c>
      <c r="C11927">
        <v>7981.8</v>
      </c>
      <c r="D11927">
        <v>1.3</v>
      </c>
      <c r="E11927">
        <v>10912.2</v>
      </c>
      <c r="F11927">
        <v>40.700099999999999</v>
      </c>
    </row>
    <row r="11928" spans="1:6" x14ac:dyDescent="0.25">
      <c r="A11928">
        <v>160.41</v>
      </c>
      <c r="B11928">
        <v>196.78</v>
      </c>
      <c r="C11928">
        <v>7981.8</v>
      </c>
      <c r="D11928">
        <v>1.6</v>
      </c>
      <c r="E11928">
        <v>10179.200000000001</v>
      </c>
      <c r="F11928">
        <v>36.637099999999997</v>
      </c>
    </row>
    <row r="11929" spans="1:6" x14ac:dyDescent="0.25">
      <c r="A11929">
        <v>160.41</v>
      </c>
      <c r="B11929">
        <v>196.78</v>
      </c>
      <c r="C11929">
        <v>7981.8</v>
      </c>
      <c r="D11929">
        <v>1.9</v>
      </c>
      <c r="E11929">
        <v>9919.08</v>
      </c>
      <c r="F11929">
        <v>20.4754</v>
      </c>
    </row>
    <row r="11930" spans="1:6" x14ac:dyDescent="0.25">
      <c r="A11930">
        <v>160.41</v>
      </c>
      <c r="B11930">
        <v>196.78</v>
      </c>
      <c r="C11930">
        <v>7981.8</v>
      </c>
      <c r="D11930">
        <v>2.2000000000000002</v>
      </c>
      <c r="E11930">
        <v>9766.83</v>
      </c>
      <c r="F11930">
        <v>48.799300000000002</v>
      </c>
    </row>
    <row r="11931" spans="1:6" x14ac:dyDescent="0.25">
      <c r="A11931">
        <v>160.41</v>
      </c>
      <c r="B11931">
        <v>196.78</v>
      </c>
      <c r="C11931">
        <v>7981.8</v>
      </c>
      <c r="D11931">
        <v>2.5</v>
      </c>
      <c r="E11931">
        <v>9485.2199999999993</v>
      </c>
      <c r="F11931">
        <v>48.241100000000003</v>
      </c>
    </row>
    <row r="11932" spans="1:6" x14ac:dyDescent="0.25">
      <c r="A11932">
        <v>160.41</v>
      </c>
      <c r="B11932">
        <v>196.78</v>
      </c>
      <c r="C11932">
        <v>7981.8</v>
      </c>
      <c r="D11932">
        <v>2.8</v>
      </c>
      <c r="E11932">
        <v>9310.67</v>
      </c>
      <c r="F11932">
        <v>38.1128</v>
      </c>
    </row>
    <row r="11933" spans="1:6" x14ac:dyDescent="0.25">
      <c r="A11933">
        <v>160.41</v>
      </c>
      <c r="B11933">
        <v>196.78</v>
      </c>
      <c r="C11933">
        <v>7981.8</v>
      </c>
      <c r="D11933">
        <v>3.1</v>
      </c>
      <c r="E11933">
        <v>9182.7999999999993</v>
      </c>
      <c r="F11933">
        <v>22.291599999999999</v>
      </c>
    </row>
    <row r="11934" spans="1:6" x14ac:dyDescent="0.25">
      <c r="A11934">
        <v>160.41</v>
      </c>
      <c r="B11934">
        <v>196.78</v>
      </c>
      <c r="C11934">
        <v>7981.8</v>
      </c>
      <c r="D11934">
        <v>3.4</v>
      </c>
      <c r="E11934">
        <v>9137.65</v>
      </c>
      <c r="F11934">
        <v>22.236699999999999</v>
      </c>
    </row>
    <row r="11935" spans="1:6" x14ac:dyDescent="0.25">
      <c r="A11935">
        <v>160.41</v>
      </c>
      <c r="B11935">
        <v>196.78</v>
      </c>
      <c r="C11935">
        <v>7981.8</v>
      </c>
      <c r="D11935">
        <v>3.7</v>
      </c>
      <c r="E11935">
        <v>9109.1299999999992</v>
      </c>
      <c r="F11935">
        <v>22.8964</v>
      </c>
    </row>
    <row r="11936" spans="1:6" x14ac:dyDescent="0.25">
      <c r="A11936">
        <v>160.41</v>
      </c>
      <c r="B11936">
        <v>196.78</v>
      </c>
      <c r="C11936">
        <v>7981.8</v>
      </c>
      <c r="D11936">
        <v>4</v>
      </c>
      <c r="E11936">
        <v>9052.86</v>
      </c>
      <c r="F11936">
        <v>23.463799999999999</v>
      </c>
    </row>
    <row r="11937" spans="1:6" x14ac:dyDescent="0.25">
      <c r="A11937">
        <v>160.41</v>
      </c>
      <c r="B11937">
        <v>196.78</v>
      </c>
      <c r="C11937">
        <v>9527.25</v>
      </c>
      <c r="D11937">
        <v>1</v>
      </c>
      <c r="E11937">
        <v>13055.6</v>
      </c>
      <c r="F11937">
        <v>37.7286</v>
      </c>
    </row>
    <row r="11938" spans="1:6" x14ac:dyDescent="0.25">
      <c r="A11938">
        <v>160.41</v>
      </c>
      <c r="B11938">
        <v>196.78</v>
      </c>
      <c r="C11938">
        <v>9527.25</v>
      </c>
      <c r="D11938">
        <v>1.3</v>
      </c>
      <c r="E11938">
        <v>12181.8</v>
      </c>
      <c r="F11938">
        <v>40.700099999999999</v>
      </c>
    </row>
    <row r="11939" spans="1:6" x14ac:dyDescent="0.25">
      <c r="A11939">
        <v>160.41</v>
      </c>
      <c r="B11939">
        <v>196.78</v>
      </c>
      <c r="C11939">
        <v>9527.25</v>
      </c>
      <c r="D11939">
        <v>1.6</v>
      </c>
      <c r="E11939">
        <v>11865.9</v>
      </c>
      <c r="F11939">
        <v>36.637099999999997</v>
      </c>
    </row>
    <row r="11940" spans="1:6" x14ac:dyDescent="0.25">
      <c r="A11940">
        <v>160.41</v>
      </c>
      <c r="B11940">
        <v>196.78</v>
      </c>
      <c r="C11940">
        <v>9527.25</v>
      </c>
      <c r="D11940">
        <v>1.9</v>
      </c>
      <c r="E11940">
        <v>11423.5</v>
      </c>
      <c r="F11940">
        <v>20.4754</v>
      </c>
    </row>
    <row r="11941" spans="1:6" x14ac:dyDescent="0.25">
      <c r="A11941">
        <v>160.41</v>
      </c>
      <c r="B11941">
        <v>196.78</v>
      </c>
      <c r="C11941">
        <v>9527.25</v>
      </c>
      <c r="D11941">
        <v>2.2000000000000002</v>
      </c>
      <c r="E11941">
        <v>11354.3</v>
      </c>
      <c r="F11941">
        <v>48.799300000000002</v>
      </c>
    </row>
    <row r="11942" spans="1:6" x14ac:dyDescent="0.25">
      <c r="A11942">
        <v>160.41</v>
      </c>
      <c r="B11942">
        <v>196.78</v>
      </c>
      <c r="C11942">
        <v>9527.25</v>
      </c>
      <c r="D11942">
        <v>2.5</v>
      </c>
      <c r="E11942">
        <v>11008.8</v>
      </c>
      <c r="F11942">
        <v>48.241100000000003</v>
      </c>
    </row>
    <row r="11943" spans="1:6" x14ac:dyDescent="0.25">
      <c r="A11943">
        <v>160.41</v>
      </c>
      <c r="B11943">
        <v>196.78</v>
      </c>
      <c r="C11943">
        <v>9527.25</v>
      </c>
      <c r="D11943">
        <v>2.8</v>
      </c>
      <c r="E11943">
        <v>10884.3</v>
      </c>
      <c r="F11943">
        <v>38.1128</v>
      </c>
    </row>
    <row r="11944" spans="1:6" x14ac:dyDescent="0.25">
      <c r="A11944">
        <v>160.41</v>
      </c>
      <c r="B11944">
        <v>196.78</v>
      </c>
      <c r="C11944">
        <v>9527.25</v>
      </c>
      <c r="D11944">
        <v>3.1</v>
      </c>
      <c r="E11944">
        <v>10744.5</v>
      </c>
      <c r="F11944">
        <v>22.291599999999999</v>
      </c>
    </row>
    <row r="11945" spans="1:6" x14ac:dyDescent="0.25">
      <c r="A11945">
        <v>160.41</v>
      </c>
      <c r="B11945">
        <v>196.78</v>
      </c>
      <c r="C11945">
        <v>9527.25</v>
      </c>
      <c r="D11945">
        <v>3.4</v>
      </c>
      <c r="E11945">
        <v>10639.8</v>
      </c>
      <c r="F11945">
        <v>22.236699999999999</v>
      </c>
    </row>
    <row r="11946" spans="1:6" x14ac:dyDescent="0.25">
      <c r="A11946">
        <v>160.41</v>
      </c>
      <c r="B11946">
        <v>196.78</v>
      </c>
      <c r="C11946">
        <v>9527.25</v>
      </c>
      <c r="D11946">
        <v>3.7</v>
      </c>
      <c r="E11946">
        <v>10651.5</v>
      </c>
      <c r="F11946">
        <v>22.8964</v>
      </c>
    </row>
    <row r="11947" spans="1:6" x14ac:dyDescent="0.25">
      <c r="A11947">
        <v>160.41</v>
      </c>
      <c r="B11947">
        <v>196.78</v>
      </c>
      <c r="C11947">
        <v>9527.25</v>
      </c>
      <c r="D11947">
        <v>4</v>
      </c>
      <c r="E11947">
        <v>10486</v>
      </c>
      <c r="F11947">
        <v>23.463799999999999</v>
      </c>
    </row>
    <row r="11948" spans="1:6" x14ac:dyDescent="0.25">
      <c r="A11948">
        <v>160.41</v>
      </c>
      <c r="B11948">
        <v>196.78</v>
      </c>
      <c r="C11948">
        <v>11072.7</v>
      </c>
      <c r="D11948">
        <v>1</v>
      </c>
      <c r="E11948">
        <v>14537.9</v>
      </c>
      <c r="F11948">
        <v>37.7286</v>
      </c>
    </row>
    <row r="11949" spans="1:6" x14ac:dyDescent="0.25">
      <c r="A11949">
        <v>160.41</v>
      </c>
      <c r="B11949">
        <v>196.78</v>
      </c>
      <c r="C11949">
        <v>11072.7</v>
      </c>
      <c r="D11949">
        <v>1.3</v>
      </c>
      <c r="E11949">
        <v>13626.4</v>
      </c>
      <c r="F11949">
        <v>40.700099999999999</v>
      </c>
    </row>
    <row r="11950" spans="1:6" x14ac:dyDescent="0.25">
      <c r="A11950">
        <v>160.41</v>
      </c>
      <c r="B11950">
        <v>196.78</v>
      </c>
      <c r="C11950">
        <v>11072.7</v>
      </c>
      <c r="D11950">
        <v>1.6</v>
      </c>
      <c r="E11950">
        <v>13353.3</v>
      </c>
      <c r="F11950">
        <v>36.637099999999997</v>
      </c>
    </row>
    <row r="11951" spans="1:6" x14ac:dyDescent="0.25">
      <c r="A11951">
        <v>160.41</v>
      </c>
      <c r="B11951">
        <v>196.78</v>
      </c>
      <c r="C11951">
        <v>11072.7</v>
      </c>
      <c r="D11951">
        <v>1.9</v>
      </c>
      <c r="E11951">
        <v>12878.5</v>
      </c>
      <c r="F11951">
        <v>20.4754</v>
      </c>
    </row>
    <row r="11952" spans="1:6" x14ac:dyDescent="0.25">
      <c r="A11952">
        <v>160.41</v>
      </c>
      <c r="B11952">
        <v>196.78</v>
      </c>
      <c r="C11952">
        <v>11072.7</v>
      </c>
      <c r="D11952">
        <v>2.2000000000000002</v>
      </c>
      <c r="E11952">
        <v>12827.4</v>
      </c>
      <c r="F11952">
        <v>48.799300000000002</v>
      </c>
    </row>
    <row r="11953" spans="1:6" x14ac:dyDescent="0.25">
      <c r="A11953">
        <v>160.41</v>
      </c>
      <c r="B11953">
        <v>196.78</v>
      </c>
      <c r="C11953">
        <v>11072.7</v>
      </c>
      <c r="D11953">
        <v>2.5</v>
      </c>
      <c r="E11953">
        <v>12606.3</v>
      </c>
      <c r="F11953">
        <v>48.241100000000003</v>
      </c>
    </row>
    <row r="11954" spans="1:6" x14ac:dyDescent="0.25">
      <c r="A11954">
        <v>160.41</v>
      </c>
      <c r="B11954">
        <v>196.78</v>
      </c>
      <c r="C11954">
        <v>11072.7</v>
      </c>
      <c r="D11954">
        <v>2.8</v>
      </c>
      <c r="E11954">
        <v>12393.1</v>
      </c>
      <c r="F11954">
        <v>38.1128</v>
      </c>
    </row>
    <row r="11955" spans="1:6" x14ac:dyDescent="0.25">
      <c r="A11955">
        <v>160.41</v>
      </c>
      <c r="B11955">
        <v>196.78</v>
      </c>
      <c r="C11955">
        <v>11072.7</v>
      </c>
      <c r="D11955">
        <v>3.1</v>
      </c>
      <c r="E11955">
        <v>12331.1</v>
      </c>
      <c r="F11955">
        <v>22.291599999999999</v>
      </c>
    </row>
    <row r="11956" spans="1:6" x14ac:dyDescent="0.25">
      <c r="A11956">
        <v>160.41</v>
      </c>
      <c r="B11956">
        <v>196.78</v>
      </c>
      <c r="C11956">
        <v>11072.7</v>
      </c>
      <c r="D11956">
        <v>3.4</v>
      </c>
      <c r="E11956">
        <v>12199.2</v>
      </c>
      <c r="F11956">
        <v>22.236699999999999</v>
      </c>
    </row>
    <row r="11957" spans="1:6" x14ac:dyDescent="0.25">
      <c r="A11957">
        <v>160.41</v>
      </c>
      <c r="B11957">
        <v>196.78</v>
      </c>
      <c r="C11957">
        <v>11072.7</v>
      </c>
      <c r="D11957">
        <v>3.7</v>
      </c>
      <c r="E11957">
        <v>12129.6</v>
      </c>
      <c r="F11957">
        <v>22.8964</v>
      </c>
    </row>
    <row r="11958" spans="1:6" x14ac:dyDescent="0.25">
      <c r="A11958">
        <v>160.41</v>
      </c>
      <c r="B11958">
        <v>196.78</v>
      </c>
      <c r="C11958">
        <v>11072.7</v>
      </c>
      <c r="D11958">
        <v>4</v>
      </c>
      <c r="E11958">
        <v>12092</v>
      </c>
      <c r="F11958">
        <v>23.463799999999999</v>
      </c>
    </row>
    <row r="11959" spans="1:6" x14ac:dyDescent="0.25">
      <c r="A11959">
        <v>160.41</v>
      </c>
      <c r="B11959">
        <v>196.78</v>
      </c>
      <c r="C11959">
        <v>12618.2</v>
      </c>
      <c r="D11959">
        <v>1</v>
      </c>
      <c r="E11959">
        <v>16021.6</v>
      </c>
      <c r="F11959">
        <v>37.7286</v>
      </c>
    </row>
    <row r="11960" spans="1:6" x14ac:dyDescent="0.25">
      <c r="A11960">
        <v>160.41</v>
      </c>
      <c r="B11960">
        <v>196.78</v>
      </c>
      <c r="C11960">
        <v>12618.2</v>
      </c>
      <c r="D11960">
        <v>1.3</v>
      </c>
      <c r="E11960">
        <v>15119.7</v>
      </c>
      <c r="F11960">
        <v>40.700099999999999</v>
      </c>
    </row>
    <row r="11961" spans="1:6" x14ac:dyDescent="0.25">
      <c r="A11961">
        <v>160.41</v>
      </c>
      <c r="B11961">
        <v>196.78</v>
      </c>
      <c r="C11961">
        <v>12618.2</v>
      </c>
      <c r="D11961">
        <v>1.6</v>
      </c>
      <c r="E11961">
        <v>14798.4</v>
      </c>
      <c r="F11961">
        <v>36.637099999999997</v>
      </c>
    </row>
    <row r="11962" spans="1:6" x14ac:dyDescent="0.25">
      <c r="A11962">
        <v>160.41</v>
      </c>
      <c r="B11962">
        <v>196.78</v>
      </c>
      <c r="C11962">
        <v>12618.2</v>
      </c>
      <c r="D11962">
        <v>1.9</v>
      </c>
      <c r="E11962">
        <v>14354.9</v>
      </c>
      <c r="F11962">
        <v>20.4754</v>
      </c>
    </row>
    <row r="11963" spans="1:6" x14ac:dyDescent="0.25">
      <c r="A11963">
        <v>160.41</v>
      </c>
      <c r="B11963">
        <v>196.78</v>
      </c>
      <c r="C11963">
        <v>12618.2</v>
      </c>
      <c r="D11963">
        <v>2.2000000000000002</v>
      </c>
      <c r="E11963">
        <v>14232.9</v>
      </c>
      <c r="F11963">
        <v>48.799300000000002</v>
      </c>
    </row>
    <row r="11964" spans="1:6" x14ac:dyDescent="0.25">
      <c r="A11964">
        <v>160.41</v>
      </c>
      <c r="B11964">
        <v>196.78</v>
      </c>
      <c r="C11964">
        <v>12618.2</v>
      </c>
      <c r="D11964">
        <v>2.5</v>
      </c>
      <c r="E11964">
        <v>14029.5</v>
      </c>
      <c r="F11964">
        <v>48.241100000000003</v>
      </c>
    </row>
    <row r="11965" spans="1:6" x14ac:dyDescent="0.25">
      <c r="A11965">
        <v>160.41</v>
      </c>
      <c r="B11965">
        <v>196.78</v>
      </c>
      <c r="C11965">
        <v>12618.2</v>
      </c>
      <c r="D11965">
        <v>2.8</v>
      </c>
      <c r="E11965">
        <v>13882.6</v>
      </c>
      <c r="F11965">
        <v>38.1128</v>
      </c>
    </row>
    <row r="11966" spans="1:6" x14ac:dyDescent="0.25">
      <c r="A11966">
        <v>160.41</v>
      </c>
      <c r="B11966">
        <v>196.78</v>
      </c>
      <c r="C11966">
        <v>12618.2</v>
      </c>
      <c r="D11966">
        <v>3.1</v>
      </c>
      <c r="E11966">
        <v>13782.9</v>
      </c>
      <c r="F11966">
        <v>22.291599999999999</v>
      </c>
    </row>
    <row r="11967" spans="1:6" x14ac:dyDescent="0.25">
      <c r="A11967">
        <v>160.41</v>
      </c>
      <c r="B11967">
        <v>196.78</v>
      </c>
      <c r="C11967">
        <v>12618.2</v>
      </c>
      <c r="D11967">
        <v>3.4</v>
      </c>
      <c r="E11967">
        <v>13647.8</v>
      </c>
      <c r="F11967">
        <v>22.236699999999999</v>
      </c>
    </row>
    <row r="11968" spans="1:6" x14ac:dyDescent="0.25">
      <c r="A11968">
        <v>160.41</v>
      </c>
      <c r="B11968">
        <v>196.78</v>
      </c>
      <c r="C11968">
        <v>12618.2</v>
      </c>
      <c r="D11968">
        <v>3.7</v>
      </c>
      <c r="E11968">
        <v>13577.4</v>
      </c>
      <c r="F11968">
        <v>22.8964</v>
      </c>
    </row>
    <row r="11969" spans="1:6" x14ac:dyDescent="0.25">
      <c r="A11969">
        <v>160.41</v>
      </c>
      <c r="B11969">
        <v>196.78</v>
      </c>
      <c r="C11969">
        <v>12618.2</v>
      </c>
      <c r="D11969">
        <v>4</v>
      </c>
      <c r="E11969">
        <v>13529.3</v>
      </c>
      <c r="F11969">
        <v>23.463799999999999</v>
      </c>
    </row>
    <row r="11970" spans="1:6" x14ac:dyDescent="0.25">
      <c r="A11970">
        <v>160.41</v>
      </c>
      <c r="B11970">
        <v>196.78</v>
      </c>
      <c r="C11970">
        <v>14163.6</v>
      </c>
      <c r="D11970">
        <v>1</v>
      </c>
      <c r="E11970">
        <v>16312.8</v>
      </c>
      <c r="F11970">
        <v>37.7286</v>
      </c>
    </row>
    <row r="11971" spans="1:6" x14ac:dyDescent="0.25">
      <c r="A11971">
        <v>160.41</v>
      </c>
      <c r="B11971">
        <v>196.78</v>
      </c>
      <c r="C11971">
        <v>14163.6</v>
      </c>
      <c r="D11971">
        <v>1.3</v>
      </c>
      <c r="E11971">
        <v>15925.1</v>
      </c>
      <c r="F11971">
        <v>40.700099999999999</v>
      </c>
    </row>
    <row r="11972" spans="1:6" x14ac:dyDescent="0.25">
      <c r="A11972">
        <v>160.41</v>
      </c>
      <c r="B11972">
        <v>196.78</v>
      </c>
      <c r="C11972">
        <v>14163.6</v>
      </c>
      <c r="D11972">
        <v>1.6</v>
      </c>
      <c r="E11972">
        <v>15672.5</v>
      </c>
      <c r="F11972">
        <v>36.637099999999997</v>
      </c>
    </row>
    <row r="11973" spans="1:6" x14ac:dyDescent="0.25">
      <c r="A11973">
        <v>160.41</v>
      </c>
      <c r="B11973">
        <v>196.78</v>
      </c>
      <c r="C11973">
        <v>14163.6</v>
      </c>
      <c r="D11973">
        <v>1.9</v>
      </c>
      <c r="E11973">
        <v>15552.6</v>
      </c>
      <c r="F11973">
        <v>20.4754</v>
      </c>
    </row>
    <row r="11974" spans="1:6" x14ac:dyDescent="0.25">
      <c r="A11974">
        <v>160.41</v>
      </c>
      <c r="B11974">
        <v>196.78</v>
      </c>
      <c r="C11974">
        <v>14163.6</v>
      </c>
      <c r="D11974">
        <v>2.2000000000000002</v>
      </c>
      <c r="E11974">
        <v>15275.3</v>
      </c>
      <c r="F11974">
        <v>48.799300000000002</v>
      </c>
    </row>
    <row r="11975" spans="1:6" x14ac:dyDescent="0.25">
      <c r="A11975">
        <v>160.41</v>
      </c>
      <c r="B11975">
        <v>196.78</v>
      </c>
      <c r="C11975">
        <v>14163.6</v>
      </c>
      <c r="D11975">
        <v>2.5</v>
      </c>
      <c r="E11975">
        <v>15266.3</v>
      </c>
      <c r="F11975">
        <v>48.241100000000003</v>
      </c>
    </row>
    <row r="11976" spans="1:6" x14ac:dyDescent="0.25">
      <c r="A11976">
        <v>160.41</v>
      </c>
      <c r="B11976">
        <v>196.78</v>
      </c>
      <c r="C11976">
        <v>14163.6</v>
      </c>
      <c r="D11976">
        <v>2.8</v>
      </c>
      <c r="E11976">
        <v>15072.3</v>
      </c>
      <c r="F11976">
        <v>38.1128</v>
      </c>
    </row>
    <row r="11977" spans="1:6" x14ac:dyDescent="0.25">
      <c r="A11977">
        <v>160.41</v>
      </c>
      <c r="B11977">
        <v>196.78</v>
      </c>
      <c r="C11977">
        <v>14163.6</v>
      </c>
      <c r="D11977">
        <v>3.1</v>
      </c>
      <c r="E11977">
        <v>14940.3</v>
      </c>
      <c r="F11977">
        <v>22.291599999999999</v>
      </c>
    </row>
    <row r="11978" spans="1:6" x14ac:dyDescent="0.25">
      <c r="A11978">
        <v>160.41</v>
      </c>
      <c r="B11978">
        <v>196.78</v>
      </c>
      <c r="C11978">
        <v>14163.6</v>
      </c>
      <c r="D11978">
        <v>3.4</v>
      </c>
      <c r="E11978">
        <v>14828.4</v>
      </c>
      <c r="F11978">
        <v>22.236699999999999</v>
      </c>
    </row>
    <row r="11979" spans="1:6" x14ac:dyDescent="0.25">
      <c r="A11979">
        <v>160.41</v>
      </c>
      <c r="B11979">
        <v>196.78</v>
      </c>
      <c r="C11979">
        <v>14163.6</v>
      </c>
      <c r="D11979">
        <v>3.7</v>
      </c>
      <c r="E11979">
        <v>14787.8</v>
      </c>
      <c r="F11979">
        <v>22.8964</v>
      </c>
    </row>
    <row r="11980" spans="1:6" x14ac:dyDescent="0.25">
      <c r="A11980">
        <v>160.41</v>
      </c>
      <c r="B11980">
        <v>196.78</v>
      </c>
      <c r="C11980">
        <v>14163.6</v>
      </c>
      <c r="D11980">
        <v>4</v>
      </c>
      <c r="E11980">
        <v>14783.8</v>
      </c>
      <c r="F11980">
        <v>23.463799999999999</v>
      </c>
    </row>
    <row r="11981" spans="1:6" x14ac:dyDescent="0.25">
      <c r="A11981">
        <v>160.41</v>
      </c>
      <c r="B11981">
        <v>196.78</v>
      </c>
      <c r="C11981">
        <v>15709.1</v>
      </c>
      <c r="D11981">
        <v>1</v>
      </c>
      <c r="E11981">
        <v>17665.2</v>
      </c>
      <c r="F11981">
        <v>37.7286</v>
      </c>
    </row>
    <row r="11982" spans="1:6" x14ac:dyDescent="0.25">
      <c r="A11982">
        <v>160.41</v>
      </c>
      <c r="B11982">
        <v>196.78</v>
      </c>
      <c r="C11982">
        <v>15709.1</v>
      </c>
      <c r="D11982">
        <v>1.3</v>
      </c>
      <c r="E11982">
        <v>15925.1</v>
      </c>
      <c r="F11982">
        <v>40.700099999999999</v>
      </c>
    </row>
    <row r="11983" spans="1:6" x14ac:dyDescent="0.25">
      <c r="A11983">
        <v>160.41</v>
      </c>
      <c r="B11983">
        <v>196.78</v>
      </c>
      <c r="C11983">
        <v>15709.1</v>
      </c>
      <c r="D11983">
        <v>1.6</v>
      </c>
      <c r="E11983">
        <v>16549.400000000001</v>
      </c>
      <c r="F11983">
        <v>36.637099999999997</v>
      </c>
    </row>
    <row r="11984" spans="1:6" x14ac:dyDescent="0.25">
      <c r="A11984">
        <v>160.41</v>
      </c>
      <c r="B11984">
        <v>196.78</v>
      </c>
      <c r="C11984">
        <v>15709.1</v>
      </c>
      <c r="D11984">
        <v>1.9</v>
      </c>
      <c r="E11984">
        <v>15552.6</v>
      </c>
      <c r="F11984">
        <v>20.4754</v>
      </c>
    </row>
    <row r="11985" spans="1:6" x14ac:dyDescent="0.25">
      <c r="A11985">
        <v>160.41</v>
      </c>
      <c r="B11985">
        <v>196.78</v>
      </c>
      <c r="C11985">
        <v>15709.1</v>
      </c>
      <c r="D11985">
        <v>2.2000000000000002</v>
      </c>
      <c r="E11985">
        <v>16632.2</v>
      </c>
      <c r="F11985">
        <v>48.799300000000002</v>
      </c>
    </row>
    <row r="11986" spans="1:6" x14ac:dyDescent="0.25">
      <c r="A11986">
        <v>160.41</v>
      </c>
      <c r="B11986">
        <v>196.78</v>
      </c>
      <c r="C11986">
        <v>15709.1</v>
      </c>
      <c r="D11986">
        <v>2.5</v>
      </c>
      <c r="E11986">
        <v>15740.1</v>
      </c>
      <c r="F11986">
        <v>48.241100000000003</v>
      </c>
    </row>
    <row r="11987" spans="1:6" x14ac:dyDescent="0.25">
      <c r="A11987">
        <v>160.41</v>
      </c>
      <c r="B11987">
        <v>196.78</v>
      </c>
      <c r="C11987">
        <v>15709.1</v>
      </c>
      <c r="D11987">
        <v>2.8</v>
      </c>
      <c r="E11987">
        <v>15690.5</v>
      </c>
      <c r="F11987">
        <v>38.1128</v>
      </c>
    </row>
    <row r="11988" spans="1:6" x14ac:dyDescent="0.25">
      <c r="A11988">
        <v>160.41</v>
      </c>
      <c r="B11988">
        <v>196.78</v>
      </c>
      <c r="C11988">
        <v>15709.1</v>
      </c>
      <c r="D11988">
        <v>3.1</v>
      </c>
      <c r="E11988">
        <v>16383.8</v>
      </c>
      <c r="F11988">
        <v>22.291599999999999</v>
      </c>
    </row>
    <row r="11989" spans="1:6" x14ac:dyDescent="0.25">
      <c r="A11989">
        <v>160.41</v>
      </c>
      <c r="B11989">
        <v>196.78</v>
      </c>
      <c r="C11989">
        <v>15709.1</v>
      </c>
      <c r="D11989">
        <v>3.4</v>
      </c>
      <c r="E11989">
        <v>15056.3</v>
      </c>
      <c r="F11989">
        <v>22.236699999999999</v>
      </c>
    </row>
    <row r="11990" spans="1:6" x14ac:dyDescent="0.25">
      <c r="A11990">
        <v>160.41</v>
      </c>
      <c r="B11990">
        <v>196.78</v>
      </c>
      <c r="C11990">
        <v>15709.1</v>
      </c>
      <c r="D11990">
        <v>3.7</v>
      </c>
      <c r="E11990">
        <v>14787.8</v>
      </c>
      <c r="F11990">
        <v>22.8964</v>
      </c>
    </row>
    <row r="11991" spans="1:6" x14ac:dyDescent="0.25">
      <c r="A11991">
        <v>160.41</v>
      </c>
      <c r="B11991">
        <v>196.78</v>
      </c>
      <c r="C11991">
        <v>15709.1</v>
      </c>
      <c r="D11991">
        <v>4</v>
      </c>
      <c r="E11991">
        <v>14783.8</v>
      </c>
      <c r="F11991">
        <v>23.463799999999999</v>
      </c>
    </row>
    <row r="11992" spans="1:6" x14ac:dyDescent="0.25">
      <c r="A11992">
        <v>160.41</v>
      </c>
      <c r="B11992">
        <v>196.78</v>
      </c>
      <c r="C11992">
        <v>17254.5</v>
      </c>
      <c r="D11992">
        <v>1</v>
      </c>
      <c r="E11992">
        <v>17665.2</v>
      </c>
      <c r="F11992">
        <v>37.7286</v>
      </c>
    </row>
    <row r="11993" spans="1:6" x14ac:dyDescent="0.25">
      <c r="A11993">
        <v>160.41</v>
      </c>
      <c r="B11993">
        <v>196.78</v>
      </c>
      <c r="C11993">
        <v>17254.5</v>
      </c>
      <c r="D11993">
        <v>1.3</v>
      </c>
      <c r="E11993">
        <v>15925.1</v>
      </c>
      <c r="F11993">
        <v>40.700099999999999</v>
      </c>
    </row>
    <row r="11994" spans="1:6" x14ac:dyDescent="0.25">
      <c r="A11994">
        <v>160.41</v>
      </c>
      <c r="B11994">
        <v>196.78</v>
      </c>
      <c r="C11994">
        <v>17254.5</v>
      </c>
      <c r="D11994">
        <v>1.6</v>
      </c>
      <c r="E11994">
        <v>16549.400000000001</v>
      </c>
      <c r="F11994">
        <v>36.637099999999997</v>
      </c>
    </row>
    <row r="11995" spans="1:6" x14ac:dyDescent="0.25">
      <c r="A11995">
        <v>160.41</v>
      </c>
      <c r="B11995">
        <v>196.78</v>
      </c>
      <c r="C11995">
        <v>17254.5</v>
      </c>
      <c r="D11995">
        <v>1.9</v>
      </c>
      <c r="E11995">
        <v>15552.6</v>
      </c>
      <c r="F11995">
        <v>20.4754</v>
      </c>
    </row>
    <row r="11996" spans="1:6" x14ac:dyDescent="0.25">
      <c r="A11996">
        <v>160.41</v>
      </c>
      <c r="B11996">
        <v>196.78</v>
      </c>
      <c r="C11996">
        <v>17254.5</v>
      </c>
      <c r="D11996">
        <v>2.2000000000000002</v>
      </c>
      <c r="E11996">
        <v>16632.2</v>
      </c>
      <c r="F11996">
        <v>48.799300000000002</v>
      </c>
    </row>
    <row r="11997" spans="1:6" x14ac:dyDescent="0.25">
      <c r="A11997">
        <v>160.41</v>
      </c>
      <c r="B11997">
        <v>196.78</v>
      </c>
      <c r="C11997">
        <v>17254.5</v>
      </c>
      <c r="D11997">
        <v>2.5</v>
      </c>
      <c r="E11997">
        <v>17079</v>
      </c>
      <c r="F11997">
        <v>48.241100000000003</v>
      </c>
    </row>
    <row r="11998" spans="1:6" x14ac:dyDescent="0.25">
      <c r="A11998">
        <v>160.41</v>
      </c>
      <c r="B11998">
        <v>196.78</v>
      </c>
      <c r="C11998">
        <v>17254.5</v>
      </c>
      <c r="D11998">
        <v>2.8</v>
      </c>
      <c r="E11998">
        <v>15690.5</v>
      </c>
      <c r="F11998">
        <v>38.1128</v>
      </c>
    </row>
    <row r="11999" spans="1:6" x14ac:dyDescent="0.25">
      <c r="A11999">
        <v>160.41</v>
      </c>
      <c r="B11999">
        <v>196.78</v>
      </c>
      <c r="C11999">
        <v>17254.5</v>
      </c>
      <c r="D11999">
        <v>3.1</v>
      </c>
      <c r="E11999">
        <v>16383.8</v>
      </c>
      <c r="F11999">
        <v>22.291599999999999</v>
      </c>
    </row>
    <row r="12000" spans="1:6" x14ac:dyDescent="0.25">
      <c r="A12000">
        <v>160.41</v>
      </c>
      <c r="B12000">
        <v>196.78</v>
      </c>
      <c r="C12000">
        <v>17254.5</v>
      </c>
      <c r="D12000">
        <v>3.4</v>
      </c>
      <c r="E12000">
        <v>15056.3</v>
      </c>
      <c r="F12000">
        <v>22.236699999999999</v>
      </c>
    </row>
    <row r="12001" spans="1:6" x14ac:dyDescent="0.25">
      <c r="A12001">
        <v>160.41</v>
      </c>
      <c r="B12001">
        <v>196.78</v>
      </c>
      <c r="C12001">
        <v>17254.5</v>
      </c>
      <c r="D12001">
        <v>3.7</v>
      </c>
      <c r="E12001">
        <v>14787.8</v>
      </c>
      <c r="F12001">
        <v>22.8964</v>
      </c>
    </row>
    <row r="12002" spans="1:6" x14ac:dyDescent="0.25">
      <c r="A12002">
        <v>160.41</v>
      </c>
      <c r="B12002">
        <v>196.78</v>
      </c>
      <c r="C12002">
        <v>17254.5</v>
      </c>
      <c r="D12002">
        <v>4</v>
      </c>
      <c r="E12002">
        <v>14783.8</v>
      </c>
      <c r="F12002">
        <v>23.463799999999999</v>
      </c>
    </row>
    <row r="12003" spans="1:6" x14ac:dyDescent="0.25">
      <c r="A12003">
        <v>160.41</v>
      </c>
      <c r="B12003">
        <v>196.78</v>
      </c>
      <c r="C12003">
        <v>18800</v>
      </c>
      <c r="D12003">
        <v>1</v>
      </c>
      <c r="E12003">
        <v>17665.2</v>
      </c>
      <c r="F12003">
        <v>37.7286</v>
      </c>
    </row>
    <row r="12004" spans="1:6" x14ac:dyDescent="0.25">
      <c r="A12004">
        <v>160.41</v>
      </c>
      <c r="B12004">
        <v>196.78</v>
      </c>
      <c r="C12004">
        <v>18800</v>
      </c>
      <c r="D12004">
        <v>1.3</v>
      </c>
      <c r="E12004">
        <v>15925.1</v>
      </c>
      <c r="F12004">
        <v>40.700099999999999</v>
      </c>
    </row>
    <row r="12005" spans="1:6" x14ac:dyDescent="0.25">
      <c r="A12005">
        <v>160.41</v>
      </c>
      <c r="B12005">
        <v>196.78</v>
      </c>
      <c r="C12005">
        <v>18800</v>
      </c>
      <c r="D12005">
        <v>1.6</v>
      </c>
      <c r="E12005">
        <v>16549.400000000001</v>
      </c>
      <c r="F12005">
        <v>36.637099999999997</v>
      </c>
    </row>
    <row r="12006" spans="1:6" x14ac:dyDescent="0.25">
      <c r="A12006">
        <v>160.41</v>
      </c>
      <c r="B12006">
        <v>196.78</v>
      </c>
      <c r="C12006">
        <v>18800</v>
      </c>
      <c r="D12006">
        <v>1.9</v>
      </c>
      <c r="E12006">
        <v>15552.6</v>
      </c>
      <c r="F12006">
        <v>20.4754</v>
      </c>
    </row>
    <row r="12007" spans="1:6" x14ac:dyDescent="0.25">
      <c r="A12007">
        <v>160.41</v>
      </c>
      <c r="B12007">
        <v>196.78</v>
      </c>
      <c r="C12007">
        <v>18800</v>
      </c>
      <c r="D12007">
        <v>2.2000000000000002</v>
      </c>
      <c r="E12007">
        <v>16632.2</v>
      </c>
      <c r="F12007">
        <v>48.799300000000002</v>
      </c>
    </row>
    <row r="12008" spans="1:6" x14ac:dyDescent="0.25">
      <c r="A12008">
        <v>160.41</v>
      </c>
      <c r="B12008">
        <v>196.78</v>
      </c>
      <c r="C12008">
        <v>18800</v>
      </c>
      <c r="D12008">
        <v>2.5</v>
      </c>
      <c r="E12008">
        <v>17079</v>
      </c>
      <c r="F12008">
        <v>48.241100000000003</v>
      </c>
    </row>
    <row r="12009" spans="1:6" x14ac:dyDescent="0.25">
      <c r="A12009">
        <v>160.41</v>
      </c>
      <c r="B12009">
        <v>196.78</v>
      </c>
      <c r="C12009">
        <v>18800</v>
      </c>
      <c r="D12009">
        <v>2.8</v>
      </c>
      <c r="E12009">
        <v>15690.5</v>
      </c>
      <c r="F12009">
        <v>38.1128</v>
      </c>
    </row>
    <row r="12010" spans="1:6" x14ac:dyDescent="0.25">
      <c r="A12010">
        <v>160.41</v>
      </c>
      <c r="B12010">
        <v>196.78</v>
      </c>
      <c r="C12010">
        <v>18800</v>
      </c>
      <c r="D12010">
        <v>3.1</v>
      </c>
      <c r="E12010">
        <v>16383.8</v>
      </c>
      <c r="F12010">
        <v>22.291599999999999</v>
      </c>
    </row>
    <row r="12011" spans="1:6" x14ac:dyDescent="0.25">
      <c r="A12011">
        <v>160.41</v>
      </c>
      <c r="B12011">
        <v>196.78</v>
      </c>
      <c r="C12011">
        <v>18800</v>
      </c>
      <c r="D12011">
        <v>3.4</v>
      </c>
      <c r="E12011">
        <v>15056.3</v>
      </c>
      <c r="F12011">
        <v>22.236699999999999</v>
      </c>
    </row>
    <row r="12012" spans="1:6" x14ac:dyDescent="0.25">
      <c r="A12012">
        <v>160.41</v>
      </c>
      <c r="B12012">
        <v>196.78</v>
      </c>
      <c r="C12012">
        <v>18800</v>
      </c>
      <c r="D12012">
        <v>3.7</v>
      </c>
      <c r="E12012">
        <v>14787.8</v>
      </c>
      <c r="F12012">
        <v>22.8964</v>
      </c>
    </row>
    <row r="12013" spans="1:6" x14ac:dyDescent="0.25">
      <c r="A12013">
        <v>160.41</v>
      </c>
      <c r="B12013">
        <v>196.78</v>
      </c>
      <c r="C12013">
        <v>18800</v>
      </c>
      <c r="D12013">
        <v>4</v>
      </c>
      <c r="E12013">
        <v>14783.8</v>
      </c>
      <c r="F12013">
        <v>23.463799999999999</v>
      </c>
    </row>
    <row r="12014" spans="1:6" x14ac:dyDescent="0.25">
      <c r="A12014">
        <v>160.41</v>
      </c>
      <c r="B12014">
        <v>200.41</v>
      </c>
      <c r="C12014">
        <v>1800</v>
      </c>
      <c r="D12014">
        <v>1</v>
      </c>
      <c r="E12014">
        <v>5495.24</v>
      </c>
      <c r="F12014">
        <v>34.501300000000001</v>
      </c>
    </row>
    <row r="12015" spans="1:6" x14ac:dyDescent="0.25">
      <c r="A12015">
        <v>160.41</v>
      </c>
      <c r="B12015">
        <v>200.41</v>
      </c>
      <c r="C12015">
        <v>1800</v>
      </c>
      <c r="D12015">
        <v>1.3</v>
      </c>
      <c r="E12015">
        <v>4902.33</v>
      </c>
      <c r="F12015">
        <v>39.780700000000003</v>
      </c>
    </row>
    <row r="12016" spans="1:6" x14ac:dyDescent="0.25">
      <c r="A12016">
        <v>160.41</v>
      </c>
      <c r="B12016">
        <v>200.41</v>
      </c>
      <c r="C12016">
        <v>1800</v>
      </c>
      <c r="D12016">
        <v>1.6</v>
      </c>
      <c r="E12016">
        <v>4318.16</v>
      </c>
      <c r="F12016">
        <v>48.336500000000001</v>
      </c>
    </row>
    <row r="12017" spans="1:6" x14ac:dyDescent="0.25">
      <c r="A12017">
        <v>160.41</v>
      </c>
      <c r="B12017">
        <v>200.41</v>
      </c>
      <c r="C12017">
        <v>1800</v>
      </c>
      <c r="D12017">
        <v>1.9</v>
      </c>
      <c r="E12017">
        <v>4156.17</v>
      </c>
      <c r="F12017">
        <v>51.853499999999997</v>
      </c>
    </row>
    <row r="12018" spans="1:6" x14ac:dyDescent="0.25">
      <c r="A12018">
        <v>160.41</v>
      </c>
      <c r="B12018">
        <v>200.41</v>
      </c>
      <c r="C12018">
        <v>1800</v>
      </c>
      <c r="D12018">
        <v>2.2000000000000002</v>
      </c>
      <c r="E12018">
        <v>3892.16</v>
      </c>
      <c r="F12018">
        <v>54.764400000000002</v>
      </c>
    </row>
    <row r="12019" spans="1:6" x14ac:dyDescent="0.25">
      <c r="A12019">
        <v>160.41</v>
      </c>
      <c r="B12019">
        <v>200.41</v>
      </c>
      <c r="C12019">
        <v>1800</v>
      </c>
      <c r="D12019">
        <v>2.5</v>
      </c>
      <c r="E12019">
        <v>3658.47</v>
      </c>
      <c r="F12019">
        <v>57.656599999999997</v>
      </c>
    </row>
    <row r="12020" spans="1:6" x14ac:dyDescent="0.25">
      <c r="A12020">
        <v>160.41</v>
      </c>
      <c r="B12020">
        <v>200.41</v>
      </c>
      <c r="C12020">
        <v>1800</v>
      </c>
      <c r="D12020">
        <v>2.8</v>
      </c>
      <c r="E12020">
        <v>3532.77</v>
      </c>
      <c r="F12020">
        <v>60.075299999999999</v>
      </c>
    </row>
    <row r="12021" spans="1:6" x14ac:dyDescent="0.25">
      <c r="A12021">
        <v>160.41</v>
      </c>
      <c r="B12021">
        <v>200.41</v>
      </c>
      <c r="C12021">
        <v>1800</v>
      </c>
      <c r="D12021">
        <v>3.1</v>
      </c>
      <c r="E12021">
        <v>3451.52</v>
      </c>
      <c r="F12021">
        <v>62.4176</v>
      </c>
    </row>
    <row r="12022" spans="1:6" x14ac:dyDescent="0.25">
      <c r="A12022">
        <v>160.41</v>
      </c>
      <c r="B12022">
        <v>200.41</v>
      </c>
      <c r="C12022">
        <v>1800</v>
      </c>
      <c r="D12022">
        <v>3.4</v>
      </c>
      <c r="E12022">
        <v>3368.12</v>
      </c>
      <c r="F12022">
        <v>61.335500000000003</v>
      </c>
    </row>
    <row r="12023" spans="1:6" x14ac:dyDescent="0.25">
      <c r="A12023">
        <v>160.41</v>
      </c>
      <c r="B12023">
        <v>200.41</v>
      </c>
      <c r="C12023">
        <v>1800</v>
      </c>
      <c r="D12023">
        <v>3.7</v>
      </c>
      <c r="E12023">
        <v>3255.3</v>
      </c>
      <c r="F12023">
        <v>64.847899999999996</v>
      </c>
    </row>
    <row r="12024" spans="1:6" x14ac:dyDescent="0.25">
      <c r="A12024">
        <v>160.41</v>
      </c>
      <c r="B12024">
        <v>200.41</v>
      </c>
      <c r="C12024">
        <v>1800</v>
      </c>
      <c r="D12024">
        <v>4</v>
      </c>
      <c r="E12024">
        <v>3168.03</v>
      </c>
      <c r="F12024">
        <v>67.904799999999994</v>
      </c>
    </row>
    <row r="12025" spans="1:6" x14ac:dyDescent="0.25">
      <c r="A12025">
        <v>160.41</v>
      </c>
      <c r="B12025">
        <v>200.41</v>
      </c>
      <c r="C12025">
        <v>3345.45</v>
      </c>
      <c r="D12025">
        <v>1</v>
      </c>
      <c r="E12025">
        <v>6911.55</v>
      </c>
      <c r="F12025">
        <v>37.7286</v>
      </c>
    </row>
    <row r="12026" spans="1:6" x14ac:dyDescent="0.25">
      <c r="A12026">
        <v>160.41</v>
      </c>
      <c r="B12026">
        <v>200.41</v>
      </c>
      <c r="C12026">
        <v>3345.45</v>
      </c>
      <c r="D12026">
        <v>1.3</v>
      </c>
      <c r="E12026">
        <v>6198.66</v>
      </c>
      <c r="F12026">
        <v>40.700099999999999</v>
      </c>
    </row>
    <row r="12027" spans="1:6" x14ac:dyDescent="0.25">
      <c r="A12027">
        <v>160.41</v>
      </c>
      <c r="B12027">
        <v>200.41</v>
      </c>
      <c r="C12027">
        <v>3345.45</v>
      </c>
      <c r="D12027">
        <v>1.6</v>
      </c>
      <c r="E12027">
        <v>5648.48</v>
      </c>
      <c r="F12027">
        <v>36.637099999999997</v>
      </c>
    </row>
    <row r="12028" spans="1:6" x14ac:dyDescent="0.25">
      <c r="A12028">
        <v>160.41</v>
      </c>
      <c r="B12028">
        <v>200.41</v>
      </c>
      <c r="C12028">
        <v>3345.45</v>
      </c>
      <c r="D12028">
        <v>1.9</v>
      </c>
      <c r="E12028">
        <v>5397.31</v>
      </c>
      <c r="F12028">
        <v>20.4754</v>
      </c>
    </row>
    <row r="12029" spans="1:6" x14ac:dyDescent="0.25">
      <c r="A12029">
        <v>160.41</v>
      </c>
      <c r="B12029">
        <v>200.41</v>
      </c>
      <c r="C12029">
        <v>3345.45</v>
      </c>
      <c r="D12029">
        <v>2.2000000000000002</v>
      </c>
      <c r="E12029">
        <v>5056.1099999999997</v>
      </c>
      <c r="F12029">
        <v>48.799300000000002</v>
      </c>
    </row>
    <row r="12030" spans="1:6" x14ac:dyDescent="0.25">
      <c r="A12030">
        <v>160.41</v>
      </c>
      <c r="B12030">
        <v>200.41</v>
      </c>
      <c r="C12030">
        <v>3345.45</v>
      </c>
      <c r="D12030">
        <v>2.5</v>
      </c>
      <c r="E12030">
        <v>5061.54</v>
      </c>
      <c r="F12030">
        <v>48.241100000000003</v>
      </c>
    </row>
    <row r="12031" spans="1:6" x14ac:dyDescent="0.25">
      <c r="A12031">
        <v>160.41</v>
      </c>
      <c r="B12031">
        <v>200.41</v>
      </c>
      <c r="C12031">
        <v>3345.45</v>
      </c>
      <c r="D12031">
        <v>2.8</v>
      </c>
      <c r="E12031">
        <v>4837.7700000000004</v>
      </c>
      <c r="F12031">
        <v>38.1128</v>
      </c>
    </row>
    <row r="12032" spans="1:6" x14ac:dyDescent="0.25">
      <c r="A12032">
        <v>160.41</v>
      </c>
      <c r="B12032">
        <v>200.41</v>
      </c>
      <c r="C12032">
        <v>3345.45</v>
      </c>
      <c r="D12032">
        <v>3.1</v>
      </c>
      <c r="E12032">
        <v>4797.33</v>
      </c>
      <c r="F12032">
        <v>22.291599999999999</v>
      </c>
    </row>
    <row r="12033" spans="1:6" x14ac:dyDescent="0.25">
      <c r="A12033">
        <v>160.41</v>
      </c>
      <c r="B12033">
        <v>200.41</v>
      </c>
      <c r="C12033">
        <v>3345.45</v>
      </c>
      <c r="D12033">
        <v>3.4</v>
      </c>
      <c r="E12033">
        <v>4668.08</v>
      </c>
      <c r="F12033">
        <v>22.236699999999999</v>
      </c>
    </row>
    <row r="12034" spans="1:6" x14ac:dyDescent="0.25">
      <c r="A12034">
        <v>160.41</v>
      </c>
      <c r="B12034">
        <v>200.41</v>
      </c>
      <c r="C12034">
        <v>3345.45</v>
      </c>
      <c r="D12034">
        <v>3.7</v>
      </c>
      <c r="E12034">
        <v>4499.47</v>
      </c>
      <c r="F12034">
        <v>22.8964</v>
      </c>
    </row>
    <row r="12035" spans="1:6" x14ac:dyDescent="0.25">
      <c r="A12035">
        <v>160.41</v>
      </c>
      <c r="B12035">
        <v>200.41</v>
      </c>
      <c r="C12035">
        <v>3345.45</v>
      </c>
      <c r="D12035">
        <v>4</v>
      </c>
      <c r="E12035">
        <v>4543.5</v>
      </c>
      <c r="F12035">
        <v>23.463799999999999</v>
      </c>
    </row>
    <row r="12036" spans="1:6" x14ac:dyDescent="0.25">
      <c r="A12036">
        <v>160.41</v>
      </c>
      <c r="B12036">
        <v>200.41</v>
      </c>
      <c r="C12036">
        <v>4890.8999999999996</v>
      </c>
      <c r="D12036">
        <v>1</v>
      </c>
      <c r="E12036">
        <v>8612.16</v>
      </c>
      <c r="F12036">
        <v>37.7286</v>
      </c>
    </row>
    <row r="12037" spans="1:6" x14ac:dyDescent="0.25">
      <c r="A12037">
        <v>160.41</v>
      </c>
      <c r="B12037">
        <v>200.41</v>
      </c>
      <c r="C12037">
        <v>4890.8999999999996</v>
      </c>
      <c r="D12037">
        <v>1.3</v>
      </c>
      <c r="E12037">
        <v>7648.66</v>
      </c>
      <c r="F12037">
        <v>40.700099999999999</v>
      </c>
    </row>
    <row r="12038" spans="1:6" x14ac:dyDescent="0.25">
      <c r="A12038">
        <v>160.41</v>
      </c>
      <c r="B12038">
        <v>200.41</v>
      </c>
      <c r="C12038">
        <v>4890.8999999999996</v>
      </c>
      <c r="D12038">
        <v>1.6</v>
      </c>
      <c r="E12038">
        <v>7217.38</v>
      </c>
      <c r="F12038">
        <v>36.637099999999997</v>
      </c>
    </row>
    <row r="12039" spans="1:6" x14ac:dyDescent="0.25">
      <c r="A12039">
        <v>160.41</v>
      </c>
      <c r="B12039">
        <v>200.41</v>
      </c>
      <c r="C12039">
        <v>4890.8999999999996</v>
      </c>
      <c r="D12039">
        <v>1.9</v>
      </c>
      <c r="E12039">
        <v>6881.4</v>
      </c>
      <c r="F12039">
        <v>20.4754</v>
      </c>
    </row>
    <row r="12040" spans="1:6" x14ac:dyDescent="0.25">
      <c r="A12040">
        <v>160.41</v>
      </c>
      <c r="B12040">
        <v>200.41</v>
      </c>
      <c r="C12040">
        <v>4890.8999999999996</v>
      </c>
      <c r="D12040">
        <v>2.2000000000000002</v>
      </c>
      <c r="E12040">
        <v>6760.06</v>
      </c>
      <c r="F12040">
        <v>48.799300000000002</v>
      </c>
    </row>
    <row r="12041" spans="1:6" x14ac:dyDescent="0.25">
      <c r="A12041">
        <v>160.41</v>
      </c>
      <c r="B12041">
        <v>200.41</v>
      </c>
      <c r="C12041">
        <v>4890.8999999999996</v>
      </c>
      <c r="D12041">
        <v>2.5</v>
      </c>
      <c r="E12041">
        <v>6484.49</v>
      </c>
      <c r="F12041">
        <v>48.241100000000003</v>
      </c>
    </row>
    <row r="12042" spans="1:6" x14ac:dyDescent="0.25">
      <c r="A12042">
        <v>160.41</v>
      </c>
      <c r="B12042">
        <v>200.41</v>
      </c>
      <c r="C12042">
        <v>4890.8999999999996</v>
      </c>
      <c r="D12042">
        <v>2.8</v>
      </c>
      <c r="E12042">
        <v>6292.26</v>
      </c>
      <c r="F12042">
        <v>38.1128</v>
      </c>
    </row>
    <row r="12043" spans="1:6" x14ac:dyDescent="0.25">
      <c r="A12043">
        <v>160.41</v>
      </c>
      <c r="B12043">
        <v>200.41</v>
      </c>
      <c r="C12043">
        <v>4890.8999999999996</v>
      </c>
      <c r="D12043">
        <v>3.1</v>
      </c>
      <c r="E12043">
        <v>6241.42</v>
      </c>
      <c r="F12043">
        <v>22.291599999999999</v>
      </c>
    </row>
    <row r="12044" spans="1:6" x14ac:dyDescent="0.25">
      <c r="A12044">
        <v>160.41</v>
      </c>
      <c r="B12044">
        <v>200.41</v>
      </c>
      <c r="C12044">
        <v>4890.8999999999996</v>
      </c>
      <c r="D12044">
        <v>3.4</v>
      </c>
      <c r="E12044">
        <v>6105.74</v>
      </c>
      <c r="F12044">
        <v>22.236699999999999</v>
      </c>
    </row>
    <row r="12045" spans="1:6" x14ac:dyDescent="0.25">
      <c r="A12045">
        <v>160.41</v>
      </c>
      <c r="B12045">
        <v>200.41</v>
      </c>
      <c r="C12045">
        <v>4890.8999999999996</v>
      </c>
      <c r="D12045">
        <v>3.7</v>
      </c>
      <c r="E12045">
        <v>6026.45</v>
      </c>
      <c r="F12045">
        <v>22.8964</v>
      </c>
    </row>
    <row r="12046" spans="1:6" x14ac:dyDescent="0.25">
      <c r="A12046">
        <v>160.41</v>
      </c>
      <c r="B12046">
        <v>200.41</v>
      </c>
      <c r="C12046">
        <v>4890.8999999999996</v>
      </c>
      <c r="D12046">
        <v>4</v>
      </c>
      <c r="E12046">
        <v>5967.34</v>
      </c>
      <c r="F12046">
        <v>23.463799999999999</v>
      </c>
    </row>
    <row r="12047" spans="1:6" x14ac:dyDescent="0.25">
      <c r="A12047">
        <v>160.41</v>
      </c>
      <c r="B12047">
        <v>200.41</v>
      </c>
      <c r="C12047">
        <v>6436.35</v>
      </c>
      <c r="D12047">
        <v>1</v>
      </c>
      <c r="E12047">
        <v>9939.82</v>
      </c>
      <c r="F12047">
        <v>37.7286</v>
      </c>
    </row>
    <row r="12048" spans="1:6" x14ac:dyDescent="0.25">
      <c r="A12048">
        <v>160.41</v>
      </c>
      <c r="B12048">
        <v>200.41</v>
      </c>
      <c r="C12048">
        <v>6436.35</v>
      </c>
      <c r="D12048">
        <v>1.3</v>
      </c>
      <c r="E12048">
        <v>9230.75</v>
      </c>
      <c r="F12048">
        <v>40.700099999999999</v>
      </c>
    </row>
    <row r="12049" spans="1:6" x14ac:dyDescent="0.25">
      <c r="A12049">
        <v>160.41</v>
      </c>
      <c r="B12049">
        <v>200.41</v>
      </c>
      <c r="C12049">
        <v>6436.35</v>
      </c>
      <c r="D12049">
        <v>1.6</v>
      </c>
      <c r="E12049">
        <v>8642.7099999999991</v>
      </c>
      <c r="F12049">
        <v>36.637099999999997</v>
      </c>
    </row>
    <row r="12050" spans="1:6" x14ac:dyDescent="0.25">
      <c r="A12050">
        <v>160.41</v>
      </c>
      <c r="B12050">
        <v>200.41</v>
      </c>
      <c r="C12050">
        <v>6436.35</v>
      </c>
      <c r="D12050">
        <v>1.9</v>
      </c>
      <c r="E12050">
        <v>8480.41</v>
      </c>
      <c r="F12050">
        <v>20.4754</v>
      </c>
    </row>
    <row r="12051" spans="1:6" x14ac:dyDescent="0.25">
      <c r="A12051">
        <v>160.41</v>
      </c>
      <c r="B12051">
        <v>200.41</v>
      </c>
      <c r="C12051">
        <v>6436.35</v>
      </c>
      <c r="D12051">
        <v>2.2000000000000002</v>
      </c>
      <c r="E12051">
        <v>8239.99</v>
      </c>
      <c r="F12051">
        <v>48.799300000000002</v>
      </c>
    </row>
    <row r="12052" spans="1:6" x14ac:dyDescent="0.25">
      <c r="A12052">
        <v>160.41</v>
      </c>
      <c r="B12052">
        <v>200.41</v>
      </c>
      <c r="C12052">
        <v>6436.35</v>
      </c>
      <c r="D12052">
        <v>2.5</v>
      </c>
      <c r="E12052">
        <v>8029.07</v>
      </c>
      <c r="F12052">
        <v>48.241100000000003</v>
      </c>
    </row>
    <row r="12053" spans="1:6" x14ac:dyDescent="0.25">
      <c r="A12053">
        <v>160.41</v>
      </c>
      <c r="B12053">
        <v>200.41</v>
      </c>
      <c r="C12053">
        <v>6436.35</v>
      </c>
      <c r="D12053">
        <v>2.8</v>
      </c>
      <c r="E12053">
        <v>7841.14</v>
      </c>
      <c r="F12053">
        <v>38.1128</v>
      </c>
    </row>
    <row r="12054" spans="1:6" x14ac:dyDescent="0.25">
      <c r="A12054">
        <v>160.41</v>
      </c>
      <c r="B12054">
        <v>200.41</v>
      </c>
      <c r="C12054">
        <v>6436.35</v>
      </c>
      <c r="D12054">
        <v>3.1</v>
      </c>
      <c r="E12054">
        <v>7674.37</v>
      </c>
      <c r="F12054">
        <v>22.291599999999999</v>
      </c>
    </row>
    <row r="12055" spans="1:6" x14ac:dyDescent="0.25">
      <c r="A12055">
        <v>160.41</v>
      </c>
      <c r="B12055">
        <v>200.41</v>
      </c>
      <c r="C12055">
        <v>6436.35</v>
      </c>
      <c r="D12055">
        <v>3.4</v>
      </c>
      <c r="E12055">
        <v>7678.52</v>
      </c>
      <c r="F12055">
        <v>22.236699999999999</v>
      </c>
    </row>
    <row r="12056" spans="1:6" x14ac:dyDescent="0.25">
      <c r="A12056">
        <v>160.41</v>
      </c>
      <c r="B12056">
        <v>200.41</v>
      </c>
      <c r="C12056">
        <v>6436.35</v>
      </c>
      <c r="D12056">
        <v>3.7</v>
      </c>
      <c r="E12056">
        <v>7559.86</v>
      </c>
      <c r="F12056">
        <v>22.8964</v>
      </c>
    </row>
    <row r="12057" spans="1:6" x14ac:dyDescent="0.25">
      <c r="A12057">
        <v>160.41</v>
      </c>
      <c r="B12057">
        <v>200.41</v>
      </c>
      <c r="C12057">
        <v>6436.35</v>
      </c>
      <c r="D12057">
        <v>4</v>
      </c>
      <c r="E12057">
        <v>7489.54</v>
      </c>
      <c r="F12057">
        <v>23.463799999999999</v>
      </c>
    </row>
    <row r="12058" spans="1:6" x14ac:dyDescent="0.25">
      <c r="A12058">
        <v>160.41</v>
      </c>
      <c r="B12058">
        <v>200.41</v>
      </c>
      <c r="C12058">
        <v>7981.8</v>
      </c>
      <c r="D12058">
        <v>1</v>
      </c>
      <c r="E12058">
        <v>11483</v>
      </c>
      <c r="F12058">
        <v>37.7286</v>
      </c>
    </row>
    <row r="12059" spans="1:6" x14ac:dyDescent="0.25">
      <c r="A12059">
        <v>160.41</v>
      </c>
      <c r="B12059">
        <v>200.41</v>
      </c>
      <c r="C12059">
        <v>7981.8</v>
      </c>
      <c r="D12059">
        <v>1.3</v>
      </c>
      <c r="E12059">
        <v>10912.2</v>
      </c>
      <c r="F12059">
        <v>40.700099999999999</v>
      </c>
    </row>
    <row r="12060" spans="1:6" x14ac:dyDescent="0.25">
      <c r="A12060">
        <v>160.41</v>
      </c>
      <c r="B12060">
        <v>200.41</v>
      </c>
      <c r="C12060">
        <v>7981.8</v>
      </c>
      <c r="D12060">
        <v>1.6</v>
      </c>
      <c r="E12060">
        <v>10179.200000000001</v>
      </c>
      <c r="F12060">
        <v>36.637099999999997</v>
      </c>
    </row>
    <row r="12061" spans="1:6" x14ac:dyDescent="0.25">
      <c r="A12061">
        <v>160.41</v>
      </c>
      <c r="B12061">
        <v>200.41</v>
      </c>
      <c r="C12061">
        <v>7981.8</v>
      </c>
      <c r="D12061">
        <v>1.9</v>
      </c>
      <c r="E12061">
        <v>9919.08</v>
      </c>
      <c r="F12061">
        <v>20.4754</v>
      </c>
    </row>
    <row r="12062" spans="1:6" x14ac:dyDescent="0.25">
      <c r="A12062">
        <v>160.41</v>
      </c>
      <c r="B12062">
        <v>200.41</v>
      </c>
      <c r="C12062">
        <v>7981.8</v>
      </c>
      <c r="D12062">
        <v>2.2000000000000002</v>
      </c>
      <c r="E12062">
        <v>9766.83</v>
      </c>
      <c r="F12062">
        <v>48.799300000000002</v>
      </c>
    </row>
    <row r="12063" spans="1:6" x14ac:dyDescent="0.25">
      <c r="A12063">
        <v>160.41</v>
      </c>
      <c r="B12063">
        <v>200.41</v>
      </c>
      <c r="C12063">
        <v>7981.8</v>
      </c>
      <c r="D12063">
        <v>2.5</v>
      </c>
      <c r="E12063">
        <v>9519.09</v>
      </c>
      <c r="F12063">
        <v>48.241100000000003</v>
      </c>
    </row>
    <row r="12064" spans="1:6" x14ac:dyDescent="0.25">
      <c r="A12064">
        <v>160.41</v>
      </c>
      <c r="B12064">
        <v>200.41</v>
      </c>
      <c r="C12064">
        <v>7981.8</v>
      </c>
      <c r="D12064">
        <v>2.8</v>
      </c>
      <c r="E12064">
        <v>9310.67</v>
      </c>
      <c r="F12064">
        <v>38.1128</v>
      </c>
    </row>
    <row r="12065" spans="1:6" x14ac:dyDescent="0.25">
      <c r="A12065">
        <v>160.41</v>
      </c>
      <c r="B12065">
        <v>200.41</v>
      </c>
      <c r="C12065">
        <v>7981.8</v>
      </c>
      <c r="D12065">
        <v>3.1</v>
      </c>
      <c r="E12065">
        <v>9182.7999999999993</v>
      </c>
      <c r="F12065">
        <v>22.291599999999999</v>
      </c>
    </row>
    <row r="12066" spans="1:6" x14ac:dyDescent="0.25">
      <c r="A12066">
        <v>160.41</v>
      </c>
      <c r="B12066">
        <v>200.41</v>
      </c>
      <c r="C12066">
        <v>7981.8</v>
      </c>
      <c r="D12066">
        <v>3.4</v>
      </c>
      <c r="E12066">
        <v>9140.26</v>
      </c>
      <c r="F12066">
        <v>22.236699999999999</v>
      </c>
    </row>
    <row r="12067" spans="1:6" x14ac:dyDescent="0.25">
      <c r="A12067">
        <v>160.41</v>
      </c>
      <c r="B12067">
        <v>200.41</v>
      </c>
      <c r="C12067">
        <v>7981.8</v>
      </c>
      <c r="D12067">
        <v>3.7</v>
      </c>
      <c r="E12067">
        <v>9112.84</v>
      </c>
      <c r="F12067">
        <v>22.8964</v>
      </c>
    </row>
    <row r="12068" spans="1:6" x14ac:dyDescent="0.25">
      <c r="A12068">
        <v>160.41</v>
      </c>
      <c r="B12068">
        <v>200.41</v>
      </c>
      <c r="C12068">
        <v>7981.8</v>
      </c>
      <c r="D12068">
        <v>4</v>
      </c>
      <c r="E12068">
        <v>9055.07</v>
      </c>
      <c r="F12068">
        <v>23.463799999999999</v>
      </c>
    </row>
    <row r="12069" spans="1:6" x14ac:dyDescent="0.25">
      <c r="A12069">
        <v>160.41</v>
      </c>
      <c r="B12069">
        <v>200.41</v>
      </c>
      <c r="C12069">
        <v>9527.25</v>
      </c>
      <c r="D12069">
        <v>1</v>
      </c>
      <c r="E12069">
        <v>13055.6</v>
      </c>
      <c r="F12069">
        <v>37.7286</v>
      </c>
    </row>
    <row r="12070" spans="1:6" x14ac:dyDescent="0.25">
      <c r="A12070">
        <v>160.41</v>
      </c>
      <c r="B12070">
        <v>200.41</v>
      </c>
      <c r="C12070">
        <v>9527.25</v>
      </c>
      <c r="D12070">
        <v>1.3</v>
      </c>
      <c r="E12070">
        <v>12181.8</v>
      </c>
      <c r="F12070">
        <v>40.700099999999999</v>
      </c>
    </row>
    <row r="12071" spans="1:6" x14ac:dyDescent="0.25">
      <c r="A12071">
        <v>160.41</v>
      </c>
      <c r="B12071">
        <v>200.41</v>
      </c>
      <c r="C12071">
        <v>9527.25</v>
      </c>
      <c r="D12071">
        <v>1.6</v>
      </c>
      <c r="E12071">
        <v>11865.9</v>
      </c>
      <c r="F12071">
        <v>36.637099999999997</v>
      </c>
    </row>
    <row r="12072" spans="1:6" x14ac:dyDescent="0.25">
      <c r="A12072">
        <v>160.41</v>
      </c>
      <c r="B12072">
        <v>200.41</v>
      </c>
      <c r="C12072">
        <v>9527.25</v>
      </c>
      <c r="D12072">
        <v>1.9</v>
      </c>
      <c r="E12072">
        <v>11423.5</v>
      </c>
      <c r="F12072">
        <v>20.4754</v>
      </c>
    </row>
    <row r="12073" spans="1:6" x14ac:dyDescent="0.25">
      <c r="A12073">
        <v>160.41</v>
      </c>
      <c r="B12073">
        <v>200.41</v>
      </c>
      <c r="C12073">
        <v>9527.25</v>
      </c>
      <c r="D12073">
        <v>2.2000000000000002</v>
      </c>
      <c r="E12073">
        <v>11354.3</v>
      </c>
      <c r="F12073">
        <v>48.799300000000002</v>
      </c>
    </row>
    <row r="12074" spans="1:6" x14ac:dyDescent="0.25">
      <c r="A12074">
        <v>160.41</v>
      </c>
      <c r="B12074">
        <v>200.41</v>
      </c>
      <c r="C12074">
        <v>9527.25</v>
      </c>
      <c r="D12074">
        <v>2.5</v>
      </c>
      <c r="E12074">
        <v>10971.8</v>
      </c>
      <c r="F12074">
        <v>48.241100000000003</v>
      </c>
    </row>
    <row r="12075" spans="1:6" x14ac:dyDescent="0.25">
      <c r="A12075">
        <v>160.41</v>
      </c>
      <c r="B12075">
        <v>200.41</v>
      </c>
      <c r="C12075">
        <v>9527.25</v>
      </c>
      <c r="D12075">
        <v>2.8</v>
      </c>
      <c r="E12075">
        <v>10877.6</v>
      </c>
      <c r="F12075">
        <v>38.1128</v>
      </c>
    </row>
    <row r="12076" spans="1:6" x14ac:dyDescent="0.25">
      <c r="A12076">
        <v>160.41</v>
      </c>
      <c r="B12076">
        <v>200.41</v>
      </c>
      <c r="C12076">
        <v>9527.25</v>
      </c>
      <c r="D12076">
        <v>3.1</v>
      </c>
      <c r="E12076">
        <v>10744.5</v>
      </c>
      <c r="F12076">
        <v>22.291599999999999</v>
      </c>
    </row>
    <row r="12077" spans="1:6" x14ac:dyDescent="0.25">
      <c r="A12077">
        <v>160.41</v>
      </c>
      <c r="B12077">
        <v>200.41</v>
      </c>
      <c r="C12077">
        <v>9527.25</v>
      </c>
      <c r="D12077">
        <v>3.4</v>
      </c>
      <c r="E12077">
        <v>10645.8</v>
      </c>
      <c r="F12077">
        <v>22.236699999999999</v>
      </c>
    </row>
    <row r="12078" spans="1:6" x14ac:dyDescent="0.25">
      <c r="A12078">
        <v>160.41</v>
      </c>
      <c r="B12078">
        <v>200.41</v>
      </c>
      <c r="C12078">
        <v>9527.25</v>
      </c>
      <c r="D12078">
        <v>3.7</v>
      </c>
      <c r="E12078">
        <v>10613.5</v>
      </c>
      <c r="F12078">
        <v>22.8964</v>
      </c>
    </row>
    <row r="12079" spans="1:6" x14ac:dyDescent="0.25">
      <c r="A12079">
        <v>160.41</v>
      </c>
      <c r="B12079">
        <v>200.41</v>
      </c>
      <c r="C12079">
        <v>9527.25</v>
      </c>
      <c r="D12079">
        <v>4</v>
      </c>
      <c r="E12079">
        <v>10573.1</v>
      </c>
      <c r="F12079">
        <v>23.463799999999999</v>
      </c>
    </row>
    <row r="12080" spans="1:6" x14ac:dyDescent="0.25">
      <c r="A12080">
        <v>160.41</v>
      </c>
      <c r="B12080">
        <v>200.41</v>
      </c>
      <c r="C12080">
        <v>11072.7</v>
      </c>
      <c r="D12080">
        <v>1</v>
      </c>
      <c r="E12080">
        <v>14537.9</v>
      </c>
      <c r="F12080">
        <v>37.7286</v>
      </c>
    </row>
    <row r="12081" spans="1:6" x14ac:dyDescent="0.25">
      <c r="A12081">
        <v>160.41</v>
      </c>
      <c r="B12081">
        <v>200.41</v>
      </c>
      <c r="C12081">
        <v>11072.7</v>
      </c>
      <c r="D12081">
        <v>1.3</v>
      </c>
      <c r="E12081">
        <v>13626.4</v>
      </c>
      <c r="F12081">
        <v>40.700099999999999</v>
      </c>
    </row>
    <row r="12082" spans="1:6" x14ac:dyDescent="0.25">
      <c r="A12082">
        <v>160.41</v>
      </c>
      <c r="B12082">
        <v>200.41</v>
      </c>
      <c r="C12082">
        <v>11072.7</v>
      </c>
      <c r="D12082">
        <v>1.6</v>
      </c>
      <c r="E12082">
        <v>13401.7</v>
      </c>
      <c r="F12082">
        <v>36.637099999999997</v>
      </c>
    </row>
    <row r="12083" spans="1:6" x14ac:dyDescent="0.25">
      <c r="A12083">
        <v>160.41</v>
      </c>
      <c r="B12083">
        <v>200.41</v>
      </c>
      <c r="C12083">
        <v>11072.7</v>
      </c>
      <c r="D12083">
        <v>1.9</v>
      </c>
      <c r="E12083">
        <v>12872.2</v>
      </c>
      <c r="F12083">
        <v>20.4754</v>
      </c>
    </row>
    <row r="12084" spans="1:6" x14ac:dyDescent="0.25">
      <c r="A12084">
        <v>160.41</v>
      </c>
      <c r="B12084">
        <v>200.41</v>
      </c>
      <c r="C12084">
        <v>11072.7</v>
      </c>
      <c r="D12084">
        <v>2.2000000000000002</v>
      </c>
      <c r="E12084">
        <v>12827.4</v>
      </c>
      <c r="F12084">
        <v>48.799300000000002</v>
      </c>
    </row>
    <row r="12085" spans="1:6" x14ac:dyDescent="0.25">
      <c r="A12085">
        <v>160.41</v>
      </c>
      <c r="B12085">
        <v>200.41</v>
      </c>
      <c r="C12085">
        <v>11072.7</v>
      </c>
      <c r="D12085">
        <v>2.5</v>
      </c>
      <c r="E12085">
        <v>12573.3</v>
      </c>
      <c r="F12085">
        <v>48.241100000000003</v>
      </c>
    </row>
    <row r="12086" spans="1:6" x14ac:dyDescent="0.25">
      <c r="A12086">
        <v>160.41</v>
      </c>
      <c r="B12086">
        <v>200.41</v>
      </c>
      <c r="C12086">
        <v>11072.7</v>
      </c>
      <c r="D12086">
        <v>2.8</v>
      </c>
      <c r="E12086">
        <v>12395.8</v>
      </c>
      <c r="F12086">
        <v>38.1128</v>
      </c>
    </row>
    <row r="12087" spans="1:6" x14ac:dyDescent="0.25">
      <c r="A12087">
        <v>160.41</v>
      </c>
      <c r="B12087">
        <v>200.41</v>
      </c>
      <c r="C12087">
        <v>11072.7</v>
      </c>
      <c r="D12087">
        <v>3.1</v>
      </c>
      <c r="E12087">
        <v>12331.1</v>
      </c>
      <c r="F12087">
        <v>22.291599999999999</v>
      </c>
    </row>
    <row r="12088" spans="1:6" x14ac:dyDescent="0.25">
      <c r="A12088">
        <v>160.41</v>
      </c>
      <c r="B12088">
        <v>200.41</v>
      </c>
      <c r="C12088">
        <v>11072.7</v>
      </c>
      <c r="D12088">
        <v>3.4</v>
      </c>
      <c r="E12088">
        <v>12147.5</v>
      </c>
      <c r="F12088">
        <v>22.236699999999999</v>
      </c>
    </row>
    <row r="12089" spans="1:6" x14ac:dyDescent="0.25">
      <c r="A12089">
        <v>160.41</v>
      </c>
      <c r="B12089">
        <v>200.41</v>
      </c>
      <c r="C12089">
        <v>11072.7</v>
      </c>
      <c r="D12089">
        <v>3.7</v>
      </c>
      <c r="E12089">
        <v>12071.2</v>
      </c>
      <c r="F12089">
        <v>22.8964</v>
      </c>
    </row>
    <row r="12090" spans="1:6" x14ac:dyDescent="0.25">
      <c r="A12090">
        <v>160.41</v>
      </c>
      <c r="B12090">
        <v>200.41</v>
      </c>
      <c r="C12090">
        <v>11072.7</v>
      </c>
      <c r="D12090">
        <v>4</v>
      </c>
      <c r="E12090">
        <v>12044.7</v>
      </c>
      <c r="F12090">
        <v>23.463799999999999</v>
      </c>
    </row>
    <row r="12091" spans="1:6" x14ac:dyDescent="0.25">
      <c r="A12091">
        <v>160.41</v>
      </c>
      <c r="B12091">
        <v>200.41</v>
      </c>
      <c r="C12091">
        <v>12618.2</v>
      </c>
      <c r="D12091">
        <v>1</v>
      </c>
      <c r="E12091">
        <v>15965.9</v>
      </c>
      <c r="F12091">
        <v>37.7286</v>
      </c>
    </row>
    <row r="12092" spans="1:6" x14ac:dyDescent="0.25">
      <c r="A12092">
        <v>160.41</v>
      </c>
      <c r="B12092">
        <v>200.41</v>
      </c>
      <c r="C12092">
        <v>12618.2</v>
      </c>
      <c r="D12092">
        <v>1.3</v>
      </c>
      <c r="E12092">
        <v>15119.7</v>
      </c>
      <c r="F12092">
        <v>40.700099999999999</v>
      </c>
    </row>
    <row r="12093" spans="1:6" x14ac:dyDescent="0.25">
      <c r="A12093">
        <v>160.41</v>
      </c>
      <c r="B12093">
        <v>200.41</v>
      </c>
      <c r="C12093">
        <v>12618.2</v>
      </c>
      <c r="D12093">
        <v>1.6</v>
      </c>
      <c r="E12093">
        <v>14798.4</v>
      </c>
      <c r="F12093">
        <v>36.637099999999997</v>
      </c>
    </row>
    <row r="12094" spans="1:6" x14ac:dyDescent="0.25">
      <c r="A12094">
        <v>160.41</v>
      </c>
      <c r="B12094">
        <v>200.41</v>
      </c>
      <c r="C12094">
        <v>12618.2</v>
      </c>
      <c r="D12094">
        <v>1.9</v>
      </c>
      <c r="E12094">
        <v>14398</v>
      </c>
      <c r="F12094">
        <v>20.4754</v>
      </c>
    </row>
    <row r="12095" spans="1:6" x14ac:dyDescent="0.25">
      <c r="A12095">
        <v>160.41</v>
      </c>
      <c r="B12095">
        <v>200.41</v>
      </c>
      <c r="C12095">
        <v>12618.2</v>
      </c>
      <c r="D12095">
        <v>2.2000000000000002</v>
      </c>
      <c r="E12095">
        <v>14232.9</v>
      </c>
      <c r="F12095">
        <v>48.799300000000002</v>
      </c>
    </row>
    <row r="12096" spans="1:6" x14ac:dyDescent="0.25">
      <c r="A12096">
        <v>160.41</v>
      </c>
      <c r="B12096">
        <v>200.41</v>
      </c>
      <c r="C12096">
        <v>12618.2</v>
      </c>
      <c r="D12096">
        <v>2.5</v>
      </c>
      <c r="E12096">
        <v>13975.4</v>
      </c>
      <c r="F12096">
        <v>48.241100000000003</v>
      </c>
    </row>
    <row r="12097" spans="1:6" x14ac:dyDescent="0.25">
      <c r="A12097">
        <v>160.41</v>
      </c>
      <c r="B12097">
        <v>200.41</v>
      </c>
      <c r="C12097">
        <v>12618.2</v>
      </c>
      <c r="D12097">
        <v>2.8</v>
      </c>
      <c r="E12097">
        <v>13882.6</v>
      </c>
      <c r="F12097">
        <v>38.1128</v>
      </c>
    </row>
    <row r="12098" spans="1:6" x14ac:dyDescent="0.25">
      <c r="A12098">
        <v>160.41</v>
      </c>
      <c r="B12098">
        <v>200.41</v>
      </c>
      <c r="C12098">
        <v>12618.2</v>
      </c>
      <c r="D12098">
        <v>3.1</v>
      </c>
      <c r="E12098">
        <v>13779.9</v>
      </c>
      <c r="F12098">
        <v>22.291599999999999</v>
      </c>
    </row>
    <row r="12099" spans="1:6" x14ac:dyDescent="0.25">
      <c r="A12099">
        <v>160.41</v>
      </c>
      <c r="B12099">
        <v>200.41</v>
      </c>
      <c r="C12099">
        <v>12618.2</v>
      </c>
      <c r="D12099">
        <v>3.4</v>
      </c>
      <c r="E12099">
        <v>13618.1</v>
      </c>
      <c r="F12099">
        <v>22.236699999999999</v>
      </c>
    </row>
    <row r="12100" spans="1:6" x14ac:dyDescent="0.25">
      <c r="A12100">
        <v>160.41</v>
      </c>
      <c r="B12100">
        <v>200.41</v>
      </c>
      <c r="C12100">
        <v>12618.2</v>
      </c>
      <c r="D12100">
        <v>3.7</v>
      </c>
      <c r="E12100">
        <v>13580.7</v>
      </c>
      <c r="F12100">
        <v>22.8964</v>
      </c>
    </row>
    <row r="12101" spans="1:6" x14ac:dyDescent="0.25">
      <c r="A12101">
        <v>160.41</v>
      </c>
      <c r="B12101">
        <v>200.41</v>
      </c>
      <c r="C12101">
        <v>12618.2</v>
      </c>
      <c r="D12101">
        <v>4</v>
      </c>
      <c r="E12101">
        <v>13510.2</v>
      </c>
      <c r="F12101">
        <v>23.463799999999999</v>
      </c>
    </row>
    <row r="12102" spans="1:6" x14ac:dyDescent="0.25">
      <c r="A12102">
        <v>160.41</v>
      </c>
      <c r="B12102">
        <v>200.41</v>
      </c>
      <c r="C12102">
        <v>14163.6</v>
      </c>
      <c r="D12102">
        <v>1</v>
      </c>
      <c r="E12102">
        <v>16312.8</v>
      </c>
      <c r="F12102">
        <v>37.7286</v>
      </c>
    </row>
    <row r="12103" spans="1:6" x14ac:dyDescent="0.25">
      <c r="A12103">
        <v>160.41</v>
      </c>
      <c r="B12103">
        <v>200.41</v>
      </c>
      <c r="C12103">
        <v>14163.6</v>
      </c>
      <c r="D12103">
        <v>1.3</v>
      </c>
      <c r="E12103">
        <v>15925.1</v>
      </c>
      <c r="F12103">
        <v>40.700099999999999</v>
      </c>
    </row>
    <row r="12104" spans="1:6" x14ac:dyDescent="0.25">
      <c r="A12104">
        <v>160.41</v>
      </c>
      <c r="B12104">
        <v>200.41</v>
      </c>
      <c r="C12104">
        <v>14163.6</v>
      </c>
      <c r="D12104">
        <v>1.6</v>
      </c>
      <c r="E12104">
        <v>15672.5</v>
      </c>
      <c r="F12104">
        <v>36.637099999999997</v>
      </c>
    </row>
    <row r="12105" spans="1:6" x14ac:dyDescent="0.25">
      <c r="A12105">
        <v>160.41</v>
      </c>
      <c r="B12105">
        <v>200.41</v>
      </c>
      <c r="C12105">
        <v>14163.6</v>
      </c>
      <c r="D12105">
        <v>1.9</v>
      </c>
      <c r="E12105">
        <v>15552.6</v>
      </c>
      <c r="F12105">
        <v>20.4754</v>
      </c>
    </row>
    <row r="12106" spans="1:6" x14ac:dyDescent="0.25">
      <c r="A12106">
        <v>160.41</v>
      </c>
      <c r="B12106">
        <v>200.41</v>
      </c>
      <c r="C12106">
        <v>14163.6</v>
      </c>
      <c r="D12106">
        <v>2.2000000000000002</v>
      </c>
      <c r="E12106">
        <v>15433.3</v>
      </c>
      <c r="F12106">
        <v>48.799300000000002</v>
      </c>
    </row>
    <row r="12107" spans="1:6" x14ac:dyDescent="0.25">
      <c r="A12107">
        <v>160.41</v>
      </c>
      <c r="B12107">
        <v>200.41</v>
      </c>
      <c r="C12107">
        <v>14163.6</v>
      </c>
      <c r="D12107">
        <v>2.5</v>
      </c>
      <c r="E12107">
        <v>15230</v>
      </c>
      <c r="F12107">
        <v>48.241100000000003</v>
      </c>
    </row>
    <row r="12108" spans="1:6" x14ac:dyDescent="0.25">
      <c r="A12108">
        <v>160.41</v>
      </c>
      <c r="B12108">
        <v>200.41</v>
      </c>
      <c r="C12108">
        <v>14163.6</v>
      </c>
      <c r="D12108">
        <v>2.8</v>
      </c>
      <c r="E12108">
        <v>15072.3</v>
      </c>
      <c r="F12108">
        <v>38.1128</v>
      </c>
    </row>
    <row r="12109" spans="1:6" x14ac:dyDescent="0.25">
      <c r="A12109">
        <v>160.41</v>
      </c>
      <c r="B12109">
        <v>200.41</v>
      </c>
      <c r="C12109">
        <v>14163.6</v>
      </c>
      <c r="D12109">
        <v>3.1</v>
      </c>
      <c r="E12109">
        <v>14866</v>
      </c>
      <c r="F12109">
        <v>22.291599999999999</v>
      </c>
    </row>
    <row r="12110" spans="1:6" x14ac:dyDescent="0.25">
      <c r="A12110">
        <v>160.41</v>
      </c>
      <c r="B12110">
        <v>200.41</v>
      </c>
      <c r="C12110">
        <v>14163.6</v>
      </c>
      <c r="D12110">
        <v>3.4</v>
      </c>
      <c r="E12110">
        <v>14784.4</v>
      </c>
      <c r="F12110">
        <v>22.236699999999999</v>
      </c>
    </row>
    <row r="12111" spans="1:6" x14ac:dyDescent="0.25">
      <c r="A12111">
        <v>160.41</v>
      </c>
      <c r="B12111">
        <v>200.41</v>
      </c>
      <c r="C12111">
        <v>14163.6</v>
      </c>
      <c r="D12111">
        <v>3.7</v>
      </c>
      <c r="E12111">
        <v>14787.8</v>
      </c>
      <c r="F12111">
        <v>22.8964</v>
      </c>
    </row>
    <row r="12112" spans="1:6" x14ac:dyDescent="0.25">
      <c r="A12112">
        <v>160.41</v>
      </c>
      <c r="B12112">
        <v>200.41</v>
      </c>
      <c r="C12112">
        <v>14163.6</v>
      </c>
      <c r="D12112">
        <v>4</v>
      </c>
      <c r="E12112">
        <v>14783.8</v>
      </c>
      <c r="F12112">
        <v>23.463799999999999</v>
      </c>
    </row>
    <row r="12113" spans="1:6" x14ac:dyDescent="0.25">
      <c r="A12113">
        <v>160.41</v>
      </c>
      <c r="B12113">
        <v>200.41</v>
      </c>
      <c r="C12113">
        <v>15709.1</v>
      </c>
      <c r="D12113">
        <v>1</v>
      </c>
      <c r="E12113">
        <v>17665.2</v>
      </c>
      <c r="F12113">
        <v>37.7286</v>
      </c>
    </row>
    <row r="12114" spans="1:6" x14ac:dyDescent="0.25">
      <c r="A12114">
        <v>160.41</v>
      </c>
      <c r="B12114">
        <v>200.41</v>
      </c>
      <c r="C12114">
        <v>15709.1</v>
      </c>
      <c r="D12114">
        <v>1.3</v>
      </c>
      <c r="E12114">
        <v>15925.1</v>
      </c>
      <c r="F12114">
        <v>40.700099999999999</v>
      </c>
    </row>
    <row r="12115" spans="1:6" x14ac:dyDescent="0.25">
      <c r="A12115">
        <v>160.41</v>
      </c>
      <c r="B12115">
        <v>200.41</v>
      </c>
      <c r="C12115">
        <v>15709.1</v>
      </c>
      <c r="D12115">
        <v>1.6</v>
      </c>
      <c r="E12115">
        <v>16549.400000000001</v>
      </c>
      <c r="F12115">
        <v>36.637099999999997</v>
      </c>
    </row>
    <row r="12116" spans="1:6" x14ac:dyDescent="0.25">
      <c r="A12116">
        <v>160.41</v>
      </c>
      <c r="B12116">
        <v>200.41</v>
      </c>
      <c r="C12116">
        <v>15709.1</v>
      </c>
      <c r="D12116">
        <v>1.9</v>
      </c>
      <c r="E12116">
        <v>15552.6</v>
      </c>
      <c r="F12116">
        <v>20.4754</v>
      </c>
    </row>
    <row r="12117" spans="1:6" x14ac:dyDescent="0.25">
      <c r="A12117">
        <v>160.41</v>
      </c>
      <c r="B12117">
        <v>200.41</v>
      </c>
      <c r="C12117">
        <v>15709.1</v>
      </c>
      <c r="D12117">
        <v>2.2000000000000002</v>
      </c>
      <c r="E12117">
        <v>16632.2</v>
      </c>
      <c r="F12117">
        <v>48.799300000000002</v>
      </c>
    </row>
    <row r="12118" spans="1:6" x14ac:dyDescent="0.25">
      <c r="A12118">
        <v>160.41</v>
      </c>
      <c r="B12118">
        <v>200.41</v>
      </c>
      <c r="C12118">
        <v>15709.1</v>
      </c>
      <c r="D12118">
        <v>2.5</v>
      </c>
      <c r="E12118">
        <v>15740.1</v>
      </c>
      <c r="F12118">
        <v>48.241100000000003</v>
      </c>
    </row>
    <row r="12119" spans="1:6" x14ac:dyDescent="0.25">
      <c r="A12119">
        <v>160.41</v>
      </c>
      <c r="B12119">
        <v>200.41</v>
      </c>
      <c r="C12119">
        <v>15709.1</v>
      </c>
      <c r="D12119">
        <v>2.8</v>
      </c>
      <c r="E12119">
        <v>15690.5</v>
      </c>
      <c r="F12119">
        <v>38.1128</v>
      </c>
    </row>
    <row r="12120" spans="1:6" x14ac:dyDescent="0.25">
      <c r="A12120">
        <v>160.41</v>
      </c>
      <c r="B12120">
        <v>200.41</v>
      </c>
      <c r="C12120">
        <v>15709.1</v>
      </c>
      <c r="D12120">
        <v>3.1</v>
      </c>
      <c r="E12120">
        <v>16383.8</v>
      </c>
      <c r="F12120">
        <v>22.291599999999999</v>
      </c>
    </row>
    <row r="12121" spans="1:6" x14ac:dyDescent="0.25">
      <c r="A12121">
        <v>160.41</v>
      </c>
      <c r="B12121">
        <v>200.41</v>
      </c>
      <c r="C12121">
        <v>15709.1</v>
      </c>
      <c r="D12121">
        <v>3.4</v>
      </c>
      <c r="E12121">
        <v>15056.3</v>
      </c>
      <c r="F12121">
        <v>22.236699999999999</v>
      </c>
    </row>
    <row r="12122" spans="1:6" x14ac:dyDescent="0.25">
      <c r="A12122">
        <v>160.41</v>
      </c>
      <c r="B12122">
        <v>200.41</v>
      </c>
      <c r="C12122">
        <v>15709.1</v>
      </c>
      <c r="D12122">
        <v>3.7</v>
      </c>
      <c r="E12122">
        <v>14787.8</v>
      </c>
      <c r="F12122">
        <v>22.8964</v>
      </c>
    </row>
    <row r="12123" spans="1:6" x14ac:dyDescent="0.25">
      <c r="A12123">
        <v>160.41</v>
      </c>
      <c r="B12123">
        <v>200.41</v>
      </c>
      <c r="C12123">
        <v>15709.1</v>
      </c>
      <c r="D12123">
        <v>4</v>
      </c>
      <c r="E12123">
        <v>14783.8</v>
      </c>
      <c r="F12123">
        <v>23.463799999999999</v>
      </c>
    </row>
    <row r="12124" spans="1:6" x14ac:dyDescent="0.25">
      <c r="A12124">
        <v>160.41</v>
      </c>
      <c r="B12124">
        <v>200.41</v>
      </c>
      <c r="C12124">
        <v>17254.5</v>
      </c>
      <c r="D12124">
        <v>1</v>
      </c>
      <c r="E12124">
        <v>17665.2</v>
      </c>
      <c r="F12124">
        <v>37.7286</v>
      </c>
    </row>
    <row r="12125" spans="1:6" x14ac:dyDescent="0.25">
      <c r="A12125">
        <v>160.41</v>
      </c>
      <c r="B12125">
        <v>200.41</v>
      </c>
      <c r="C12125">
        <v>17254.5</v>
      </c>
      <c r="D12125">
        <v>1.3</v>
      </c>
      <c r="E12125">
        <v>15925.1</v>
      </c>
      <c r="F12125">
        <v>40.700099999999999</v>
      </c>
    </row>
    <row r="12126" spans="1:6" x14ac:dyDescent="0.25">
      <c r="A12126">
        <v>160.41</v>
      </c>
      <c r="B12126">
        <v>200.41</v>
      </c>
      <c r="C12126">
        <v>17254.5</v>
      </c>
      <c r="D12126">
        <v>1.6</v>
      </c>
      <c r="E12126">
        <v>16549.400000000001</v>
      </c>
      <c r="F12126">
        <v>36.637099999999997</v>
      </c>
    </row>
    <row r="12127" spans="1:6" x14ac:dyDescent="0.25">
      <c r="A12127">
        <v>160.41</v>
      </c>
      <c r="B12127">
        <v>200.41</v>
      </c>
      <c r="C12127">
        <v>17254.5</v>
      </c>
      <c r="D12127">
        <v>1.9</v>
      </c>
      <c r="E12127">
        <v>15552.6</v>
      </c>
      <c r="F12127">
        <v>20.4754</v>
      </c>
    </row>
    <row r="12128" spans="1:6" x14ac:dyDescent="0.25">
      <c r="A12128">
        <v>160.41</v>
      </c>
      <c r="B12128">
        <v>200.41</v>
      </c>
      <c r="C12128">
        <v>17254.5</v>
      </c>
      <c r="D12128">
        <v>2.2000000000000002</v>
      </c>
      <c r="E12128">
        <v>16632.2</v>
      </c>
      <c r="F12128">
        <v>48.799300000000002</v>
      </c>
    </row>
    <row r="12129" spans="1:6" x14ac:dyDescent="0.25">
      <c r="A12129">
        <v>160.41</v>
      </c>
      <c r="B12129">
        <v>200.41</v>
      </c>
      <c r="C12129">
        <v>17254.5</v>
      </c>
      <c r="D12129">
        <v>2.5</v>
      </c>
      <c r="E12129">
        <v>17079</v>
      </c>
      <c r="F12129">
        <v>48.241100000000003</v>
      </c>
    </row>
    <row r="12130" spans="1:6" x14ac:dyDescent="0.25">
      <c r="A12130">
        <v>160.41</v>
      </c>
      <c r="B12130">
        <v>200.41</v>
      </c>
      <c r="C12130">
        <v>17254.5</v>
      </c>
      <c r="D12130">
        <v>2.8</v>
      </c>
      <c r="E12130">
        <v>15690.5</v>
      </c>
      <c r="F12130">
        <v>38.1128</v>
      </c>
    </row>
    <row r="12131" spans="1:6" x14ac:dyDescent="0.25">
      <c r="A12131">
        <v>160.41</v>
      </c>
      <c r="B12131">
        <v>200.41</v>
      </c>
      <c r="C12131">
        <v>17254.5</v>
      </c>
      <c r="D12131">
        <v>3.1</v>
      </c>
      <c r="E12131">
        <v>16383.8</v>
      </c>
      <c r="F12131">
        <v>22.291599999999999</v>
      </c>
    </row>
    <row r="12132" spans="1:6" x14ac:dyDescent="0.25">
      <c r="A12132">
        <v>160.41</v>
      </c>
      <c r="B12132">
        <v>200.41</v>
      </c>
      <c r="C12132">
        <v>17254.5</v>
      </c>
      <c r="D12132">
        <v>3.4</v>
      </c>
      <c r="E12132">
        <v>15056.3</v>
      </c>
      <c r="F12132">
        <v>22.236699999999999</v>
      </c>
    </row>
    <row r="12133" spans="1:6" x14ac:dyDescent="0.25">
      <c r="A12133">
        <v>160.41</v>
      </c>
      <c r="B12133">
        <v>200.41</v>
      </c>
      <c r="C12133">
        <v>17254.5</v>
      </c>
      <c r="D12133">
        <v>3.7</v>
      </c>
      <c r="E12133">
        <v>14787.8</v>
      </c>
      <c r="F12133">
        <v>22.8964</v>
      </c>
    </row>
    <row r="12134" spans="1:6" x14ac:dyDescent="0.25">
      <c r="A12134">
        <v>160.41</v>
      </c>
      <c r="B12134">
        <v>200.41</v>
      </c>
      <c r="C12134">
        <v>17254.5</v>
      </c>
      <c r="D12134">
        <v>4</v>
      </c>
      <c r="E12134">
        <v>14783.8</v>
      </c>
      <c r="F12134">
        <v>23.463799999999999</v>
      </c>
    </row>
    <row r="12135" spans="1:6" x14ac:dyDescent="0.25">
      <c r="A12135">
        <v>160.41</v>
      </c>
      <c r="B12135">
        <v>200.41</v>
      </c>
      <c r="C12135">
        <v>18800</v>
      </c>
      <c r="D12135">
        <v>1</v>
      </c>
      <c r="E12135">
        <v>17665.2</v>
      </c>
      <c r="F12135">
        <v>37.7286</v>
      </c>
    </row>
    <row r="12136" spans="1:6" x14ac:dyDescent="0.25">
      <c r="A12136">
        <v>160.41</v>
      </c>
      <c r="B12136">
        <v>200.41</v>
      </c>
      <c r="C12136">
        <v>18800</v>
      </c>
      <c r="D12136">
        <v>1.3</v>
      </c>
      <c r="E12136">
        <v>15925.1</v>
      </c>
      <c r="F12136">
        <v>40.700099999999999</v>
      </c>
    </row>
    <row r="12137" spans="1:6" x14ac:dyDescent="0.25">
      <c r="A12137">
        <v>160.41</v>
      </c>
      <c r="B12137">
        <v>200.41</v>
      </c>
      <c r="C12137">
        <v>18800</v>
      </c>
      <c r="D12137">
        <v>1.6</v>
      </c>
      <c r="E12137">
        <v>16549.400000000001</v>
      </c>
      <c r="F12137">
        <v>36.637099999999997</v>
      </c>
    </row>
    <row r="12138" spans="1:6" x14ac:dyDescent="0.25">
      <c r="A12138">
        <v>160.41</v>
      </c>
      <c r="B12138">
        <v>200.41</v>
      </c>
      <c r="C12138">
        <v>18800</v>
      </c>
      <c r="D12138">
        <v>1.9</v>
      </c>
      <c r="E12138">
        <v>15552.6</v>
      </c>
      <c r="F12138">
        <v>20.4754</v>
      </c>
    </row>
    <row r="12139" spans="1:6" x14ac:dyDescent="0.25">
      <c r="A12139">
        <v>160.41</v>
      </c>
      <c r="B12139">
        <v>200.41</v>
      </c>
      <c r="C12139">
        <v>18800</v>
      </c>
      <c r="D12139">
        <v>2.2000000000000002</v>
      </c>
      <c r="E12139">
        <v>16632.2</v>
      </c>
      <c r="F12139">
        <v>48.799300000000002</v>
      </c>
    </row>
    <row r="12140" spans="1:6" x14ac:dyDescent="0.25">
      <c r="A12140">
        <v>160.41</v>
      </c>
      <c r="B12140">
        <v>200.41</v>
      </c>
      <c r="C12140">
        <v>18800</v>
      </c>
      <c r="D12140">
        <v>2.5</v>
      </c>
      <c r="E12140">
        <v>17079</v>
      </c>
      <c r="F12140">
        <v>48.241100000000003</v>
      </c>
    </row>
    <row r="12141" spans="1:6" x14ac:dyDescent="0.25">
      <c r="A12141">
        <v>160.41</v>
      </c>
      <c r="B12141">
        <v>200.41</v>
      </c>
      <c r="C12141">
        <v>18800</v>
      </c>
      <c r="D12141">
        <v>2.8</v>
      </c>
      <c r="E12141">
        <v>15690.5</v>
      </c>
      <c r="F12141">
        <v>38.1128</v>
      </c>
    </row>
    <row r="12142" spans="1:6" x14ac:dyDescent="0.25">
      <c r="A12142">
        <v>160.41</v>
      </c>
      <c r="B12142">
        <v>200.41</v>
      </c>
      <c r="C12142">
        <v>18800</v>
      </c>
      <c r="D12142">
        <v>3.1</v>
      </c>
      <c r="E12142">
        <v>16383.8</v>
      </c>
      <c r="F12142">
        <v>22.291599999999999</v>
      </c>
    </row>
    <row r="12143" spans="1:6" x14ac:dyDescent="0.25">
      <c r="A12143">
        <v>160.41</v>
      </c>
      <c r="B12143">
        <v>200.41</v>
      </c>
      <c r="C12143">
        <v>18800</v>
      </c>
      <c r="D12143">
        <v>3.4</v>
      </c>
      <c r="E12143">
        <v>15056.3</v>
      </c>
      <c r="F12143">
        <v>22.236699999999999</v>
      </c>
    </row>
    <row r="12144" spans="1:6" x14ac:dyDescent="0.25">
      <c r="A12144">
        <v>160.41</v>
      </c>
      <c r="B12144">
        <v>200.41</v>
      </c>
      <c r="C12144">
        <v>18800</v>
      </c>
      <c r="D12144">
        <v>3.7</v>
      </c>
      <c r="E12144">
        <v>14787.8</v>
      </c>
      <c r="F12144">
        <v>22.8964</v>
      </c>
    </row>
    <row r="12145" spans="1:6" x14ac:dyDescent="0.25">
      <c r="A12145">
        <v>160.41</v>
      </c>
      <c r="B12145">
        <v>200.41</v>
      </c>
      <c r="C12145">
        <v>18800</v>
      </c>
      <c r="D12145">
        <v>4</v>
      </c>
      <c r="E12145">
        <v>14783.8</v>
      </c>
      <c r="F12145">
        <v>23.463799999999999</v>
      </c>
    </row>
    <row r="12146" spans="1:6" x14ac:dyDescent="0.25">
      <c r="A12146">
        <v>160.41</v>
      </c>
      <c r="B12146">
        <v>204.04</v>
      </c>
      <c r="C12146">
        <v>1800</v>
      </c>
      <c r="D12146">
        <v>1</v>
      </c>
      <c r="E12146">
        <v>5495.24</v>
      </c>
      <c r="F12146">
        <v>34.501300000000001</v>
      </c>
    </row>
    <row r="12147" spans="1:6" x14ac:dyDescent="0.25">
      <c r="A12147">
        <v>160.41</v>
      </c>
      <c r="B12147">
        <v>204.04</v>
      </c>
      <c r="C12147">
        <v>1800</v>
      </c>
      <c r="D12147">
        <v>1.3</v>
      </c>
      <c r="E12147">
        <v>4902.33</v>
      </c>
      <c r="F12147">
        <v>39.780700000000003</v>
      </c>
    </row>
    <row r="12148" spans="1:6" x14ac:dyDescent="0.25">
      <c r="A12148">
        <v>160.41</v>
      </c>
      <c r="B12148">
        <v>204.04</v>
      </c>
      <c r="C12148">
        <v>1800</v>
      </c>
      <c r="D12148">
        <v>1.6</v>
      </c>
      <c r="E12148">
        <v>4318.16</v>
      </c>
      <c r="F12148">
        <v>48.336500000000001</v>
      </c>
    </row>
    <row r="12149" spans="1:6" x14ac:dyDescent="0.25">
      <c r="A12149">
        <v>160.41</v>
      </c>
      <c r="B12149">
        <v>204.04</v>
      </c>
      <c r="C12149">
        <v>1800</v>
      </c>
      <c r="D12149">
        <v>1.9</v>
      </c>
      <c r="E12149">
        <v>4156.17</v>
      </c>
      <c r="F12149">
        <v>51.853499999999997</v>
      </c>
    </row>
    <row r="12150" spans="1:6" x14ac:dyDescent="0.25">
      <c r="A12150">
        <v>160.41</v>
      </c>
      <c r="B12150">
        <v>204.04</v>
      </c>
      <c r="C12150">
        <v>1800</v>
      </c>
      <c r="D12150">
        <v>2.2000000000000002</v>
      </c>
      <c r="E12150">
        <v>3892.16</v>
      </c>
      <c r="F12150">
        <v>54.764400000000002</v>
      </c>
    </row>
    <row r="12151" spans="1:6" x14ac:dyDescent="0.25">
      <c r="A12151">
        <v>160.41</v>
      </c>
      <c r="B12151">
        <v>204.04</v>
      </c>
      <c r="C12151">
        <v>1800</v>
      </c>
      <c r="D12151">
        <v>2.5</v>
      </c>
      <c r="E12151">
        <v>3658.47</v>
      </c>
      <c r="F12151">
        <v>57.656599999999997</v>
      </c>
    </row>
    <row r="12152" spans="1:6" x14ac:dyDescent="0.25">
      <c r="A12152">
        <v>160.41</v>
      </c>
      <c r="B12152">
        <v>204.04</v>
      </c>
      <c r="C12152">
        <v>1800</v>
      </c>
      <c r="D12152">
        <v>2.8</v>
      </c>
      <c r="E12152">
        <v>3532.77</v>
      </c>
      <c r="F12152">
        <v>60.075299999999999</v>
      </c>
    </row>
    <row r="12153" spans="1:6" x14ac:dyDescent="0.25">
      <c r="A12153">
        <v>160.41</v>
      </c>
      <c r="B12153">
        <v>204.04</v>
      </c>
      <c r="C12153">
        <v>1800</v>
      </c>
      <c r="D12153">
        <v>3.1</v>
      </c>
      <c r="E12153">
        <v>3451.52</v>
      </c>
      <c r="F12153">
        <v>62.4176</v>
      </c>
    </row>
    <row r="12154" spans="1:6" x14ac:dyDescent="0.25">
      <c r="A12154">
        <v>160.41</v>
      </c>
      <c r="B12154">
        <v>204.04</v>
      </c>
      <c r="C12154">
        <v>1800</v>
      </c>
      <c r="D12154">
        <v>3.4</v>
      </c>
      <c r="E12154">
        <v>3368.12</v>
      </c>
      <c r="F12154">
        <v>61.335500000000003</v>
      </c>
    </row>
    <row r="12155" spans="1:6" x14ac:dyDescent="0.25">
      <c r="A12155">
        <v>160.41</v>
      </c>
      <c r="B12155">
        <v>204.04</v>
      </c>
      <c r="C12155">
        <v>1800</v>
      </c>
      <c r="D12155">
        <v>3.7</v>
      </c>
      <c r="E12155">
        <v>3255.3</v>
      </c>
      <c r="F12155">
        <v>64.847899999999996</v>
      </c>
    </row>
    <row r="12156" spans="1:6" x14ac:dyDescent="0.25">
      <c r="A12156">
        <v>160.41</v>
      </c>
      <c r="B12156">
        <v>204.04</v>
      </c>
      <c r="C12156">
        <v>1800</v>
      </c>
      <c r="D12156">
        <v>4</v>
      </c>
      <c r="E12156">
        <v>3168.03</v>
      </c>
      <c r="F12156">
        <v>66.729600000000005</v>
      </c>
    </row>
    <row r="12157" spans="1:6" x14ac:dyDescent="0.25">
      <c r="A12157">
        <v>160.41</v>
      </c>
      <c r="B12157">
        <v>204.04</v>
      </c>
      <c r="C12157">
        <v>3345.45</v>
      </c>
      <c r="D12157">
        <v>1</v>
      </c>
      <c r="E12157">
        <v>6911.55</v>
      </c>
      <c r="F12157">
        <v>37.7286</v>
      </c>
    </row>
    <row r="12158" spans="1:6" x14ac:dyDescent="0.25">
      <c r="A12158">
        <v>160.41</v>
      </c>
      <c r="B12158">
        <v>204.04</v>
      </c>
      <c r="C12158">
        <v>3345.45</v>
      </c>
      <c r="D12158">
        <v>1.3</v>
      </c>
      <c r="E12158">
        <v>6198.66</v>
      </c>
      <c r="F12158">
        <v>40.700099999999999</v>
      </c>
    </row>
    <row r="12159" spans="1:6" x14ac:dyDescent="0.25">
      <c r="A12159">
        <v>160.41</v>
      </c>
      <c r="B12159">
        <v>204.04</v>
      </c>
      <c r="C12159">
        <v>3345.45</v>
      </c>
      <c r="D12159">
        <v>1.6</v>
      </c>
      <c r="E12159">
        <v>5648.48</v>
      </c>
      <c r="F12159">
        <v>36.637099999999997</v>
      </c>
    </row>
    <row r="12160" spans="1:6" x14ac:dyDescent="0.25">
      <c r="A12160">
        <v>160.41</v>
      </c>
      <c r="B12160">
        <v>204.04</v>
      </c>
      <c r="C12160">
        <v>3345.45</v>
      </c>
      <c r="D12160">
        <v>1.9</v>
      </c>
      <c r="E12160">
        <v>5397.31</v>
      </c>
      <c r="F12160">
        <v>20.4754</v>
      </c>
    </row>
    <row r="12161" spans="1:6" x14ac:dyDescent="0.25">
      <c r="A12161">
        <v>160.41</v>
      </c>
      <c r="B12161">
        <v>204.04</v>
      </c>
      <c r="C12161">
        <v>3345.45</v>
      </c>
      <c r="D12161">
        <v>2.2000000000000002</v>
      </c>
      <c r="E12161">
        <v>5056.1099999999997</v>
      </c>
      <c r="F12161">
        <v>48.799300000000002</v>
      </c>
    </row>
    <row r="12162" spans="1:6" x14ac:dyDescent="0.25">
      <c r="A12162">
        <v>160.41</v>
      </c>
      <c r="B12162">
        <v>204.04</v>
      </c>
      <c r="C12162">
        <v>3345.45</v>
      </c>
      <c r="D12162">
        <v>2.5</v>
      </c>
      <c r="E12162">
        <v>5061.54</v>
      </c>
      <c r="F12162">
        <v>48.241100000000003</v>
      </c>
    </row>
    <row r="12163" spans="1:6" x14ac:dyDescent="0.25">
      <c r="A12163">
        <v>160.41</v>
      </c>
      <c r="B12163">
        <v>204.04</v>
      </c>
      <c r="C12163">
        <v>3345.45</v>
      </c>
      <c r="D12163">
        <v>2.8</v>
      </c>
      <c r="E12163">
        <v>4837.7700000000004</v>
      </c>
      <c r="F12163">
        <v>38.1128</v>
      </c>
    </row>
    <row r="12164" spans="1:6" x14ac:dyDescent="0.25">
      <c r="A12164">
        <v>160.41</v>
      </c>
      <c r="B12164">
        <v>204.04</v>
      </c>
      <c r="C12164">
        <v>3345.45</v>
      </c>
      <c r="D12164">
        <v>3.1</v>
      </c>
      <c r="E12164">
        <v>4797.33</v>
      </c>
      <c r="F12164">
        <v>22.291599999999999</v>
      </c>
    </row>
    <row r="12165" spans="1:6" x14ac:dyDescent="0.25">
      <c r="A12165">
        <v>160.41</v>
      </c>
      <c r="B12165">
        <v>204.04</v>
      </c>
      <c r="C12165">
        <v>3345.45</v>
      </c>
      <c r="D12165">
        <v>3.4</v>
      </c>
      <c r="E12165">
        <v>4668.08</v>
      </c>
      <c r="F12165">
        <v>22.236699999999999</v>
      </c>
    </row>
    <row r="12166" spans="1:6" x14ac:dyDescent="0.25">
      <c r="A12166">
        <v>160.41</v>
      </c>
      <c r="B12166">
        <v>204.04</v>
      </c>
      <c r="C12166">
        <v>3345.45</v>
      </c>
      <c r="D12166">
        <v>3.7</v>
      </c>
      <c r="E12166">
        <v>4499.47</v>
      </c>
      <c r="F12166">
        <v>22.8964</v>
      </c>
    </row>
    <row r="12167" spans="1:6" x14ac:dyDescent="0.25">
      <c r="A12167">
        <v>160.41</v>
      </c>
      <c r="B12167">
        <v>204.04</v>
      </c>
      <c r="C12167">
        <v>3345.45</v>
      </c>
      <c r="D12167">
        <v>4</v>
      </c>
      <c r="E12167">
        <v>4543.5</v>
      </c>
      <c r="F12167">
        <v>23.463799999999999</v>
      </c>
    </row>
    <row r="12168" spans="1:6" x14ac:dyDescent="0.25">
      <c r="A12168">
        <v>160.41</v>
      </c>
      <c r="B12168">
        <v>204.04</v>
      </c>
      <c r="C12168">
        <v>4890.8999999999996</v>
      </c>
      <c r="D12168">
        <v>1</v>
      </c>
      <c r="E12168">
        <v>8612.16</v>
      </c>
      <c r="F12168">
        <v>37.7286</v>
      </c>
    </row>
    <row r="12169" spans="1:6" x14ac:dyDescent="0.25">
      <c r="A12169">
        <v>160.41</v>
      </c>
      <c r="B12169">
        <v>204.04</v>
      </c>
      <c r="C12169">
        <v>4890.8999999999996</v>
      </c>
      <c r="D12169">
        <v>1.3</v>
      </c>
      <c r="E12169">
        <v>7648.66</v>
      </c>
      <c r="F12169">
        <v>40.700099999999999</v>
      </c>
    </row>
    <row r="12170" spans="1:6" x14ac:dyDescent="0.25">
      <c r="A12170">
        <v>160.41</v>
      </c>
      <c r="B12170">
        <v>204.04</v>
      </c>
      <c r="C12170">
        <v>4890.8999999999996</v>
      </c>
      <c r="D12170">
        <v>1.6</v>
      </c>
      <c r="E12170">
        <v>7217.38</v>
      </c>
      <c r="F12170">
        <v>36.637099999999997</v>
      </c>
    </row>
    <row r="12171" spans="1:6" x14ac:dyDescent="0.25">
      <c r="A12171">
        <v>160.41</v>
      </c>
      <c r="B12171">
        <v>204.04</v>
      </c>
      <c r="C12171">
        <v>4890.8999999999996</v>
      </c>
      <c r="D12171">
        <v>1.9</v>
      </c>
      <c r="E12171">
        <v>6881.4</v>
      </c>
      <c r="F12171">
        <v>20.4754</v>
      </c>
    </row>
    <row r="12172" spans="1:6" x14ac:dyDescent="0.25">
      <c r="A12172">
        <v>160.41</v>
      </c>
      <c r="B12172">
        <v>204.04</v>
      </c>
      <c r="C12172">
        <v>4890.8999999999996</v>
      </c>
      <c r="D12172">
        <v>2.2000000000000002</v>
      </c>
      <c r="E12172">
        <v>6760.06</v>
      </c>
      <c r="F12172">
        <v>48.799300000000002</v>
      </c>
    </row>
    <row r="12173" spans="1:6" x14ac:dyDescent="0.25">
      <c r="A12173">
        <v>160.41</v>
      </c>
      <c r="B12173">
        <v>204.04</v>
      </c>
      <c r="C12173">
        <v>4890.8999999999996</v>
      </c>
      <c r="D12173">
        <v>2.5</v>
      </c>
      <c r="E12173">
        <v>6484.49</v>
      </c>
      <c r="F12173">
        <v>48.241100000000003</v>
      </c>
    </row>
    <row r="12174" spans="1:6" x14ac:dyDescent="0.25">
      <c r="A12174">
        <v>160.41</v>
      </c>
      <c r="B12174">
        <v>204.04</v>
      </c>
      <c r="C12174">
        <v>4890.8999999999996</v>
      </c>
      <c r="D12174">
        <v>2.8</v>
      </c>
      <c r="E12174">
        <v>6292.26</v>
      </c>
      <c r="F12174">
        <v>38.1128</v>
      </c>
    </row>
    <row r="12175" spans="1:6" x14ac:dyDescent="0.25">
      <c r="A12175">
        <v>160.41</v>
      </c>
      <c r="B12175">
        <v>204.04</v>
      </c>
      <c r="C12175">
        <v>4890.8999999999996</v>
      </c>
      <c r="D12175">
        <v>3.1</v>
      </c>
      <c r="E12175">
        <v>6241.42</v>
      </c>
      <c r="F12175">
        <v>22.291599999999999</v>
      </c>
    </row>
    <row r="12176" spans="1:6" x14ac:dyDescent="0.25">
      <c r="A12176">
        <v>160.41</v>
      </c>
      <c r="B12176">
        <v>204.04</v>
      </c>
      <c r="C12176">
        <v>4890.8999999999996</v>
      </c>
      <c r="D12176">
        <v>3.4</v>
      </c>
      <c r="E12176">
        <v>6105.74</v>
      </c>
      <c r="F12176">
        <v>22.236699999999999</v>
      </c>
    </row>
    <row r="12177" spans="1:6" x14ac:dyDescent="0.25">
      <c r="A12177">
        <v>160.41</v>
      </c>
      <c r="B12177">
        <v>204.04</v>
      </c>
      <c r="C12177">
        <v>4890.8999999999996</v>
      </c>
      <c r="D12177">
        <v>3.7</v>
      </c>
      <c r="E12177">
        <v>6016.33</v>
      </c>
      <c r="F12177">
        <v>22.8964</v>
      </c>
    </row>
    <row r="12178" spans="1:6" x14ac:dyDescent="0.25">
      <c r="A12178">
        <v>160.41</v>
      </c>
      <c r="B12178">
        <v>204.04</v>
      </c>
      <c r="C12178">
        <v>4890.8999999999996</v>
      </c>
      <c r="D12178">
        <v>4</v>
      </c>
      <c r="E12178">
        <v>5967.34</v>
      </c>
      <c r="F12178">
        <v>23.463799999999999</v>
      </c>
    </row>
    <row r="12179" spans="1:6" x14ac:dyDescent="0.25">
      <c r="A12179">
        <v>160.41</v>
      </c>
      <c r="B12179">
        <v>204.04</v>
      </c>
      <c r="C12179">
        <v>6436.35</v>
      </c>
      <c r="D12179">
        <v>1</v>
      </c>
      <c r="E12179">
        <v>9939.82</v>
      </c>
      <c r="F12179">
        <v>37.7286</v>
      </c>
    </row>
    <row r="12180" spans="1:6" x14ac:dyDescent="0.25">
      <c r="A12180">
        <v>160.41</v>
      </c>
      <c r="B12180">
        <v>204.04</v>
      </c>
      <c r="C12180">
        <v>6436.35</v>
      </c>
      <c r="D12180">
        <v>1.3</v>
      </c>
      <c r="E12180">
        <v>9230.75</v>
      </c>
      <c r="F12180">
        <v>40.700099999999999</v>
      </c>
    </row>
    <row r="12181" spans="1:6" x14ac:dyDescent="0.25">
      <c r="A12181">
        <v>160.41</v>
      </c>
      <c r="B12181">
        <v>204.04</v>
      </c>
      <c r="C12181">
        <v>6436.35</v>
      </c>
      <c r="D12181">
        <v>1.6</v>
      </c>
      <c r="E12181">
        <v>8642.7099999999991</v>
      </c>
      <c r="F12181">
        <v>36.637099999999997</v>
      </c>
    </row>
    <row r="12182" spans="1:6" x14ac:dyDescent="0.25">
      <c r="A12182">
        <v>160.41</v>
      </c>
      <c r="B12182">
        <v>204.04</v>
      </c>
      <c r="C12182">
        <v>6436.35</v>
      </c>
      <c r="D12182">
        <v>1.9</v>
      </c>
      <c r="E12182">
        <v>8480.41</v>
      </c>
      <c r="F12182">
        <v>20.4754</v>
      </c>
    </row>
    <row r="12183" spans="1:6" x14ac:dyDescent="0.25">
      <c r="A12183">
        <v>160.41</v>
      </c>
      <c r="B12183">
        <v>204.04</v>
      </c>
      <c r="C12183">
        <v>6436.35</v>
      </c>
      <c r="D12183">
        <v>2.2000000000000002</v>
      </c>
      <c r="E12183">
        <v>8239.99</v>
      </c>
      <c r="F12183">
        <v>48.799300000000002</v>
      </c>
    </row>
    <row r="12184" spans="1:6" x14ac:dyDescent="0.25">
      <c r="A12184">
        <v>160.41</v>
      </c>
      <c r="B12184">
        <v>204.04</v>
      </c>
      <c r="C12184">
        <v>6436.35</v>
      </c>
      <c r="D12184">
        <v>2.5</v>
      </c>
      <c r="E12184">
        <v>8029.07</v>
      </c>
      <c r="F12184">
        <v>48.241100000000003</v>
      </c>
    </row>
    <row r="12185" spans="1:6" x14ac:dyDescent="0.25">
      <c r="A12185">
        <v>160.41</v>
      </c>
      <c r="B12185">
        <v>204.04</v>
      </c>
      <c r="C12185">
        <v>6436.35</v>
      </c>
      <c r="D12185">
        <v>2.8</v>
      </c>
      <c r="E12185">
        <v>7841.14</v>
      </c>
      <c r="F12185">
        <v>38.1128</v>
      </c>
    </row>
    <row r="12186" spans="1:6" x14ac:dyDescent="0.25">
      <c r="A12186">
        <v>160.41</v>
      </c>
      <c r="B12186">
        <v>204.04</v>
      </c>
      <c r="C12186">
        <v>6436.35</v>
      </c>
      <c r="D12186">
        <v>3.1</v>
      </c>
      <c r="E12186">
        <v>7690.36</v>
      </c>
      <c r="F12186">
        <v>22.291599999999999</v>
      </c>
    </row>
    <row r="12187" spans="1:6" x14ac:dyDescent="0.25">
      <c r="A12187">
        <v>160.41</v>
      </c>
      <c r="B12187">
        <v>204.04</v>
      </c>
      <c r="C12187">
        <v>6436.35</v>
      </c>
      <c r="D12187">
        <v>3.4</v>
      </c>
      <c r="E12187">
        <v>7678.52</v>
      </c>
      <c r="F12187">
        <v>22.236699999999999</v>
      </c>
    </row>
    <row r="12188" spans="1:6" x14ac:dyDescent="0.25">
      <c r="A12188">
        <v>160.41</v>
      </c>
      <c r="B12188">
        <v>204.04</v>
      </c>
      <c r="C12188">
        <v>6436.35</v>
      </c>
      <c r="D12188">
        <v>3.7</v>
      </c>
      <c r="E12188">
        <v>7559.86</v>
      </c>
      <c r="F12188">
        <v>22.8964</v>
      </c>
    </row>
    <row r="12189" spans="1:6" x14ac:dyDescent="0.25">
      <c r="A12189">
        <v>160.41</v>
      </c>
      <c r="B12189">
        <v>204.04</v>
      </c>
      <c r="C12189">
        <v>6436.35</v>
      </c>
      <c r="D12189">
        <v>4</v>
      </c>
      <c r="E12189">
        <v>7483.09</v>
      </c>
      <c r="F12189">
        <v>23.463799999999999</v>
      </c>
    </row>
    <row r="12190" spans="1:6" x14ac:dyDescent="0.25">
      <c r="A12190">
        <v>160.41</v>
      </c>
      <c r="B12190">
        <v>204.04</v>
      </c>
      <c r="C12190">
        <v>7981.8</v>
      </c>
      <c r="D12190">
        <v>1</v>
      </c>
      <c r="E12190">
        <v>11483</v>
      </c>
      <c r="F12190">
        <v>37.7286</v>
      </c>
    </row>
    <row r="12191" spans="1:6" x14ac:dyDescent="0.25">
      <c r="A12191">
        <v>160.41</v>
      </c>
      <c r="B12191">
        <v>204.04</v>
      </c>
      <c r="C12191">
        <v>7981.8</v>
      </c>
      <c r="D12191">
        <v>1.3</v>
      </c>
      <c r="E12191">
        <v>10912.2</v>
      </c>
      <c r="F12191">
        <v>40.700099999999999</v>
      </c>
    </row>
    <row r="12192" spans="1:6" x14ac:dyDescent="0.25">
      <c r="A12192">
        <v>160.41</v>
      </c>
      <c r="B12192">
        <v>204.04</v>
      </c>
      <c r="C12192">
        <v>7981.8</v>
      </c>
      <c r="D12192">
        <v>1.6</v>
      </c>
      <c r="E12192">
        <v>10179.200000000001</v>
      </c>
      <c r="F12192">
        <v>36.637099999999997</v>
      </c>
    </row>
    <row r="12193" spans="1:6" x14ac:dyDescent="0.25">
      <c r="A12193">
        <v>160.41</v>
      </c>
      <c r="B12193">
        <v>204.04</v>
      </c>
      <c r="C12193">
        <v>7981.8</v>
      </c>
      <c r="D12193">
        <v>1.9</v>
      </c>
      <c r="E12193">
        <v>9919.08</v>
      </c>
      <c r="F12193">
        <v>20.4754</v>
      </c>
    </row>
    <row r="12194" spans="1:6" x14ac:dyDescent="0.25">
      <c r="A12194">
        <v>160.41</v>
      </c>
      <c r="B12194">
        <v>204.04</v>
      </c>
      <c r="C12194">
        <v>7981.8</v>
      </c>
      <c r="D12194">
        <v>2.2000000000000002</v>
      </c>
      <c r="E12194">
        <v>9766.83</v>
      </c>
      <c r="F12194">
        <v>48.799300000000002</v>
      </c>
    </row>
    <row r="12195" spans="1:6" x14ac:dyDescent="0.25">
      <c r="A12195">
        <v>160.41</v>
      </c>
      <c r="B12195">
        <v>204.04</v>
      </c>
      <c r="C12195">
        <v>7981.8</v>
      </c>
      <c r="D12195">
        <v>2.5</v>
      </c>
      <c r="E12195">
        <v>9532.14</v>
      </c>
      <c r="F12195">
        <v>48.241100000000003</v>
      </c>
    </row>
    <row r="12196" spans="1:6" x14ac:dyDescent="0.25">
      <c r="A12196">
        <v>160.41</v>
      </c>
      <c r="B12196">
        <v>204.04</v>
      </c>
      <c r="C12196">
        <v>7981.8</v>
      </c>
      <c r="D12196">
        <v>2.8</v>
      </c>
      <c r="E12196">
        <v>9310.67</v>
      </c>
      <c r="F12196">
        <v>38.1128</v>
      </c>
    </row>
    <row r="12197" spans="1:6" x14ac:dyDescent="0.25">
      <c r="A12197">
        <v>160.41</v>
      </c>
      <c r="B12197">
        <v>204.04</v>
      </c>
      <c r="C12197">
        <v>7981.8</v>
      </c>
      <c r="D12197">
        <v>3.1</v>
      </c>
      <c r="E12197">
        <v>9182.7999999999993</v>
      </c>
      <c r="F12197">
        <v>22.291599999999999</v>
      </c>
    </row>
    <row r="12198" spans="1:6" x14ac:dyDescent="0.25">
      <c r="A12198">
        <v>160.41</v>
      </c>
      <c r="B12198">
        <v>204.04</v>
      </c>
      <c r="C12198">
        <v>7981.8</v>
      </c>
      <c r="D12198">
        <v>3.4</v>
      </c>
      <c r="E12198">
        <v>9142.76</v>
      </c>
      <c r="F12198">
        <v>22.236699999999999</v>
      </c>
    </row>
    <row r="12199" spans="1:6" x14ac:dyDescent="0.25">
      <c r="A12199">
        <v>160.41</v>
      </c>
      <c r="B12199">
        <v>204.04</v>
      </c>
      <c r="C12199">
        <v>7981.8</v>
      </c>
      <c r="D12199">
        <v>3.7</v>
      </c>
      <c r="E12199">
        <v>9116.48</v>
      </c>
      <c r="F12199">
        <v>22.8964</v>
      </c>
    </row>
    <row r="12200" spans="1:6" x14ac:dyDescent="0.25">
      <c r="A12200">
        <v>160.41</v>
      </c>
      <c r="B12200">
        <v>204.04</v>
      </c>
      <c r="C12200">
        <v>7981.8</v>
      </c>
      <c r="D12200">
        <v>4</v>
      </c>
      <c r="E12200">
        <v>9057.17</v>
      </c>
      <c r="F12200">
        <v>23.463799999999999</v>
      </c>
    </row>
    <row r="12201" spans="1:6" x14ac:dyDescent="0.25">
      <c r="A12201">
        <v>160.41</v>
      </c>
      <c r="B12201">
        <v>204.04</v>
      </c>
      <c r="C12201">
        <v>9527.25</v>
      </c>
      <c r="D12201">
        <v>1</v>
      </c>
      <c r="E12201">
        <v>13055.6</v>
      </c>
      <c r="F12201">
        <v>37.7286</v>
      </c>
    </row>
    <row r="12202" spans="1:6" x14ac:dyDescent="0.25">
      <c r="A12202">
        <v>160.41</v>
      </c>
      <c r="B12202">
        <v>204.04</v>
      </c>
      <c r="C12202">
        <v>9527.25</v>
      </c>
      <c r="D12202">
        <v>1.3</v>
      </c>
      <c r="E12202">
        <v>12181.8</v>
      </c>
      <c r="F12202">
        <v>40.700099999999999</v>
      </c>
    </row>
    <row r="12203" spans="1:6" x14ac:dyDescent="0.25">
      <c r="A12203">
        <v>160.41</v>
      </c>
      <c r="B12203">
        <v>204.04</v>
      </c>
      <c r="C12203">
        <v>9527.25</v>
      </c>
      <c r="D12203">
        <v>1.6</v>
      </c>
      <c r="E12203">
        <v>11865.9</v>
      </c>
      <c r="F12203">
        <v>36.637099999999997</v>
      </c>
    </row>
    <row r="12204" spans="1:6" x14ac:dyDescent="0.25">
      <c r="A12204">
        <v>160.41</v>
      </c>
      <c r="B12204">
        <v>204.04</v>
      </c>
      <c r="C12204">
        <v>9527.25</v>
      </c>
      <c r="D12204">
        <v>1.9</v>
      </c>
      <c r="E12204">
        <v>11423.5</v>
      </c>
      <c r="F12204">
        <v>20.4754</v>
      </c>
    </row>
    <row r="12205" spans="1:6" x14ac:dyDescent="0.25">
      <c r="A12205">
        <v>160.41</v>
      </c>
      <c r="B12205">
        <v>204.04</v>
      </c>
      <c r="C12205">
        <v>9527.25</v>
      </c>
      <c r="D12205">
        <v>2.2000000000000002</v>
      </c>
      <c r="E12205">
        <v>11354.3</v>
      </c>
      <c r="F12205">
        <v>48.799300000000002</v>
      </c>
    </row>
    <row r="12206" spans="1:6" x14ac:dyDescent="0.25">
      <c r="A12206">
        <v>160.41</v>
      </c>
      <c r="B12206">
        <v>204.04</v>
      </c>
      <c r="C12206">
        <v>9527.25</v>
      </c>
      <c r="D12206">
        <v>2.5</v>
      </c>
      <c r="E12206">
        <v>10962.1</v>
      </c>
      <c r="F12206">
        <v>48.241100000000003</v>
      </c>
    </row>
    <row r="12207" spans="1:6" x14ac:dyDescent="0.25">
      <c r="A12207">
        <v>160.41</v>
      </c>
      <c r="B12207">
        <v>204.04</v>
      </c>
      <c r="C12207">
        <v>9527.25</v>
      </c>
      <c r="D12207">
        <v>2.8</v>
      </c>
      <c r="E12207">
        <v>10877.6</v>
      </c>
      <c r="F12207">
        <v>38.1128</v>
      </c>
    </row>
    <row r="12208" spans="1:6" x14ac:dyDescent="0.25">
      <c r="A12208">
        <v>160.41</v>
      </c>
      <c r="B12208">
        <v>204.04</v>
      </c>
      <c r="C12208">
        <v>9527.25</v>
      </c>
      <c r="D12208">
        <v>3.1</v>
      </c>
      <c r="E12208">
        <v>10744.5</v>
      </c>
      <c r="F12208">
        <v>22.291599999999999</v>
      </c>
    </row>
    <row r="12209" spans="1:6" x14ac:dyDescent="0.25">
      <c r="A12209">
        <v>160.41</v>
      </c>
      <c r="B12209">
        <v>204.04</v>
      </c>
      <c r="C12209">
        <v>9527.25</v>
      </c>
      <c r="D12209">
        <v>3.4</v>
      </c>
      <c r="E12209">
        <v>10610.8</v>
      </c>
      <c r="F12209">
        <v>22.236699999999999</v>
      </c>
    </row>
    <row r="12210" spans="1:6" x14ac:dyDescent="0.25">
      <c r="A12210">
        <v>160.41</v>
      </c>
      <c r="B12210">
        <v>204.04</v>
      </c>
      <c r="C12210">
        <v>9527.25</v>
      </c>
      <c r="D12210">
        <v>3.7</v>
      </c>
      <c r="E12210">
        <v>10583.8</v>
      </c>
      <c r="F12210">
        <v>22.8964</v>
      </c>
    </row>
    <row r="12211" spans="1:6" x14ac:dyDescent="0.25">
      <c r="A12211">
        <v>160.41</v>
      </c>
      <c r="B12211">
        <v>204.04</v>
      </c>
      <c r="C12211">
        <v>9527.25</v>
      </c>
      <c r="D12211">
        <v>4</v>
      </c>
      <c r="E12211">
        <v>10541.8</v>
      </c>
      <c r="F12211">
        <v>23.463799999999999</v>
      </c>
    </row>
    <row r="12212" spans="1:6" x14ac:dyDescent="0.25">
      <c r="A12212">
        <v>160.41</v>
      </c>
      <c r="B12212">
        <v>204.04</v>
      </c>
      <c r="C12212">
        <v>11072.7</v>
      </c>
      <c r="D12212">
        <v>1</v>
      </c>
      <c r="E12212">
        <v>14537.9</v>
      </c>
      <c r="F12212">
        <v>37.7286</v>
      </c>
    </row>
    <row r="12213" spans="1:6" x14ac:dyDescent="0.25">
      <c r="A12213">
        <v>160.41</v>
      </c>
      <c r="B12213">
        <v>204.04</v>
      </c>
      <c r="C12213">
        <v>11072.7</v>
      </c>
      <c r="D12213">
        <v>1.3</v>
      </c>
      <c r="E12213">
        <v>13626.4</v>
      </c>
      <c r="F12213">
        <v>40.700099999999999</v>
      </c>
    </row>
    <row r="12214" spans="1:6" x14ac:dyDescent="0.25">
      <c r="A12214">
        <v>160.41</v>
      </c>
      <c r="B12214">
        <v>204.04</v>
      </c>
      <c r="C12214">
        <v>11072.7</v>
      </c>
      <c r="D12214">
        <v>1.6</v>
      </c>
      <c r="E12214">
        <v>13418.3</v>
      </c>
      <c r="F12214">
        <v>36.637099999999997</v>
      </c>
    </row>
    <row r="12215" spans="1:6" x14ac:dyDescent="0.25">
      <c r="A12215">
        <v>160.41</v>
      </c>
      <c r="B12215">
        <v>204.04</v>
      </c>
      <c r="C12215">
        <v>11072.7</v>
      </c>
      <c r="D12215">
        <v>1.9</v>
      </c>
      <c r="E12215">
        <v>12872.2</v>
      </c>
      <c r="F12215">
        <v>20.4754</v>
      </c>
    </row>
    <row r="12216" spans="1:6" x14ac:dyDescent="0.25">
      <c r="A12216">
        <v>160.41</v>
      </c>
      <c r="B12216">
        <v>204.04</v>
      </c>
      <c r="C12216">
        <v>11072.7</v>
      </c>
      <c r="D12216">
        <v>2.2000000000000002</v>
      </c>
      <c r="E12216">
        <v>12827.4</v>
      </c>
      <c r="F12216">
        <v>48.799300000000002</v>
      </c>
    </row>
    <row r="12217" spans="1:6" x14ac:dyDescent="0.25">
      <c r="A12217">
        <v>160.41</v>
      </c>
      <c r="B12217">
        <v>204.04</v>
      </c>
      <c r="C12217">
        <v>11072.7</v>
      </c>
      <c r="D12217">
        <v>2.5</v>
      </c>
      <c r="E12217">
        <v>12582.1</v>
      </c>
      <c r="F12217">
        <v>48.241100000000003</v>
      </c>
    </row>
    <row r="12218" spans="1:6" x14ac:dyDescent="0.25">
      <c r="A12218">
        <v>160.41</v>
      </c>
      <c r="B12218">
        <v>204.04</v>
      </c>
      <c r="C12218">
        <v>11072.7</v>
      </c>
      <c r="D12218">
        <v>2.8</v>
      </c>
      <c r="E12218">
        <v>12398.5</v>
      </c>
      <c r="F12218">
        <v>38.1128</v>
      </c>
    </row>
    <row r="12219" spans="1:6" x14ac:dyDescent="0.25">
      <c r="A12219">
        <v>160.41</v>
      </c>
      <c r="B12219">
        <v>204.04</v>
      </c>
      <c r="C12219">
        <v>11072.7</v>
      </c>
      <c r="D12219">
        <v>3.1</v>
      </c>
      <c r="E12219">
        <v>12331.1</v>
      </c>
      <c r="F12219">
        <v>22.291599999999999</v>
      </c>
    </row>
    <row r="12220" spans="1:6" x14ac:dyDescent="0.25">
      <c r="A12220">
        <v>160.41</v>
      </c>
      <c r="B12220">
        <v>204.04</v>
      </c>
      <c r="C12220">
        <v>11072.7</v>
      </c>
      <c r="D12220">
        <v>3.4</v>
      </c>
      <c r="E12220">
        <v>12258</v>
      </c>
      <c r="F12220">
        <v>22.236699999999999</v>
      </c>
    </row>
    <row r="12221" spans="1:6" x14ac:dyDescent="0.25">
      <c r="A12221">
        <v>160.41</v>
      </c>
      <c r="B12221">
        <v>204.04</v>
      </c>
      <c r="C12221">
        <v>11072.7</v>
      </c>
      <c r="D12221">
        <v>3.7</v>
      </c>
      <c r="E12221">
        <v>12081.4</v>
      </c>
      <c r="F12221">
        <v>22.8964</v>
      </c>
    </row>
    <row r="12222" spans="1:6" x14ac:dyDescent="0.25">
      <c r="A12222">
        <v>160.41</v>
      </c>
      <c r="B12222">
        <v>204.04</v>
      </c>
      <c r="C12222">
        <v>11072.7</v>
      </c>
      <c r="D12222">
        <v>4</v>
      </c>
      <c r="E12222">
        <v>11998.4</v>
      </c>
      <c r="F12222">
        <v>23.463799999999999</v>
      </c>
    </row>
    <row r="12223" spans="1:6" x14ac:dyDescent="0.25">
      <c r="A12223">
        <v>160.41</v>
      </c>
      <c r="B12223">
        <v>204.04</v>
      </c>
      <c r="C12223">
        <v>12618.2</v>
      </c>
      <c r="D12223">
        <v>1</v>
      </c>
      <c r="E12223">
        <v>15921.4</v>
      </c>
      <c r="F12223">
        <v>37.7286</v>
      </c>
    </row>
    <row r="12224" spans="1:6" x14ac:dyDescent="0.25">
      <c r="A12224">
        <v>160.41</v>
      </c>
      <c r="B12224">
        <v>204.04</v>
      </c>
      <c r="C12224">
        <v>12618.2</v>
      </c>
      <c r="D12224">
        <v>1.3</v>
      </c>
      <c r="E12224">
        <v>15119.7</v>
      </c>
      <c r="F12224">
        <v>40.700099999999999</v>
      </c>
    </row>
    <row r="12225" spans="1:6" x14ac:dyDescent="0.25">
      <c r="A12225">
        <v>160.41</v>
      </c>
      <c r="B12225">
        <v>204.04</v>
      </c>
      <c r="C12225">
        <v>12618.2</v>
      </c>
      <c r="D12225">
        <v>1.6</v>
      </c>
      <c r="E12225">
        <v>14798.4</v>
      </c>
      <c r="F12225">
        <v>36.637099999999997</v>
      </c>
    </row>
    <row r="12226" spans="1:6" x14ac:dyDescent="0.25">
      <c r="A12226">
        <v>160.41</v>
      </c>
      <c r="B12226">
        <v>204.04</v>
      </c>
      <c r="C12226">
        <v>12618.2</v>
      </c>
      <c r="D12226">
        <v>1.9</v>
      </c>
      <c r="E12226">
        <v>14344.5</v>
      </c>
      <c r="F12226">
        <v>20.4754</v>
      </c>
    </row>
    <row r="12227" spans="1:6" x14ac:dyDescent="0.25">
      <c r="A12227">
        <v>160.41</v>
      </c>
      <c r="B12227">
        <v>204.04</v>
      </c>
      <c r="C12227">
        <v>12618.2</v>
      </c>
      <c r="D12227">
        <v>2.2000000000000002</v>
      </c>
      <c r="E12227">
        <v>14232.9</v>
      </c>
      <c r="F12227">
        <v>48.799300000000002</v>
      </c>
    </row>
    <row r="12228" spans="1:6" x14ac:dyDescent="0.25">
      <c r="A12228">
        <v>160.41</v>
      </c>
      <c r="B12228">
        <v>204.04</v>
      </c>
      <c r="C12228">
        <v>12618.2</v>
      </c>
      <c r="D12228">
        <v>2.5</v>
      </c>
      <c r="E12228">
        <v>14100.1</v>
      </c>
      <c r="F12228">
        <v>48.241100000000003</v>
      </c>
    </row>
    <row r="12229" spans="1:6" x14ac:dyDescent="0.25">
      <c r="A12229">
        <v>160.41</v>
      </c>
      <c r="B12229">
        <v>204.04</v>
      </c>
      <c r="C12229">
        <v>12618.2</v>
      </c>
      <c r="D12229">
        <v>2.8</v>
      </c>
      <c r="E12229">
        <v>13882.6</v>
      </c>
      <c r="F12229">
        <v>38.1128</v>
      </c>
    </row>
    <row r="12230" spans="1:6" x14ac:dyDescent="0.25">
      <c r="A12230">
        <v>160.41</v>
      </c>
      <c r="B12230">
        <v>204.04</v>
      </c>
      <c r="C12230">
        <v>12618.2</v>
      </c>
      <c r="D12230">
        <v>3.1</v>
      </c>
      <c r="E12230">
        <v>13779.9</v>
      </c>
      <c r="F12230">
        <v>22.291599999999999</v>
      </c>
    </row>
    <row r="12231" spans="1:6" x14ac:dyDescent="0.25">
      <c r="A12231">
        <v>160.41</v>
      </c>
      <c r="B12231">
        <v>204.04</v>
      </c>
      <c r="C12231">
        <v>12618.2</v>
      </c>
      <c r="D12231">
        <v>3.4</v>
      </c>
      <c r="E12231">
        <v>13749.7</v>
      </c>
      <c r="F12231">
        <v>22.236699999999999</v>
      </c>
    </row>
    <row r="12232" spans="1:6" x14ac:dyDescent="0.25">
      <c r="A12232">
        <v>160.41</v>
      </c>
      <c r="B12232">
        <v>204.04</v>
      </c>
      <c r="C12232">
        <v>12618.2</v>
      </c>
      <c r="D12232">
        <v>3.7</v>
      </c>
      <c r="E12232">
        <v>13632.7</v>
      </c>
      <c r="F12232">
        <v>22.8964</v>
      </c>
    </row>
    <row r="12233" spans="1:6" x14ac:dyDescent="0.25">
      <c r="A12233">
        <v>160.41</v>
      </c>
      <c r="B12233">
        <v>204.04</v>
      </c>
      <c r="C12233">
        <v>12618.2</v>
      </c>
      <c r="D12233">
        <v>4</v>
      </c>
      <c r="E12233">
        <v>13512.3</v>
      </c>
      <c r="F12233">
        <v>23.463799999999999</v>
      </c>
    </row>
    <row r="12234" spans="1:6" x14ac:dyDescent="0.25">
      <c r="A12234">
        <v>160.41</v>
      </c>
      <c r="B12234">
        <v>204.04</v>
      </c>
      <c r="C12234">
        <v>14163.6</v>
      </c>
      <c r="D12234">
        <v>1</v>
      </c>
      <c r="E12234">
        <v>16312.8</v>
      </c>
      <c r="F12234">
        <v>37.7286</v>
      </c>
    </row>
    <row r="12235" spans="1:6" x14ac:dyDescent="0.25">
      <c r="A12235">
        <v>160.41</v>
      </c>
      <c r="B12235">
        <v>204.04</v>
      </c>
      <c r="C12235">
        <v>14163.6</v>
      </c>
      <c r="D12235">
        <v>1.3</v>
      </c>
      <c r="E12235">
        <v>15925.1</v>
      </c>
      <c r="F12235">
        <v>40.700099999999999</v>
      </c>
    </row>
    <row r="12236" spans="1:6" x14ac:dyDescent="0.25">
      <c r="A12236">
        <v>160.41</v>
      </c>
      <c r="B12236">
        <v>204.04</v>
      </c>
      <c r="C12236">
        <v>14163.6</v>
      </c>
      <c r="D12236">
        <v>1.6</v>
      </c>
      <c r="E12236">
        <v>15672.5</v>
      </c>
      <c r="F12236">
        <v>36.637099999999997</v>
      </c>
    </row>
    <row r="12237" spans="1:6" x14ac:dyDescent="0.25">
      <c r="A12237">
        <v>160.41</v>
      </c>
      <c r="B12237">
        <v>204.04</v>
      </c>
      <c r="C12237">
        <v>14163.6</v>
      </c>
      <c r="D12237">
        <v>1.9</v>
      </c>
      <c r="E12237">
        <v>15552.6</v>
      </c>
      <c r="F12237">
        <v>20.4754</v>
      </c>
    </row>
    <row r="12238" spans="1:6" x14ac:dyDescent="0.25">
      <c r="A12238">
        <v>160.41</v>
      </c>
      <c r="B12238">
        <v>204.04</v>
      </c>
      <c r="C12238">
        <v>14163.6</v>
      </c>
      <c r="D12238">
        <v>2.2000000000000002</v>
      </c>
      <c r="E12238">
        <v>15431</v>
      </c>
      <c r="F12238">
        <v>48.799300000000002</v>
      </c>
    </row>
    <row r="12239" spans="1:6" x14ac:dyDescent="0.25">
      <c r="A12239">
        <v>160.41</v>
      </c>
      <c r="B12239">
        <v>204.04</v>
      </c>
      <c r="C12239">
        <v>14163.6</v>
      </c>
      <c r="D12239">
        <v>2.5</v>
      </c>
      <c r="E12239">
        <v>15199.6</v>
      </c>
      <c r="F12239">
        <v>48.241100000000003</v>
      </c>
    </row>
    <row r="12240" spans="1:6" x14ac:dyDescent="0.25">
      <c r="A12240">
        <v>160.41</v>
      </c>
      <c r="B12240">
        <v>204.04</v>
      </c>
      <c r="C12240">
        <v>14163.6</v>
      </c>
      <c r="D12240">
        <v>2.8</v>
      </c>
      <c r="E12240">
        <v>15072.3</v>
      </c>
      <c r="F12240">
        <v>38.1128</v>
      </c>
    </row>
    <row r="12241" spans="1:6" x14ac:dyDescent="0.25">
      <c r="A12241">
        <v>160.41</v>
      </c>
      <c r="B12241">
        <v>204.04</v>
      </c>
      <c r="C12241">
        <v>14163.6</v>
      </c>
      <c r="D12241">
        <v>3.1</v>
      </c>
      <c r="E12241">
        <v>14804</v>
      </c>
      <c r="F12241">
        <v>22.291599999999999</v>
      </c>
    </row>
    <row r="12242" spans="1:6" x14ac:dyDescent="0.25">
      <c r="A12242">
        <v>160.41</v>
      </c>
      <c r="B12242">
        <v>204.04</v>
      </c>
      <c r="C12242">
        <v>14163.6</v>
      </c>
      <c r="D12242">
        <v>3.4</v>
      </c>
      <c r="E12242">
        <v>14990.2</v>
      </c>
      <c r="F12242">
        <v>22.236699999999999</v>
      </c>
    </row>
    <row r="12243" spans="1:6" x14ac:dyDescent="0.25">
      <c r="A12243">
        <v>160.41</v>
      </c>
      <c r="B12243">
        <v>204.04</v>
      </c>
      <c r="C12243">
        <v>14163.6</v>
      </c>
      <c r="D12243">
        <v>3.7</v>
      </c>
      <c r="E12243">
        <v>14787.8</v>
      </c>
      <c r="F12243">
        <v>22.8964</v>
      </c>
    </row>
    <row r="12244" spans="1:6" x14ac:dyDescent="0.25">
      <c r="A12244">
        <v>160.41</v>
      </c>
      <c r="B12244">
        <v>204.04</v>
      </c>
      <c r="C12244">
        <v>14163.6</v>
      </c>
      <c r="D12244">
        <v>4</v>
      </c>
      <c r="E12244">
        <v>14783.8</v>
      </c>
      <c r="F12244">
        <v>23.463799999999999</v>
      </c>
    </row>
    <row r="12245" spans="1:6" x14ac:dyDescent="0.25">
      <c r="A12245">
        <v>160.41</v>
      </c>
      <c r="B12245">
        <v>204.04</v>
      </c>
      <c r="C12245">
        <v>15709.1</v>
      </c>
      <c r="D12245">
        <v>1</v>
      </c>
      <c r="E12245">
        <v>17665.2</v>
      </c>
      <c r="F12245">
        <v>37.7286</v>
      </c>
    </row>
    <row r="12246" spans="1:6" x14ac:dyDescent="0.25">
      <c r="A12246">
        <v>160.41</v>
      </c>
      <c r="B12246">
        <v>204.04</v>
      </c>
      <c r="C12246">
        <v>15709.1</v>
      </c>
      <c r="D12246">
        <v>1.3</v>
      </c>
      <c r="E12246">
        <v>15925.1</v>
      </c>
      <c r="F12246">
        <v>40.700099999999999</v>
      </c>
    </row>
    <row r="12247" spans="1:6" x14ac:dyDescent="0.25">
      <c r="A12247">
        <v>160.41</v>
      </c>
      <c r="B12247">
        <v>204.04</v>
      </c>
      <c r="C12247">
        <v>15709.1</v>
      </c>
      <c r="D12247">
        <v>1.6</v>
      </c>
      <c r="E12247">
        <v>16549.400000000001</v>
      </c>
      <c r="F12247">
        <v>36.637099999999997</v>
      </c>
    </row>
    <row r="12248" spans="1:6" x14ac:dyDescent="0.25">
      <c r="A12248">
        <v>160.41</v>
      </c>
      <c r="B12248">
        <v>204.04</v>
      </c>
      <c r="C12248">
        <v>15709.1</v>
      </c>
      <c r="D12248">
        <v>1.9</v>
      </c>
      <c r="E12248">
        <v>15552.6</v>
      </c>
      <c r="F12248">
        <v>20.4754</v>
      </c>
    </row>
    <row r="12249" spans="1:6" x14ac:dyDescent="0.25">
      <c r="A12249">
        <v>160.41</v>
      </c>
      <c r="B12249">
        <v>204.04</v>
      </c>
      <c r="C12249">
        <v>15709.1</v>
      </c>
      <c r="D12249">
        <v>2.2000000000000002</v>
      </c>
      <c r="E12249">
        <v>16632.2</v>
      </c>
      <c r="F12249">
        <v>48.799300000000002</v>
      </c>
    </row>
    <row r="12250" spans="1:6" x14ac:dyDescent="0.25">
      <c r="A12250">
        <v>160.41</v>
      </c>
      <c r="B12250">
        <v>204.04</v>
      </c>
      <c r="C12250">
        <v>15709.1</v>
      </c>
      <c r="D12250">
        <v>2.5</v>
      </c>
      <c r="E12250">
        <v>15740.1</v>
      </c>
      <c r="F12250">
        <v>48.241100000000003</v>
      </c>
    </row>
    <row r="12251" spans="1:6" x14ac:dyDescent="0.25">
      <c r="A12251">
        <v>160.41</v>
      </c>
      <c r="B12251">
        <v>204.04</v>
      </c>
      <c r="C12251">
        <v>15709.1</v>
      </c>
      <c r="D12251">
        <v>2.8</v>
      </c>
      <c r="E12251">
        <v>15690.5</v>
      </c>
      <c r="F12251">
        <v>38.1128</v>
      </c>
    </row>
    <row r="12252" spans="1:6" x14ac:dyDescent="0.25">
      <c r="A12252">
        <v>160.41</v>
      </c>
      <c r="B12252">
        <v>204.04</v>
      </c>
      <c r="C12252">
        <v>15709.1</v>
      </c>
      <c r="D12252">
        <v>3.1</v>
      </c>
      <c r="E12252">
        <v>16383.8</v>
      </c>
      <c r="F12252">
        <v>22.291599999999999</v>
      </c>
    </row>
    <row r="12253" spans="1:6" x14ac:dyDescent="0.25">
      <c r="A12253">
        <v>160.41</v>
      </c>
      <c r="B12253">
        <v>204.04</v>
      </c>
      <c r="C12253">
        <v>15709.1</v>
      </c>
      <c r="D12253">
        <v>3.4</v>
      </c>
      <c r="E12253">
        <v>15056.3</v>
      </c>
      <c r="F12253">
        <v>22.236699999999999</v>
      </c>
    </row>
    <row r="12254" spans="1:6" x14ac:dyDescent="0.25">
      <c r="A12254">
        <v>160.41</v>
      </c>
      <c r="B12254">
        <v>204.04</v>
      </c>
      <c r="C12254">
        <v>15709.1</v>
      </c>
      <c r="D12254">
        <v>3.7</v>
      </c>
      <c r="E12254">
        <v>14787.8</v>
      </c>
      <c r="F12254">
        <v>22.8964</v>
      </c>
    </row>
    <row r="12255" spans="1:6" x14ac:dyDescent="0.25">
      <c r="A12255">
        <v>160.41</v>
      </c>
      <c r="B12255">
        <v>204.04</v>
      </c>
      <c r="C12255">
        <v>15709.1</v>
      </c>
      <c r="D12255">
        <v>4</v>
      </c>
      <c r="E12255">
        <v>14783.8</v>
      </c>
      <c r="F12255">
        <v>23.463799999999999</v>
      </c>
    </row>
    <row r="12256" spans="1:6" x14ac:dyDescent="0.25">
      <c r="A12256">
        <v>160.41</v>
      </c>
      <c r="B12256">
        <v>204.04</v>
      </c>
      <c r="C12256">
        <v>17254.5</v>
      </c>
      <c r="D12256">
        <v>1</v>
      </c>
      <c r="E12256">
        <v>17665.2</v>
      </c>
      <c r="F12256">
        <v>37.7286</v>
      </c>
    </row>
    <row r="12257" spans="1:6" x14ac:dyDescent="0.25">
      <c r="A12257">
        <v>160.41</v>
      </c>
      <c r="B12257">
        <v>204.04</v>
      </c>
      <c r="C12257">
        <v>17254.5</v>
      </c>
      <c r="D12257">
        <v>1.3</v>
      </c>
      <c r="E12257">
        <v>15925.1</v>
      </c>
      <c r="F12257">
        <v>40.700099999999999</v>
      </c>
    </row>
    <row r="12258" spans="1:6" x14ac:dyDescent="0.25">
      <c r="A12258">
        <v>160.41</v>
      </c>
      <c r="B12258">
        <v>204.04</v>
      </c>
      <c r="C12258">
        <v>17254.5</v>
      </c>
      <c r="D12258">
        <v>1.6</v>
      </c>
      <c r="E12258">
        <v>16549.400000000001</v>
      </c>
      <c r="F12258">
        <v>36.637099999999997</v>
      </c>
    </row>
    <row r="12259" spans="1:6" x14ac:dyDescent="0.25">
      <c r="A12259">
        <v>160.41</v>
      </c>
      <c r="B12259">
        <v>204.04</v>
      </c>
      <c r="C12259">
        <v>17254.5</v>
      </c>
      <c r="D12259">
        <v>1.9</v>
      </c>
      <c r="E12259">
        <v>15552.6</v>
      </c>
      <c r="F12259">
        <v>20.4754</v>
      </c>
    </row>
    <row r="12260" spans="1:6" x14ac:dyDescent="0.25">
      <c r="A12260">
        <v>160.41</v>
      </c>
      <c r="B12260">
        <v>204.04</v>
      </c>
      <c r="C12260">
        <v>17254.5</v>
      </c>
      <c r="D12260">
        <v>2.2000000000000002</v>
      </c>
      <c r="E12260">
        <v>16632.2</v>
      </c>
      <c r="F12260">
        <v>48.799300000000002</v>
      </c>
    </row>
    <row r="12261" spans="1:6" x14ac:dyDescent="0.25">
      <c r="A12261">
        <v>160.41</v>
      </c>
      <c r="B12261">
        <v>204.04</v>
      </c>
      <c r="C12261">
        <v>17254.5</v>
      </c>
      <c r="D12261">
        <v>2.5</v>
      </c>
      <c r="E12261">
        <v>17079</v>
      </c>
      <c r="F12261">
        <v>48.241100000000003</v>
      </c>
    </row>
    <row r="12262" spans="1:6" x14ac:dyDescent="0.25">
      <c r="A12262">
        <v>160.41</v>
      </c>
      <c r="B12262">
        <v>204.04</v>
      </c>
      <c r="C12262">
        <v>17254.5</v>
      </c>
      <c r="D12262">
        <v>2.8</v>
      </c>
      <c r="E12262">
        <v>15690.5</v>
      </c>
      <c r="F12262">
        <v>38.1128</v>
      </c>
    </row>
    <row r="12263" spans="1:6" x14ac:dyDescent="0.25">
      <c r="A12263">
        <v>160.41</v>
      </c>
      <c r="B12263">
        <v>204.04</v>
      </c>
      <c r="C12263">
        <v>17254.5</v>
      </c>
      <c r="D12263">
        <v>3.1</v>
      </c>
      <c r="E12263">
        <v>16383.8</v>
      </c>
      <c r="F12263">
        <v>22.291599999999999</v>
      </c>
    </row>
    <row r="12264" spans="1:6" x14ac:dyDescent="0.25">
      <c r="A12264">
        <v>160.41</v>
      </c>
      <c r="B12264">
        <v>204.04</v>
      </c>
      <c r="C12264">
        <v>17254.5</v>
      </c>
      <c r="D12264">
        <v>3.4</v>
      </c>
      <c r="E12264">
        <v>15056.3</v>
      </c>
      <c r="F12264">
        <v>22.236699999999999</v>
      </c>
    </row>
    <row r="12265" spans="1:6" x14ac:dyDescent="0.25">
      <c r="A12265">
        <v>160.41</v>
      </c>
      <c r="B12265">
        <v>204.04</v>
      </c>
      <c r="C12265">
        <v>17254.5</v>
      </c>
      <c r="D12265">
        <v>3.7</v>
      </c>
      <c r="E12265">
        <v>14787.8</v>
      </c>
      <c r="F12265">
        <v>22.8964</v>
      </c>
    </row>
    <row r="12266" spans="1:6" x14ac:dyDescent="0.25">
      <c r="A12266">
        <v>160.41</v>
      </c>
      <c r="B12266">
        <v>204.04</v>
      </c>
      <c r="C12266">
        <v>17254.5</v>
      </c>
      <c r="D12266">
        <v>4</v>
      </c>
      <c r="E12266">
        <v>14783.8</v>
      </c>
      <c r="F12266">
        <v>23.463799999999999</v>
      </c>
    </row>
    <row r="12267" spans="1:6" x14ac:dyDescent="0.25">
      <c r="A12267">
        <v>160.41</v>
      </c>
      <c r="B12267">
        <v>204.04</v>
      </c>
      <c r="C12267">
        <v>18800</v>
      </c>
      <c r="D12267">
        <v>1</v>
      </c>
      <c r="E12267">
        <v>17665.2</v>
      </c>
      <c r="F12267">
        <v>37.7286</v>
      </c>
    </row>
    <row r="12268" spans="1:6" x14ac:dyDescent="0.25">
      <c r="A12268">
        <v>160.41</v>
      </c>
      <c r="B12268">
        <v>204.04</v>
      </c>
      <c r="C12268">
        <v>18800</v>
      </c>
      <c r="D12268">
        <v>1.3</v>
      </c>
      <c r="E12268">
        <v>15925.1</v>
      </c>
      <c r="F12268">
        <v>40.700099999999999</v>
      </c>
    </row>
    <row r="12269" spans="1:6" x14ac:dyDescent="0.25">
      <c r="A12269">
        <v>160.41</v>
      </c>
      <c r="B12269">
        <v>204.04</v>
      </c>
      <c r="C12269">
        <v>18800</v>
      </c>
      <c r="D12269">
        <v>1.6</v>
      </c>
      <c r="E12269">
        <v>16549.400000000001</v>
      </c>
      <c r="F12269">
        <v>36.637099999999997</v>
      </c>
    </row>
    <row r="12270" spans="1:6" x14ac:dyDescent="0.25">
      <c r="A12270">
        <v>160.41</v>
      </c>
      <c r="B12270">
        <v>204.04</v>
      </c>
      <c r="C12270">
        <v>18800</v>
      </c>
      <c r="D12270">
        <v>1.9</v>
      </c>
      <c r="E12270">
        <v>15552.6</v>
      </c>
      <c r="F12270">
        <v>20.4754</v>
      </c>
    </row>
    <row r="12271" spans="1:6" x14ac:dyDescent="0.25">
      <c r="A12271">
        <v>160.41</v>
      </c>
      <c r="B12271">
        <v>204.04</v>
      </c>
      <c r="C12271">
        <v>18800</v>
      </c>
      <c r="D12271">
        <v>2.2000000000000002</v>
      </c>
      <c r="E12271">
        <v>16632.2</v>
      </c>
      <c r="F12271">
        <v>48.799300000000002</v>
      </c>
    </row>
    <row r="12272" spans="1:6" x14ac:dyDescent="0.25">
      <c r="A12272">
        <v>160.41</v>
      </c>
      <c r="B12272">
        <v>204.04</v>
      </c>
      <c r="C12272">
        <v>18800</v>
      </c>
      <c r="D12272">
        <v>2.5</v>
      </c>
      <c r="E12272">
        <v>17079</v>
      </c>
      <c r="F12272">
        <v>48.241100000000003</v>
      </c>
    </row>
    <row r="12273" spans="1:6" x14ac:dyDescent="0.25">
      <c r="A12273">
        <v>160.41</v>
      </c>
      <c r="B12273">
        <v>204.04</v>
      </c>
      <c r="C12273">
        <v>18800</v>
      </c>
      <c r="D12273">
        <v>2.8</v>
      </c>
      <c r="E12273">
        <v>15690.5</v>
      </c>
      <c r="F12273">
        <v>38.1128</v>
      </c>
    </row>
    <row r="12274" spans="1:6" x14ac:dyDescent="0.25">
      <c r="A12274">
        <v>160.41</v>
      </c>
      <c r="B12274">
        <v>204.04</v>
      </c>
      <c r="C12274">
        <v>18800</v>
      </c>
      <c r="D12274">
        <v>3.1</v>
      </c>
      <c r="E12274">
        <v>16383.8</v>
      </c>
      <c r="F12274">
        <v>22.291599999999999</v>
      </c>
    </row>
    <row r="12275" spans="1:6" x14ac:dyDescent="0.25">
      <c r="A12275">
        <v>160.41</v>
      </c>
      <c r="B12275">
        <v>204.04</v>
      </c>
      <c r="C12275">
        <v>18800</v>
      </c>
      <c r="D12275">
        <v>3.4</v>
      </c>
      <c r="E12275">
        <v>15056.3</v>
      </c>
      <c r="F12275">
        <v>22.236699999999999</v>
      </c>
    </row>
    <row r="12276" spans="1:6" x14ac:dyDescent="0.25">
      <c r="A12276">
        <v>160.41</v>
      </c>
      <c r="B12276">
        <v>204.04</v>
      </c>
      <c r="C12276">
        <v>18800</v>
      </c>
      <c r="D12276">
        <v>3.7</v>
      </c>
      <c r="E12276">
        <v>14787.8</v>
      </c>
      <c r="F12276">
        <v>22.8964</v>
      </c>
    </row>
    <row r="12277" spans="1:6" x14ac:dyDescent="0.25">
      <c r="A12277">
        <v>160.41</v>
      </c>
      <c r="B12277">
        <v>204.04</v>
      </c>
      <c r="C12277">
        <v>18800</v>
      </c>
      <c r="D12277">
        <v>4</v>
      </c>
      <c r="E12277">
        <v>14783.8</v>
      </c>
      <c r="F12277">
        <v>23.463799999999999</v>
      </c>
    </row>
    <row r="12278" spans="1:6" x14ac:dyDescent="0.25">
      <c r="A12278">
        <v>160.41</v>
      </c>
      <c r="B12278">
        <v>207.67</v>
      </c>
      <c r="C12278">
        <v>1800</v>
      </c>
      <c r="D12278">
        <v>1</v>
      </c>
      <c r="E12278">
        <v>5495.24</v>
      </c>
      <c r="F12278">
        <v>34.501300000000001</v>
      </c>
    </row>
    <row r="12279" spans="1:6" x14ac:dyDescent="0.25">
      <c r="A12279">
        <v>160.41</v>
      </c>
      <c r="B12279">
        <v>207.67</v>
      </c>
      <c r="C12279">
        <v>1800</v>
      </c>
      <c r="D12279">
        <v>1.3</v>
      </c>
      <c r="E12279">
        <v>4902.33</v>
      </c>
      <c r="F12279">
        <v>39.780700000000003</v>
      </c>
    </row>
    <row r="12280" spans="1:6" x14ac:dyDescent="0.25">
      <c r="A12280">
        <v>160.41</v>
      </c>
      <c r="B12280">
        <v>207.67</v>
      </c>
      <c r="C12280">
        <v>1800</v>
      </c>
      <c r="D12280">
        <v>1.6</v>
      </c>
      <c r="E12280">
        <v>4318.16</v>
      </c>
      <c r="F12280">
        <v>48.336500000000001</v>
      </c>
    </row>
    <row r="12281" spans="1:6" x14ac:dyDescent="0.25">
      <c r="A12281">
        <v>160.41</v>
      </c>
      <c r="B12281">
        <v>207.67</v>
      </c>
      <c r="C12281">
        <v>1800</v>
      </c>
      <c r="D12281">
        <v>1.9</v>
      </c>
      <c r="E12281">
        <v>4156.17</v>
      </c>
      <c r="F12281">
        <v>51.853499999999997</v>
      </c>
    </row>
    <row r="12282" spans="1:6" x14ac:dyDescent="0.25">
      <c r="A12282">
        <v>160.41</v>
      </c>
      <c r="B12282">
        <v>207.67</v>
      </c>
      <c r="C12282">
        <v>1800</v>
      </c>
      <c r="D12282">
        <v>2.2000000000000002</v>
      </c>
      <c r="E12282">
        <v>3892.16</v>
      </c>
      <c r="F12282">
        <v>54.764400000000002</v>
      </c>
    </row>
    <row r="12283" spans="1:6" x14ac:dyDescent="0.25">
      <c r="A12283">
        <v>160.41</v>
      </c>
      <c r="B12283">
        <v>207.67</v>
      </c>
      <c r="C12283">
        <v>1800</v>
      </c>
      <c r="D12283">
        <v>2.5</v>
      </c>
      <c r="E12283">
        <v>3658.47</v>
      </c>
      <c r="F12283">
        <v>57.656599999999997</v>
      </c>
    </row>
    <row r="12284" spans="1:6" x14ac:dyDescent="0.25">
      <c r="A12284">
        <v>160.41</v>
      </c>
      <c r="B12284">
        <v>207.67</v>
      </c>
      <c r="C12284">
        <v>1800</v>
      </c>
      <c r="D12284">
        <v>2.8</v>
      </c>
      <c r="E12284">
        <v>3532.77</v>
      </c>
      <c r="F12284">
        <v>60.075299999999999</v>
      </c>
    </row>
    <row r="12285" spans="1:6" x14ac:dyDescent="0.25">
      <c r="A12285">
        <v>160.41</v>
      </c>
      <c r="B12285">
        <v>207.67</v>
      </c>
      <c r="C12285">
        <v>1800</v>
      </c>
      <c r="D12285">
        <v>3.1</v>
      </c>
      <c r="E12285">
        <v>3451.52</v>
      </c>
      <c r="F12285">
        <v>62.4176</v>
      </c>
    </row>
    <row r="12286" spans="1:6" x14ac:dyDescent="0.25">
      <c r="A12286">
        <v>160.41</v>
      </c>
      <c r="B12286">
        <v>207.67</v>
      </c>
      <c r="C12286">
        <v>1800</v>
      </c>
      <c r="D12286">
        <v>3.4</v>
      </c>
      <c r="E12286">
        <v>3368.12</v>
      </c>
      <c r="F12286">
        <v>61.335500000000003</v>
      </c>
    </row>
    <row r="12287" spans="1:6" x14ac:dyDescent="0.25">
      <c r="A12287">
        <v>160.41</v>
      </c>
      <c r="B12287">
        <v>207.67</v>
      </c>
      <c r="C12287">
        <v>1800</v>
      </c>
      <c r="D12287">
        <v>3.7</v>
      </c>
      <c r="E12287">
        <v>3255.3</v>
      </c>
      <c r="F12287">
        <v>64.847899999999996</v>
      </c>
    </row>
    <row r="12288" spans="1:6" x14ac:dyDescent="0.25">
      <c r="A12288">
        <v>160.41</v>
      </c>
      <c r="B12288">
        <v>207.67</v>
      </c>
      <c r="C12288">
        <v>1800</v>
      </c>
      <c r="D12288">
        <v>4</v>
      </c>
      <c r="E12288">
        <v>3168.03</v>
      </c>
      <c r="F12288">
        <v>66.729600000000005</v>
      </c>
    </row>
    <row r="12289" spans="1:6" x14ac:dyDescent="0.25">
      <c r="A12289">
        <v>160.41</v>
      </c>
      <c r="B12289">
        <v>207.67</v>
      </c>
      <c r="C12289">
        <v>3345.45</v>
      </c>
      <c r="D12289">
        <v>1</v>
      </c>
      <c r="E12289">
        <v>6911.55</v>
      </c>
      <c r="F12289">
        <v>37.7286</v>
      </c>
    </row>
    <row r="12290" spans="1:6" x14ac:dyDescent="0.25">
      <c r="A12290">
        <v>160.41</v>
      </c>
      <c r="B12290">
        <v>207.67</v>
      </c>
      <c r="C12290">
        <v>3345.45</v>
      </c>
      <c r="D12290">
        <v>1.3</v>
      </c>
      <c r="E12290">
        <v>6198.66</v>
      </c>
      <c r="F12290">
        <v>40.700099999999999</v>
      </c>
    </row>
    <row r="12291" spans="1:6" x14ac:dyDescent="0.25">
      <c r="A12291">
        <v>160.41</v>
      </c>
      <c r="B12291">
        <v>207.67</v>
      </c>
      <c r="C12291">
        <v>3345.45</v>
      </c>
      <c r="D12291">
        <v>1.6</v>
      </c>
      <c r="E12291">
        <v>5648.48</v>
      </c>
      <c r="F12291">
        <v>36.637099999999997</v>
      </c>
    </row>
    <row r="12292" spans="1:6" x14ac:dyDescent="0.25">
      <c r="A12292">
        <v>160.41</v>
      </c>
      <c r="B12292">
        <v>207.67</v>
      </c>
      <c r="C12292">
        <v>3345.45</v>
      </c>
      <c r="D12292">
        <v>1.9</v>
      </c>
      <c r="E12292">
        <v>5397.31</v>
      </c>
      <c r="F12292">
        <v>20.4754</v>
      </c>
    </row>
    <row r="12293" spans="1:6" x14ac:dyDescent="0.25">
      <c r="A12293">
        <v>160.41</v>
      </c>
      <c r="B12293">
        <v>207.67</v>
      </c>
      <c r="C12293">
        <v>3345.45</v>
      </c>
      <c r="D12293">
        <v>2.2000000000000002</v>
      </c>
      <c r="E12293">
        <v>5056.1099999999997</v>
      </c>
      <c r="F12293">
        <v>48.799300000000002</v>
      </c>
    </row>
    <row r="12294" spans="1:6" x14ac:dyDescent="0.25">
      <c r="A12294">
        <v>160.41</v>
      </c>
      <c r="B12294">
        <v>207.67</v>
      </c>
      <c r="C12294">
        <v>3345.45</v>
      </c>
      <c r="D12294">
        <v>2.5</v>
      </c>
      <c r="E12294">
        <v>5061.54</v>
      </c>
      <c r="F12294">
        <v>48.241100000000003</v>
      </c>
    </row>
    <row r="12295" spans="1:6" x14ac:dyDescent="0.25">
      <c r="A12295">
        <v>160.41</v>
      </c>
      <c r="B12295">
        <v>207.67</v>
      </c>
      <c r="C12295">
        <v>3345.45</v>
      </c>
      <c r="D12295">
        <v>2.8</v>
      </c>
      <c r="E12295">
        <v>4837.7700000000004</v>
      </c>
      <c r="F12295">
        <v>38.1128</v>
      </c>
    </row>
    <row r="12296" spans="1:6" x14ac:dyDescent="0.25">
      <c r="A12296">
        <v>160.41</v>
      </c>
      <c r="B12296">
        <v>207.67</v>
      </c>
      <c r="C12296">
        <v>3345.45</v>
      </c>
      <c r="D12296">
        <v>3.1</v>
      </c>
      <c r="E12296">
        <v>4797.33</v>
      </c>
      <c r="F12296">
        <v>22.291599999999999</v>
      </c>
    </row>
    <row r="12297" spans="1:6" x14ac:dyDescent="0.25">
      <c r="A12297">
        <v>160.41</v>
      </c>
      <c r="B12297">
        <v>207.67</v>
      </c>
      <c r="C12297">
        <v>3345.45</v>
      </c>
      <c r="D12297">
        <v>3.4</v>
      </c>
      <c r="E12297">
        <v>4668.08</v>
      </c>
      <c r="F12297">
        <v>22.236699999999999</v>
      </c>
    </row>
    <row r="12298" spans="1:6" x14ac:dyDescent="0.25">
      <c r="A12298">
        <v>160.41</v>
      </c>
      <c r="B12298">
        <v>207.67</v>
      </c>
      <c r="C12298">
        <v>3345.45</v>
      </c>
      <c r="D12298">
        <v>3.7</v>
      </c>
      <c r="E12298">
        <v>4499.47</v>
      </c>
      <c r="F12298">
        <v>22.8964</v>
      </c>
    </row>
    <row r="12299" spans="1:6" x14ac:dyDescent="0.25">
      <c r="A12299">
        <v>160.41</v>
      </c>
      <c r="B12299">
        <v>207.67</v>
      </c>
      <c r="C12299">
        <v>3345.45</v>
      </c>
      <c r="D12299">
        <v>4</v>
      </c>
      <c r="E12299">
        <v>4543.5</v>
      </c>
      <c r="F12299">
        <v>23.463799999999999</v>
      </c>
    </row>
    <row r="12300" spans="1:6" x14ac:dyDescent="0.25">
      <c r="A12300">
        <v>160.41</v>
      </c>
      <c r="B12300">
        <v>207.67</v>
      </c>
      <c r="C12300">
        <v>4890.8999999999996</v>
      </c>
      <c r="D12300">
        <v>1</v>
      </c>
      <c r="E12300">
        <v>8612.16</v>
      </c>
      <c r="F12300">
        <v>37.7286</v>
      </c>
    </row>
    <row r="12301" spans="1:6" x14ac:dyDescent="0.25">
      <c r="A12301">
        <v>160.41</v>
      </c>
      <c r="B12301">
        <v>207.67</v>
      </c>
      <c r="C12301">
        <v>4890.8999999999996</v>
      </c>
      <c r="D12301">
        <v>1.3</v>
      </c>
      <c r="E12301">
        <v>7648.66</v>
      </c>
      <c r="F12301">
        <v>40.700099999999999</v>
      </c>
    </row>
    <row r="12302" spans="1:6" x14ac:dyDescent="0.25">
      <c r="A12302">
        <v>160.41</v>
      </c>
      <c r="B12302">
        <v>207.67</v>
      </c>
      <c r="C12302">
        <v>4890.8999999999996</v>
      </c>
      <c r="D12302">
        <v>1.6</v>
      </c>
      <c r="E12302">
        <v>7217.38</v>
      </c>
      <c r="F12302">
        <v>36.637099999999997</v>
      </c>
    </row>
    <row r="12303" spans="1:6" x14ac:dyDescent="0.25">
      <c r="A12303">
        <v>160.41</v>
      </c>
      <c r="B12303">
        <v>207.67</v>
      </c>
      <c r="C12303">
        <v>4890.8999999999996</v>
      </c>
      <c r="D12303">
        <v>1.9</v>
      </c>
      <c r="E12303">
        <v>6881.4</v>
      </c>
      <c r="F12303">
        <v>20.4754</v>
      </c>
    </row>
    <row r="12304" spans="1:6" x14ac:dyDescent="0.25">
      <c r="A12304">
        <v>160.41</v>
      </c>
      <c r="B12304">
        <v>207.67</v>
      </c>
      <c r="C12304">
        <v>4890.8999999999996</v>
      </c>
      <c r="D12304">
        <v>2.2000000000000002</v>
      </c>
      <c r="E12304">
        <v>6760.06</v>
      </c>
      <c r="F12304">
        <v>48.799300000000002</v>
      </c>
    </row>
    <row r="12305" spans="1:6" x14ac:dyDescent="0.25">
      <c r="A12305">
        <v>160.41</v>
      </c>
      <c r="B12305">
        <v>207.67</v>
      </c>
      <c r="C12305">
        <v>4890.8999999999996</v>
      </c>
      <c r="D12305">
        <v>2.5</v>
      </c>
      <c r="E12305">
        <v>6484.49</v>
      </c>
      <c r="F12305">
        <v>48.241100000000003</v>
      </c>
    </row>
    <row r="12306" spans="1:6" x14ac:dyDescent="0.25">
      <c r="A12306">
        <v>160.41</v>
      </c>
      <c r="B12306">
        <v>207.67</v>
      </c>
      <c r="C12306">
        <v>4890.8999999999996</v>
      </c>
      <c r="D12306">
        <v>2.8</v>
      </c>
      <c r="E12306">
        <v>6292.26</v>
      </c>
      <c r="F12306">
        <v>38.1128</v>
      </c>
    </row>
    <row r="12307" spans="1:6" x14ac:dyDescent="0.25">
      <c r="A12307">
        <v>160.41</v>
      </c>
      <c r="B12307">
        <v>207.67</v>
      </c>
      <c r="C12307">
        <v>4890.8999999999996</v>
      </c>
      <c r="D12307">
        <v>3.1</v>
      </c>
      <c r="E12307">
        <v>6241.42</v>
      </c>
      <c r="F12307">
        <v>22.291599999999999</v>
      </c>
    </row>
    <row r="12308" spans="1:6" x14ac:dyDescent="0.25">
      <c r="A12308">
        <v>160.41</v>
      </c>
      <c r="B12308">
        <v>207.67</v>
      </c>
      <c r="C12308">
        <v>4890.8999999999996</v>
      </c>
      <c r="D12308">
        <v>3.4</v>
      </c>
      <c r="E12308">
        <v>6105.74</v>
      </c>
      <c r="F12308">
        <v>22.236699999999999</v>
      </c>
    </row>
    <row r="12309" spans="1:6" x14ac:dyDescent="0.25">
      <c r="A12309">
        <v>160.41</v>
      </c>
      <c r="B12309">
        <v>207.67</v>
      </c>
      <c r="C12309">
        <v>4890.8999999999996</v>
      </c>
      <c r="D12309">
        <v>3.7</v>
      </c>
      <c r="E12309">
        <v>6016.33</v>
      </c>
      <c r="F12309">
        <v>22.8964</v>
      </c>
    </row>
    <row r="12310" spans="1:6" x14ac:dyDescent="0.25">
      <c r="A12310">
        <v>160.41</v>
      </c>
      <c r="B12310">
        <v>207.67</v>
      </c>
      <c r="C12310">
        <v>4890.8999999999996</v>
      </c>
      <c r="D12310">
        <v>4</v>
      </c>
      <c r="E12310">
        <v>5967.34</v>
      </c>
      <c r="F12310">
        <v>23.463799999999999</v>
      </c>
    </row>
    <row r="12311" spans="1:6" x14ac:dyDescent="0.25">
      <c r="A12311">
        <v>160.41</v>
      </c>
      <c r="B12311">
        <v>207.67</v>
      </c>
      <c r="C12311">
        <v>6436.35</v>
      </c>
      <c r="D12311">
        <v>1</v>
      </c>
      <c r="E12311">
        <v>9939.82</v>
      </c>
      <c r="F12311">
        <v>37.7286</v>
      </c>
    </row>
    <row r="12312" spans="1:6" x14ac:dyDescent="0.25">
      <c r="A12312">
        <v>160.41</v>
      </c>
      <c r="B12312">
        <v>207.67</v>
      </c>
      <c r="C12312">
        <v>6436.35</v>
      </c>
      <c r="D12312">
        <v>1.3</v>
      </c>
      <c r="E12312">
        <v>9230.75</v>
      </c>
      <c r="F12312">
        <v>40.700099999999999</v>
      </c>
    </row>
    <row r="12313" spans="1:6" x14ac:dyDescent="0.25">
      <c r="A12313">
        <v>160.41</v>
      </c>
      <c r="B12313">
        <v>207.67</v>
      </c>
      <c r="C12313">
        <v>6436.35</v>
      </c>
      <c r="D12313">
        <v>1.6</v>
      </c>
      <c r="E12313">
        <v>8642.7099999999991</v>
      </c>
      <c r="F12313">
        <v>36.637099999999997</v>
      </c>
    </row>
    <row r="12314" spans="1:6" x14ac:dyDescent="0.25">
      <c r="A12314">
        <v>160.41</v>
      </c>
      <c r="B12314">
        <v>207.67</v>
      </c>
      <c r="C12314">
        <v>6436.35</v>
      </c>
      <c r="D12314">
        <v>1.9</v>
      </c>
      <c r="E12314">
        <v>8480.41</v>
      </c>
      <c r="F12314">
        <v>20.4754</v>
      </c>
    </row>
    <row r="12315" spans="1:6" x14ac:dyDescent="0.25">
      <c r="A12315">
        <v>160.41</v>
      </c>
      <c r="B12315">
        <v>207.67</v>
      </c>
      <c r="C12315">
        <v>6436.35</v>
      </c>
      <c r="D12315">
        <v>2.2000000000000002</v>
      </c>
      <c r="E12315">
        <v>8239.99</v>
      </c>
      <c r="F12315">
        <v>48.799300000000002</v>
      </c>
    </row>
    <row r="12316" spans="1:6" x14ac:dyDescent="0.25">
      <c r="A12316">
        <v>160.41</v>
      </c>
      <c r="B12316">
        <v>207.67</v>
      </c>
      <c r="C12316">
        <v>6436.35</v>
      </c>
      <c r="D12316">
        <v>2.5</v>
      </c>
      <c r="E12316">
        <v>8029.07</v>
      </c>
      <c r="F12316">
        <v>48.241100000000003</v>
      </c>
    </row>
    <row r="12317" spans="1:6" x14ac:dyDescent="0.25">
      <c r="A12317">
        <v>160.41</v>
      </c>
      <c r="B12317">
        <v>207.67</v>
      </c>
      <c r="C12317">
        <v>6436.35</v>
      </c>
      <c r="D12317">
        <v>2.8</v>
      </c>
      <c r="E12317">
        <v>7841.14</v>
      </c>
      <c r="F12317">
        <v>38.1128</v>
      </c>
    </row>
    <row r="12318" spans="1:6" x14ac:dyDescent="0.25">
      <c r="A12318">
        <v>160.41</v>
      </c>
      <c r="B12318">
        <v>207.67</v>
      </c>
      <c r="C12318">
        <v>6436.35</v>
      </c>
      <c r="D12318">
        <v>3.1</v>
      </c>
      <c r="E12318">
        <v>7660.39</v>
      </c>
      <c r="F12318">
        <v>22.291599999999999</v>
      </c>
    </row>
    <row r="12319" spans="1:6" x14ac:dyDescent="0.25">
      <c r="A12319">
        <v>160.41</v>
      </c>
      <c r="B12319">
        <v>207.67</v>
      </c>
      <c r="C12319">
        <v>6436.35</v>
      </c>
      <c r="D12319">
        <v>3.4</v>
      </c>
      <c r="E12319">
        <v>7678.52</v>
      </c>
      <c r="F12319">
        <v>22.236699999999999</v>
      </c>
    </row>
    <row r="12320" spans="1:6" x14ac:dyDescent="0.25">
      <c r="A12320">
        <v>160.41</v>
      </c>
      <c r="B12320">
        <v>207.67</v>
      </c>
      <c r="C12320">
        <v>6436.35</v>
      </c>
      <c r="D12320">
        <v>3.7</v>
      </c>
      <c r="E12320">
        <v>7559.86</v>
      </c>
      <c r="F12320">
        <v>22.8964</v>
      </c>
    </row>
    <row r="12321" spans="1:6" x14ac:dyDescent="0.25">
      <c r="A12321">
        <v>160.41</v>
      </c>
      <c r="B12321">
        <v>207.67</v>
      </c>
      <c r="C12321">
        <v>6436.35</v>
      </c>
      <c r="D12321">
        <v>4</v>
      </c>
      <c r="E12321">
        <v>7483.09</v>
      </c>
      <c r="F12321">
        <v>23.463799999999999</v>
      </c>
    </row>
    <row r="12322" spans="1:6" x14ac:dyDescent="0.25">
      <c r="A12322">
        <v>160.41</v>
      </c>
      <c r="B12322">
        <v>207.67</v>
      </c>
      <c r="C12322">
        <v>7981.8</v>
      </c>
      <c r="D12322">
        <v>1</v>
      </c>
      <c r="E12322">
        <v>11483</v>
      </c>
      <c r="F12322">
        <v>37.7286</v>
      </c>
    </row>
    <row r="12323" spans="1:6" x14ac:dyDescent="0.25">
      <c r="A12323">
        <v>160.41</v>
      </c>
      <c r="B12323">
        <v>207.67</v>
      </c>
      <c r="C12323">
        <v>7981.8</v>
      </c>
      <c r="D12323">
        <v>1.3</v>
      </c>
      <c r="E12323">
        <v>10912.2</v>
      </c>
      <c r="F12323">
        <v>40.700099999999999</v>
      </c>
    </row>
    <row r="12324" spans="1:6" x14ac:dyDescent="0.25">
      <c r="A12324">
        <v>160.41</v>
      </c>
      <c r="B12324">
        <v>207.67</v>
      </c>
      <c r="C12324">
        <v>7981.8</v>
      </c>
      <c r="D12324">
        <v>1.6</v>
      </c>
      <c r="E12324">
        <v>10179.200000000001</v>
      </c>
      <c r="F12324">
        <v>36.637099999999997</v>
      </c>
    </row>
    <row r="12325" spans="1:6" x14ac:dyDescent="0.25">
      <c r="A12325">
        <v>160.41</v>
      </c>
      <c r="B12325">
        <v>207.67</v>
      </c>
      <c r="C12325">
        <v>7981.8</v>
      </c>
      <c r="D12325">
        <v>1.9</v>
      </c>
      <c r="E12325">
        <v>9919.08</v>
      </c>
      <c r="F12325">
        <v>20.4754</v>
      </c>
    </row>
    <row r="12326" spans="1:6" x14ac:dyDescent="0.25">
      <c r="A12326">
        <v>160.41</v>
      </c>
      <c r="B12326">
        <v>207.67</v>
      </c>
      <c r="C12326">
        <v>7981.8</v>
      </c>
      <c r="D12326">
        <v>2.2000000000000002</v>
      </c>
      <c r="E12326">
        <v>9766.83</v>
      </c>
      <c r="F12326">
        <v>48.799300000000002</v>
      </c>
    </row>
    <row r="12327" spans="1:6" x14ac:dyDescent="0.25">
      <c r="A12327">
        <v>160.41</v>
      </c>
      <c r="B12327">
        <v>207.67</v>
      </c>
      <c r="C12327">
        <v>7981.8</v>
      </c>
      <c r="D12327">
        <v>2.5</v>
      </c>
      <c r="E12327">
        <v>9496.14</v>
      </c>
      <c r="F12327">
        <v>48.241100000000003</v>
      </c>
    </row>
    <row r="12328" spans="1:6" x14ac:dyDescent="0.25">
      <c r="A12328">
        <v>160.41</v>
      </c>
      <c r="B12328">
        <v>207.67</v>
      </c>
      <c r="C12328">
        <v>7981.8</v>
      </c>
      <c r="D12328">
        <v>2.8</v>
      </c>
      <c r="E12328">
        <v>9310.67</v>
      </c>
      <c r="F12328">
        <v>38.1128</v>
      </c>
    </row>
    <row r="12329" spans="1:6" x14ac:dyDescent="0.25">
      <c r="A12329">
        <v>160.41</v>
      </c>
      <c r="B12329">
        <v>207.67</v>
      </c>
      <c r="C12329">
        <v>7981.8</v>
      </c>
      <c r="D12329">
        <v>3.1</v>
      </c>
      <c r="E12329">
        <v>9182.7999999999993</v>
      </c>
      <c r="F12329">
        <v>22.291599999999999</v>
      </c>
    </row>
    <row r="12330" spans="1:6" x14ac:dyDescent="0.25">
      <c r="A12330">
        <v>160.41</v>
      </c>
      <c r="B12330">
        <v>207.67</v>
      </c>
      <c r="C12330">
        <v>7981.8</v>
      </c>
      <c r="D12330">
        <v>3.4</v>
      </c>
      <c r="E12330">
        <v>9145.14</v>
      </c>
      <c r="F12330">
        <v>22.236699999999999</v>
      </c>
    </row>
    <row r="12331" spans="1:6" x14ac:dyDescent="0.25">
      <c r="A12331">
        <v>160.41</v>
      </c>
      <c r="B12331">
        <v>207.67</v>
      </c>
      <c r="C12331">
        <v>7981.8</v>
      </c>
      <c r="D12331">
        <v>3.7</v>
      </c>
      <c r="E12331">
        <v>9158.5</v>
      </c>
      <c r="F12331">
        <v>22.8964</v>
      </c>
    </row>
    <row r="12332" spans="1:6" x14ac:dyDescent="0.25">
      <c r="A12332">
        <v>160.41</v>
      </c>
      <c r="B12332">
        <v>207.67</v>
      </c>
      <c r="C12332">
        <v>7981.8</v>
      </c>
      <c r="D12332">
        <v>4</v>
      </c>
      <c r="E12332">
        <v>9059.19</v>
      </c>
      <c r="F12332">
        <v>23.463799999999999</v>
      </c>
    </row>
    <row r="12333" spans="1:6" x14ac:dyDescent="0.25">
      <c r="A12333">
        <v>160.41</v>
      </c>
      <c r="B12333">
        <v>207.67</v>
      </c>
      <c r="C12333">
        <v>9527.25</v>
      </c>
      <c r="D12333">
        <v>1</v>
      </c>
      <c r="E12333">
        <v>13055.6</v>
      </c>
      <c r="F12333">
        <v>37.7286</v>
      </c>
    </row>
    <row r="12334" spans="1:6" x14ac:dyDescent="0.25">
      <c r="A12334">
        <v>160.41</v>
      </c>
      <c r="B12334">
        <v>207.67</v>
      </c>
      <c r="C12334">
        <v>9527.25</v>
      </c>
      <c r="D12334">
        <v>1.3</v>
      </c>
      <c r="E12334">
        <v>12181.8</v>
      </c>
      <c r="F12334">
        <v>40.700099999999999</v>
      </c>
    </row>
    <row r="12335" spans="1:6" x14ac:dyDescent="0.25">
      <c r="A12335">
        <v>160.41</v>
      </c>
      <c r="B12335">
        <v>207.67</v>
      </c>
      <c r="C12335">
        <v>9527.25</v>
      </c>
      <c r="D12335">
        <v>1.6</v>
      </c>
      <c r="E12335">
        <v>11865.9</v>
      </c>
      <c r="F12335">
        <v>36.637099999999997</v>
      </c>
    </row>
    <row r="12336" spans="1:6" x14ac:dyDescent="0.25">
      <c r="A12336">
        <v>160.41</v>
      </c>
      <c r="B12336">
        <v>207.67</v>
      </c>
      <c r="C12336">
        <v>9527.25</v>
      </c>
      <c r="D12336">
        <v>1.9</v>
      </c>
      <c r="E12336">
        <v>11423.5</v>
      </c>
      <c r="F12336">
        <v>20.4754</v>
      </c>
    </row>
    <row r="12337" spans="1:6" x14ac:dyDescent="0.25">
      <c r="A12337">
        <v>160.41</v>
      </c>
      <c r="B12337">
        <v>207.67</v>
      </c>
      <c r="C12337">
        <v>9527.25</v>
      </c>
      <c r="D12337">
        <v>2.2000000000000002</v>
      </c>
      <c r="E12337">
        <v>11354.3</v>
      </c>
      <c r="F12337">
        <v>48.799300000000002</v>
      </c>
    </row>
    <row r="12338" spans="1:6" x14ac:dyDescent="0.25">
      <c r="A12338">
        <v>160.41</v>
      </c>
      <c r="B12338">
        <v>207.67</v>
      </c>
      <c r="C12338">
        <v>9527.25</v>
      </c>
      <c r="D12338">
        <v>2.5</v>
      </c>
      <c r="E12338">
        <v>10962.1</v>
      </c>
      <c r="F12338">
        <v>48.241100000000003</v>
      </c>
    </row>
    <row r="12339" spans="1:6" x14ac:dyDescent="0.25">
      <c r="A12339">
        <v>160.41</v>
      </c>
      <c r="B12339">
        <v>207.67</v>
      </c>
      <c r="C12339">
        <v>9527.25</v>
      </c>
      <c r="D12339">
        <v>2.8</v>
      </c>
      <c r="E12339">
        <v>10877.6</v>
      </c>
      <c r="F12339">
        <v>38.1128</v>
      </c>
    </row>
    <row r="12340" spans="1:6" x14ac:dyDescent="0.25">
      <c r="A12340">
        <v>160.41</v>
      </c>
      <c r="B12340">
        <v>207.67</v>
      </c>
      <c r="C12340">
        <v>9527.25</v>
      </c>
      <c r="D12340">
        <v>3.1</v>
      </c>
      <c r="E12340">
        <v>10744.5</v>
      </c>
      <c r="F12340">
        <v>22.291599999999999</v>
      </c>
    </row>
    <row r="12341" spans="1:6" x14ac:dyDescent="0.25">
      <c r="A12341">
        <v>160.41</v>
      </c>
      <c r="B12341">
        <v>207.67</v>
      </c>
      <c r="C12341">
        <v>9527.25</v>
      </c>
      <c r="D12341">
        <v>3.4</v>
      </c>
      <c r="E12341">
        <v>10735.5</v>
      </c>
      <c r="F12341">
        <v>22.236699999999999</v>
      </c>
    </row>
    <row r="12342" spans="1:6" x14ac:dyDescent="0.25">
      <c r="A12342">
        <v>160.41</v>
      </c>
      <c r="B12342">
        <v>207.67</v>
      </c>
      <c r="C12342">
        <v>9527.25</v>
      </c>
      <c r="D12342">
        <v>3.7</v>
      </c>
      <c r="E12342">
        <v>10652.6</v>
      </c>
      <c r="F12342">
        <v>22.8964</v>
      </c>
    </row>
    <row r="12343" spans="1:6" x14ac:dyDescent="0.25">
      <c r="A12343">
        <v>160.41</v>
      </c>
      <c r="B12343">
        <v>207.67</v>
      </c>
      <c r="C12343">
        <v>9527.25</v>
      </c>
      <c r="D12343">
        <v>4</v>
      </c>
      <c r="E12343">
        <v>10516.7</v>
      </c>
      <c r="F12343">
        <v>23.463799999999999</v>
      </c>
    </row>
    <row r="12344" spans="1:6" x14ac:dyDescent="0.25">
      <c r="A12344">
        <v>160.41</v>
      </c>
      <c r="B12344">
        <v>207.67</v>
      </c>
      <c r="C12344">
        <v>11072.7</v>
      </c>
      <c r="D12344">
        <v>1</v>
      </c>
      <c r="E12344">
        <v>14537.9</v>
      </c>
      <c r="F12344">
        <v>37.7286</v>
      </c>
    </row>
    <row r="12345" spans="1:6" x14ac:dyDescent="0.25">
      <c r="A12345">
        <v>160.41</v>
      </c>
      <c r="B12345">
        <v>207.67</v>
      </c>
      <c r="C12345">
        <v>11072.7</v>
      </c>
      <c r="D12345">
        <v>1.3</v>
      </c>
      <c r="E12345">
        <v>13626.4</v>
      </c>
      <c r="F12345">
        <v>40.700099999999999</v>
      </c>
    </row>
    <row r="12346" spans="1:6" x14ac:dyDescent="0.25">
      <c r="A12346">
        <v>160.41</v>
      </c>
      <c r="B12346">
        <v>207.67</v>
      </c>
      <c r="C12346">
        <v>11072.7</v>
      </c>
      <c r="D12346">
        <v>1.6</v>
      </c>
      <c r="E12346">
        <v>13365.7</v>
      </c>
      <c r="F12346">
        <v>36.637099999999997</v>
      </c>
    </row>
    <row r="12347" spans="1:6" x14ac:dyDescent="0.25">
      <c r="A12347">
        <v>160.41</v>
      </c>
      <c r="B12347">
        <v>207.67</v>
      </c>
      <c r="C12347">
        <v>11072.7</v>
      </c>
      <c r="D12347">
        <v>1.9</v>
      </c>
      <c r="E12347">
        <v>12872.2</v>
      </c>
      <c r="F12347">
        <v>20.4754</v>
      </c>
    </row>
    <row r="12348" spans="1:6" x14ac:dyDescent="0.25">
      <c r="A12348">
        <v>160.41</v>
      </c>
      <c r="B12348">
        <v>207.67</v>
      </c>
      <c r="C12348">
        <v>11072.7</v>
      </c>
      <c r="D12348">
        <v>2.2000000000000002</v>
      </c>
      <c r="E12348">
        <v>12827.4</v>
      </c>
      <c r="F12348">
        <v>48.799300000000002</v>
      </c>
    </row>
    <row r="12349" spans="1:6" x14ac:dyDescent="0.25">
      <c r="A12349">
        <v>160.41</v>
      </c>
      <c r="B12349">
        <v>207.67</v>
      </c>
      <c r="C12349">
        <v>11072.7</v>
      </c>
      <c r="D12349">
        <v>2.5</v>
      </c>
      <c r="E12349">
        <v>12582.1</v>
      </c>
      <c r="F12349">
        <v>48.241100000000003</v>
      </c>
    </row>
    <row r="12350" spans="1:6" x14ac:dyDescent="0.25">
      <c r="A12350">
        <v>160.41</v>
      </c>
      <c r="B12350">
        <v>207.67</v>
      </c>
      <c r="C12350">
        <v>11072.7</v>
      </c>
      <c r="D12350">
        <v>2.8</v>
      </c>
      <c r="E12350">
        <v>12400.9</v>
      </c>
      <c r="F12350">
        <v>38.1128</v>
      </c>
    </row>
    <row r="12351" spans="1:6" x14ac:dyDescent="0.25">
      <c r="A12351">
        <v>160.41</v>
      </c>
      <c r="B12351">
        <v>207.67</v>
      </c>
      <c r="C12351">
        <v>11072.7</v>
      </c>
      <c r="D12351">
        <v>3.1</v>
      </c>
      <c r="E12351">
        <v>12331.1</v>
      </c>
      <c r="F12351">
        <v>22.291599999999999</v>
      </c>
    </row>
    <row r="12352" spans="1:6" x14ac:dyDescent="0.25">
      <c r="A12352">
        <v>160.41</v>
      </c>
      <c r="B12352">
        <v>207.67</v>
      </c>
      <c r="C12352">
        <v>11072.7</v>
      </c>
      <c r="D12352">
        <v>3.4</v>
      </c>
      <c r="E12352">
        <v>12226.4</v>
      </c>
      <c r="F12352">
        <v>22.236699999999999</v>
      </c>
    </row>
    <row r="12353" spans="1:6" x14ac:dyDescent="0.25">
      <c r="A12353">
        <v>160.41</v>
      </c>
      <c r="B12353">
        <v>207.67</v>
      </c>
      <c r="C12353">
        <v>11072.7</v>
      </c>
      <c r="D12353">
        <v>3.7</v>
      </c>
      <c r="E12353">
        <v>12054.8</v>
      </c>
      <c r="F12353">
        <v>22.8964</v>
      </c>
    </row>
    <row r="12354" spans="1:6" x14ac:dyDescent="0.25">
      <c r="A12354">
        <v>160.41</v>
      </c>
      <c r="B12354">
        <v>207.67</v>
      </c>
      <c r="C12354">
        <v>11072.7</v>
      </c>
      <c r="D12354">
        <v>4</v>
      </c>
      <c r="E12354">
        <v>12008.8</v>
      </c>
      <c r="F12354">
        <v>23.463799999999999</v>
      </c>
    </row>
    <row r="12355" spans="1:6" x14ac:dyDescent="0.25">
      <c r="A12355">
        <v>160.41</v>
      </c>
      <c r="B12355">
        <v>207.67</v>
      </c>
      <c r="C12355">
        <v>12618.2</v>
      </c>
      <c r="D12355">
        <v>1</v>
      </c>
      <c r="E12355">
        <v>15920.6</v>
      </c>
      <c r="F12355">
        <v>37.7286</v>
      </c>
    </row>
    <row r="12356" spans="1:6" x14ac:dyDescent="0.25">
      <c r="A12356">
        <v>160.41</v>
      </c>
      <c r="B12356">
        <v>207.67</v>
      </c>
      <c r="C12356">
        <v>12618.2</v>
      </c>
      <c r="D12356">
        <v>1.3</v>
      </c>
      <c r="E12356">
        <v>15119.7</v>
      </c>
      <c r="F12356">
        <v>40.700099999999999</v>
      </c>
    </row>
    <row r="12357" spans="1:6" x14ac:dyDescent="0.25">
      <c r="A12357">
        <v>160.41</v>
      </c>
      <c r="B12357">
        <v>207.67</v>
      </c>
      <c r="C12357">
        <v>12618.2</v>
      </c>
      <c r="D12357">
        <v>1.6</v>
      </c>
      <c r="E12357">
        <v>14798.4</v>
      </c>
      <c r="F12357">
        <v>36.637099999999997</v>
      </c>
    </row>
    <row r="12358" spans="1:6" x14ac:dyDescent="0.25">
      <c r="A12358">
        <v>160.41</v>
      </c>
      <c r="B12358">
        <v>207.67</v>
      </c>
      <c r="C12358">
        <v>12618.2</v>
      </c>
      <c r="D12358">
        <v>1.9</v>
      </c>
      <c r="E12358">
        <v>14299.9</v>
      </c>
      <c r="F12358">
        <v>20.4754</v>
      </c>
    </row>
    <row r="12359" spans="1:6" x14ac:dyDescent="0.25">
      <c r="A12359">
        <v>160.41</v>
      </c>
      <c r="B12359">
        <v>207.67</v>
      </c>
      <c r="C12359">
        <v>12618.2</v>
      </c>
      <c r="D12359">
        <v>2.2000000000000002</v>
      </c>
      <c r="E12359">
        <v>14232.9</v>
      </c>
      <c r="F12359">
        <v>48.799300000000002</v>
      </c>
    </row>
    <row r="12360" spans="1:6" x14ac:dyDescent="0.25">
      <c r="A12360">
        <v>160.41</v>
      </c>
      <c r="B12360">
        <v>207.67</v>
      </c>
      <c r="C12360">
        <v>12618.2</v>
      </c>
      <c r="D12360">
        <v>2.5</v>
      </c>
      <c r="E12360">
        <v>14119.8</v>
      </c>
      <c r="F12360">
        <v>48.241100000000003</v>
      </c>
    </row>
    <row r="12361" spans="1:6" x14ac:dyDescent="0.25">
      <c r="A12361">
        <v>160.41</v>
      </c>
      <c r="B12361">
        <v>207.67</v>
      </c>
      <c r="C12361">
        <v>12618.2</v>
      </c>
      <c r="D12361">
        <v>2.8</v>
      </c>
      <c r="E12361">
        <v>13882.6</v>
      </c>
      <c r="F12361">
        <v>38.1128</v>
      </c>
    </row>
    <row r="12362" spans="1:6" x14ac:dyDescent="0.25">
      <c r="A12362">
        <v>160.41</v>
      </c>
      <c r="B12362">
        <v>207.67</v>
      </c>
      <c r="C12362">
        <v>12618.2</v>
      </c>
      <c r="D12362">
        <v>3.1</v>
      </c>
      <c r="E12362">
        <v>13779.9</v>
      </c>
      <c r="F12362">
        <v>22.291599999999999</v>
      </c>
    </row>
    <row r="12363" spans="1:6" x14ac:dyDescent="0.25">
      <c r="A12363">
        <v>160.41</v>
      </c>
      <c r="B12363">
        <v>207.67</v>
      </c>
      <c r="C12363">
        <v>12618.2</v>
      </c>
      <c r="D12363">
        <v>3.4</v>
      </c>
      <c r="E12363">
        <v>13713.6</v>
      </c>
      <c r="F12363">
        <v>22.236699999999999</v>
      </c>
    </row>
    <row r="12364" spans="1:6" x14ac:dyDescent="0.25">
      <c r="A12364">
        <v>160.41</v>
      </c>
      <c r="B12364">
        <v>207.67</v>
      </c>
      <c r="C12364">
        <v>12618.2</v>
      </c>
      <c r="D12364">
        <v>3.7</v>
      </c>
      <c r="E12364">
        <v>13590.3</v>
      </c>
      <c r="F12364">
        <v>22.8964</v>
      </c>
    </row>
    <row r="12365" spans="1:6" x14ac:dyDescent="0.25">
      <c r="A12365">
        <v>160.41</v>
      </c>
      <c r="B12365">
        <v>207.67</v>
      </c>
      <c r="C12365">
        <v>12618.2</v>
      </c>
      <c r="D12365">
        <v>4</v>
      </c>
      <c r="E12365">
        <v>13565.4</v>
      </c>
      <c r="F12365">
        <v>23.463799999999999</v>
      </c>
    </row>
    <row r="12366" spans="1:6" x14ac:dyDescent="0.25">
      <c r="A12366">
        <v>160.41</v>
      </c>
      <c r="B12366">
        <v>207.67</v>
      </c>
      <c r="C12366">
        <v>14163.6</v>
      </c>
      <c r="D12366">
        <v>1</v>
      </c>
      <c r="E12366">
        <v>16312.8</v>
      </c>
      <c r="F12366">
        <v>37.7286</v>
      </c>
    </row>
    <row r="12367" spans="1:6" x14ac:dyDescent="0.25">
      <c r="A12367">
        <v>160.41</v>
      </c>
      <c r="B12367">
        <v>207.67</v>
      </c>
      <c r="C12367">
        <v>14163.6</v>
      </c>
      <c r="D12367">
        <v>1.3</v>
      </c>
      <c r="E12367">
        <v>15925.1</v>
      </c>
      <c r="F12367">
        <v>40.700099999999999</v>
      </c>
    </row>
    <row r="12368" spans="1:6" x14ac:dyDescent="0.25">
      <c r="A12368">
        <v>160.41</v>
      </c>
      <c r="B12368">
        <v>207.67</v>
      </c>
      <c r="C12368">
        <v>14163.6</v>
      </c>
      <c r="D12368">
        <v>1.6</v>
      </c>
      <c r="E12368">
        <v>15672.5</v>
      </c>
      <c r="F12368">
        <v>36.637099999999997</v>
      </c>
    </row>
    <row r="12369" spans="1:6" x14ac:dyDescent="0.25">
      <c r="A12369">
        <v>160.41</v>
      </c>
      <c r="B12369">
        <v>207.67</v>
      </c>
      <c r="C12369">
        <v>14163.6</v>
      </c>
      <c r="D12369">
        <v>1.9</v>
      </c>
      <c r="E12369">
        <v>15552.6</v>
      </c>
      <c r="F12369">
        <v>20.4754</v>
      </c>
    </row>
    <row r="12370" spans="1:6" x14ac:dyDescent="0.25">
      <c r="A12370">
        <v>160.41</v>
      </c>
      <c r="B12370">
        <v>207.67</v>
      </c>
      <c r="C12370">
        <v>14163.6</v>
      </c>
      <c r="D12370">
        <v>2.2000000000000002</v>
      </c>
      <c r="E12370">
        <v>15453.9</v>
      </c>
      <c r="F12370">
        <v>48.799300000000002</v>
      </c>
    </row>
    <row r="12371" spans="1:6" x14ac:dyDescent="0.25">
      <c r="A12371">
        <v>160.41</v>
      </c>
      <c r="B12371">
        <v>207.67</v>
      </c>
      <c r="C12371">
        <v>14163.6</v>
      </c>
      <c r="D12371">
        <v>2.5</v>
      </c>
      <c r="E12371">
        <v>15174</v>
      </c>
      <c r="F12371">
        <v>48.241100000000003</v>
      </c>
    </row>
    <row r="12372" spans="1:6" x14ac:dyDescent="0.25">
      <c r="A12372">
        <v>160.41</v>
      </c>
      <c r="B12372">
        <v>207.67</v>
      </c>
      <c r="C12372">
        <v>14163.6</v>
      </c>
      <c r="D12372">
        <v>2.8</v>
      </c>
      <c r="E12372">
        <v>15072.3</v>
      </c>
      <c r="F12372">
        <v>38.1128</v>
      </c>
    </row>
    <row r="12373" spans="1:6" x14ac:dyDescent="0.25">
      <c r="A12373">
        <v>160.41</v>
      </c>
      <c r="B12373">
        <v>207.67</v>
      </c>
      <c r="C12373">
        <v>14163.6</v>
      </c>
      <c r="D12373">
        <v>3.1</v>
      </c>
      <c r="E12373">
        <v>14751.6</v>
      </c>
      <c r="F12373">
        <v>22.291599999999999</v>
      </c>
    </row>
    <row r="12374" spans="1:6" x14ac:dyDescent="0.25">
      <c r="A12374">
        <v>160.41</v>
      </c>
      <c r="B12374">
        <v>207.67</v>
      </c>
      <c r="C12374">
        <v>14163.6</v>
      </c>
      <c r="D12374">
        <v>3.4</v>
      </c>
      <c r="E12374">
        <v>14979.5</v>
      </c>
      <c r="F12374">
        <v>22.236699999999999</v>
      </c>
    </row>
    <row r="12375" spans="1:6" x14ac:dyDescent="0.25">
      <c r="A12375">
        <v>160.41</v>
      </c>
      <c r="B12375">
        <v>207.67</v>
      </c>
      <c r="C12375">
        <v>14163.6</v>
      </c>
      <c r="D12375">
        <v>3.7</v>
      </c>
      <c r="E12375">
        <v>14787.8</v>
      </c>
      <c r="F12375">
        <v>22.8964</v>
      </c>
    </row>
    <row r="12376" spans="1:6" x14ac:dyDescent="0.25">
      <c r="A12376">
        <v>160.41</v>
      </c>
      <c r="B12376">
        <v>207.67</v>
      </c>
      <c r="C12376">
        <v>14163.6</v>
      </c>
      <c r="D12376">
        <v>4</v>
      </c>
      <c r="E12376">
        <v>14783.8</v>
      </c>
      <c r="F12376">
        <v>23.463799999999999</v>
      </c>
    </row>
    <row r="12377" spans="1:6" x14ac:dyDescent="0.25">
      <c r="A12377">
        <v>160.41</v>
      </c>
      <c r="B12377">
        <v>207.67</v>
      </c>
      <c r="C12377">
        <v>15709.1</v>
      </c>
      <c r="D12377">
        <v>1</v>
      </c>
      <c r="E12377">
        <v>17665.2</v>
      </c>
      <c r="F12377">
        <v>37.7286</v>
      </c>
    </row>
    <row r="12378" spans="1:6" x14ac:dyDescent="0.25">
      <c r="A12378">
        <v>160.41</v>
      </c>
      <c r="B12378">
        <v>207.67</v>
      </c>
      <c r="C12378">
        <v>15709.1</v>
      </c>
      <c r="D12378">
        <v>1.3</v>
      </c>
      <c r="E12378">
        <v>15925.1</v>
      </c>
      <c r="F12378">
        <v>40.700099999999999</v>
      </c>
    </row>
    <row r="12379" spans="1:6" x14ac:dyDescent="0.25">
      <c r="A12379">
        <v>160.41</v>
      </c>
      <c r="B12379">
        <v>207.67</v>
      </c>
      <c r="C12379">
        <v>15709.1</v>
      </c>
      <c r="D12379">
        <v>1.6</v>
      </c>
      <c r="E12379">
        <v>16549.400000000001</v>
      </c>
      <c r="F12379">
        <v>36.637099999999997</v>
      </c>
    </row>
    <row r="12380" spans="1:6" x14ac:dyDescent="0.25">
      <c r="A12380">
        <v>160.41</v>
      </c>
      <c r="B12380">
        <v>207.67</v>
      </c>
      <c r="C12380">
        <v>15709.1</v>
      </c>
      <c r="D12380">
        <v>1.9</v>
      </c>
      <c r="E12380">
        <v>15552.6</v>
      </c>
      <c r="F12380">
        <v>20.4754</v>
      </c>
    </row>
    <row r="12381" spans="1:6" x14ac:dyDescent="0.25">
      <c r="A12381">
        <v>160.41</v>
      </c>
      <c r="B12381">
        <v>207.67</v>
      </c>
      <c r="C12381">
        <v>15709.1</v>
      </c>
      <c r="D12381">
        <v>2.2000000000000002</v>
      </c>
      <c r="E12381">
        <v>16632.2</v>
      </c>
      <c r="F12381">
        <v>48.799300000000002</v>
      </c>
    </row>
    <row r="12382" spans="1:6" x14ac:dyDescent="0.25">
      <c r="A12382">
        <v>160.41</v>
      </c>
      <c r="B12382">
        <v>207.67</v>
      </c>
      <c r="C12382">
        <v>15709.1</v>
      </c>
      <c r="D12382">
        <v>2.5</v>
      </c>
      <c r="E12382">
        <v>15740.1</v>
      </c>
      <c r="F12382">
        <v>48.241100000000003</v>
      </c>
    </row>
    <row r="12383" spans="1:6" x14ac:dyDescent="0.25">
      <c r="A12383">
        <v>160.41</v>
      </c>
      <c r="B12383">
        <v>207.67</v>
      </c>
      <c r="C12383">
        <v>15709.1</v>
      </c>
      <c r="D12383">
        <v>2.8</v>
      </c>
      <c r="E12383">
        <v>15690.5</v>
      </c>
      <c r="F12383">
        <v>38.1128</v>
      </c>
    </row>
    <row r="12384" spans="1:6" x14ac:dyDescent="0.25">
      <c r="A12384">
        <v>160.41</v>
      </c>
      <c r="B12384">
        <v>207.67</v>
      </c>
      <c r="C12384">
        <v>15709.1</v>
      </c>
      <c r="D12384">
        <v>3.1</v>
      </c>
      <c r="E12384">
        <v>16383.8</v>
      </c>
      <c r="F12384">
        <v>22.291599999999999</v>
      </c>
    </row>
    <row r="12385" spans="1:6" x14ac:dyDescent="0.25">
      <c r="A12385">
        <v>160.41</v>
      </c>
      <c r="B12385">
        <v>207.67</v>
      </c>
      <c r="C12385">
        <v>15709.1</v>
      </c>
      <c r="D12385">
        <v>3.4</v>
      </c>
      <c r="E12385">
        <v>15056.3</v>
      </c>
      <c r="F12385">
        <v>22.236699999999999</v>
      </c>
    </row>
    <row r="12386" spans="1:6" x14ac:dyDescent="0.25">
      <c r="A12386">
        <v>160.41</v>
      </c>
      <c r="B12386">
        <v>207.67</v>
      </c>
      <c r="C12386">
        <v>15709.1</v>
      </c>
      <c r="D12386">
        <v>3.7</v>
      </c>
      <c r="E12386">
        <v>14787.8</v>
      </c>
      <c r="F12386">
        <v>22.8964</v>
      </c>
    </row>
    <row r="12387" spans="1:6" x14ac:dyDescent="0.25">
      <c r="A12387">
        <v>160.41</v>
      </c>
      <c r="B12387">
        <v>207.67</v>
      </c>
      <c r="C12387">
        <v>15709.1</v>
      </c>
      <c r="D12387">
        <v>4</v>
      </c>
      <c r="E12387">
        <v>14783.8</v>
      </c>
      <c r="F12387">
        <v>23.463799999999999</v>
      </c>
    </row>
    <row r="12388" spans="1:6" x14ac:dyDescent="0.25">
      <c r="A12388">
        <v>160.41</v>
      </c>
      <c r="B12388">
        <v>207.67</v>
      </c>
      <c r="C12388">
        <v>17254.5</v>
      </c>
      <c r="D12388">
        <v>1</v>
      </c>
      <c r="E12388">
        <v>17665.2</v>
      </c>
      <c r="F12388">
        <v>37.7286</v>
      </c>
    </row>
    <row r="12389" spans="1:6" x14ac:dyDescent="0.25">
      <c r="A12389">
        <v>160.41</v>
      </c>
      <c r="B12389">
        <v>207.67</v>
      </c>
      <c r="C12389">
        <v>17254.5</v>
      </c>
      <c r="D12389">
        <v>1.3</v>
      </c>
      <c r="E12389">
        <v>15925.1</v>
      </c>
      <c r="F12389">
        <v>40.700099999999999</v>
      </c>
    </row>
    <row r="12390" spans="1:6" x14ac:dyDescent="0.25">
      <c r="A12390">
        <v>160.41</v>
      </c>
      <c r="B12390">
        <v>207.67</v>
      </c>
      <c r="C12390">
        <v>17254.5</v>
      </c>
      <c r="D12390">
        <v>1.6</v>
      </c>
      <c r="E12390">
        <v>16549.400000000001</v>
      </c>
      <c r="F12390">
        <v>36.637099999999997</v>
      </c>
    </row>
    <row r="12391" spans="1:6" x14ac:dyDescent="0.25">
      <c r="A12391">
        <v>160.41</v>
      </c>
      <c r="B12391">
        <v>207.67</v>
      </c>
      <c r="C12391">
        <v>17254.5</v>
      </c>
      <c r="D12391">
        <v>1.9</v>
      </c>
      <c r="E12391">
        <v>15552.6</v>
      </c>
      <c r="F12391">
        <v>20.4754</v>
      </c>
    </row>
    <row r="12392" spans="1:6" x14ac:dyDescent="0.25">
      <c r="A12392">
        <v>160.41</v>
      </c>
      <c r="B12392">
        <v>207.67</v>
      </c>
      <c r="C12392">
        <v>17254.5</v>
      </c>
      <c r="D12392">
        <v>2.2000000000000002</v>
      </c>
      <c r="E12392">
        <v>16632.2</v>
      </c>
      <c r="F12392">
        <v>48.799300000000002</v>
      </c>
    </row>
    <row r="12393" spans="1:6" x14ac:dyDescent="0.25">
      <c r="A12393">
        <v>160.41</v>
      </c>
      <c r="B12393">
        <v>207.67</v>
      </c>
      <c r="C12393">
        <v>17254.5</v>
      </c>
      <c r="D12393">
        <v>2.5</v>
      </c>
      <c r="E12393">
        <v>17079</v>
      </c>
      <c r="F12393">
        <v>48.241100000000003</v>
      </c>
    </row>
    <row r="12394" spans="1:6" x14ac:dyDescent="0.25">
      <c r="A12394">
        <v>160.41</v>
      </c>
      <c r="B12394">
        <v>207.67</v>
      </c>
      <c r="C12394">
        <v>17254.5</v>
      </c>
      <c r="D12394">
        <v>2.8</v>
      </c>
      <c r="E12394">
        <v>15690.5</v>
      </c>
      <c r="F12394">
        <v>38.1128</v>
      </c>
    </row>
    <row r="12395" spans="1:6" x14ac:dyDescent="0.25">
      <c r="A12395">
        <v>160.41</v>
      </c>
      <c r="B12395">
        <v>207.67</v>
      </c>
      <c r="C12395">
        <v>17254.5</v>
      </c>
      <c r="D12395">
        <v>3.1</v>
      </c>
      <c r="E12395">
        <v>16383.8</v>
      </c>
      <c r="F12395">
        <v>22.291599999999999</v>
      </c>
    </row>
    <row r="12396" spans="1:6" x14ac:dyDescent="0.25">
      <c r="A12396">
        <v>160.41</v>
      </c>
      <c r="B12396">
        <v>207.67</v>
      </c>
      <c r="C12396">
        <v>17254.5</v>
      </c>
      <c r="D12396">
        <v>3.4</v>
      </c>
      <c r="E12396">
        <v>15056.3</v>
      </c>
      <c r="F12396">
        <v>22.236699999999999</v>
      </c>
    </row>
    <row r="12397" spans="1:6" x14ac:dyDescent="0.25">
      <c r="A12397">
        <v>160.41</v>
      </c>
      <c r="B12397">
        <v>207.67</v>
      </c>
      <c r="C12397">
        <v>17254.5</v>
      </c>
      <c r="D12397">
        <v>3.7</v>
      </c>
      <c r="E12397">
        <v>14787.8</v>
      </c>
      <c r="F12397">
        <v>22.8964</v>
      </c>
    </row>
    <row r="12398" spans="1:6" x14ac:dyDescent="0.25">
      <c r="A12398">
        <v>160.41</v>
      </c>
      <c r="B12398">
        <v>207.67</v>
      </c>
      <c r="C12398">
        <v>17254.5</v>
      </c>
      <c r="D12398">
        <v>4</v>
      </c>
      <c r="E12398">
        <v>14783.8</v>
      </c>
      <c r="F12398">
        <v>23.463799999999999</v>
      </c>
    </row>
    <row r="12399" spans="1:6" x14ac:dyDescent="0.25">
      <c r="A12399">
        <v>160.41</v>
      </c>
      <c r="B12399">
        <v>207.67</v>
      </c>
      <c r="C12399">
        <v>18800</v>
      </c>
      <c r="D12399">
        <v>1</v>
      </c>
      <c r="E12399">
        <v>17665.2</v>
      </c>
      <c r="F12399">
        <v>37.7286</v>
      </c>
    </row>
    <row r="12400" spans="1:6" x14ac:dyDescent="0.25">
      <c r="A12400">
        <v>160.41</v>
      </c>
      <c r="B12400">
        <v>207.67</v>
      </c>
      <c r="C12400">
        <v>18800</v>
      </c>
      <c r="D12400">
        <v>1.3</v>
      </c>
      <c r="E12400">
        <v>15925.1</v>
      </c>
      <c r="F12400">
        <v>40.700099999999999</v>
      </c>
    </row>
    <row r="12401" spans="1:6" x14ac:dyDescent="0.25">
      <c r="A12401">
        <v>160.41</v>
      </c>
      <c r="B12401">
        <v>207.67</v>
      </c>
      <c r="C12401">
        <v>18800</v>
      </c>
      <c r="D12401">
        <v>1.6</v>
      </c>
      <c r="E12401">
        <v>16549.400000000001</v>
      </c>
      <c r="F12401">
        <v>36.637099999999997</v>
      </c>
    </row>
    <row r="12402" spans="1:6" x14ac:dyDescent="0.25">
      <c r="A12402">
        <v>160.41</v>
      </c>
      <c r="B12402">
        <v>207.67</v>
      </c>
      <c r="C12402">
        <v>18800</v>
      </c>
      <c r="D12402">
        <v>1.9</v>
      </c>
      <c r="E12402">
        <v>15552.6</v>
      </c>
      <c r="F12402">
        <v>20.4754</v>
      </c>
    </row>
    <row r="12403" spans="1:6" x14ac:dyDescent="0.25">
      <c r="A12403">
        <v>160.41</v>
      </c>
      <c r="B12403">
        <v>207.67</v>
      </c>
      <c r="C12403">
        <v>18800</v>
      </c>
      <c r="D12403">
        <v>2.2000000000000002</v>
      </c>
      <c r="E12403">
        <v>16632.2</v>
      </c>
      <c r="F12403">
        <v>48.799300000000002</v>
      </c>
    </row>
    <row r="12404" spans="1:6" x14ac:dyDescent="0.25">
      <c r="A12404">
        <v>160.41</v>
      </c>
      <c r="B12404">
        <v>207.67</v>
      </c>
      <c r="C12404">
        <v>18800</v>
      </c>
      <c r="D12404">
        <v>2.5</v>
      </c>
      <c r="E12404">
        <v>17079</v>
      </c>
      <c r="F12404">
        <v>48.241100000000003</v>
      </c>
    </row>
    <row r="12405" spans="1:6" x14ac:dyDescent="0.25">
      <c r="A12405">
        <v>160.41</v>
      </c>
      <c r="B12405">
        <v>207.67</v>
      </c>
      <c r="C12405">
        <v>18800</v>
      </c>
      <c r="D12405">
        <v>2.8</v>
      </c>
      <c r="E12405">
        <v>15690.5</v>
      </c>
      <c r="F12405">
        <v>38.1128</v>
      </c>
    </row>
    <row r="12406" spans="1:6" x14ac:dyDescent="0.25">
      <c r="A12406">
        <v>160.41</v>
      </c>
      <c r="B12406">
        <v>207.67</v>
      </c>
      <c r="C12406">
        <v>18800</v>
      </c>
      <c r="D12406">
        <v>3.1</v>
      </c>
      <c r="E12406">
        <v>16383.8</v>
      </c>
      <c r="F12406">
        <v>22.291599999999999</v>
      </c>
    </row>
    <row r="12407" spans="1:6" x14ac:dyDescent="0.25">
      <c r="A12407">
        <v>160.41</v>
      </c>
      <c r="B12407">
        <v>207.67</v>
      </c>
      <c r="C12407">
        <v>18800</v>
      </c>
      <c r="D12407">
        <v>3.4</v>
      </c>
      <c r="E12407">
        <v>15056.3</v>
      </c>
      <c r="F12407">
        <v>22.236699999999999</v>
      </c>
    </row>
    <row r="12408" spans="1:6" x14ac:dyDescent="0.25">
      <c r="A12408">
        <v>160.41</v>
      </c>
      <c r="B12408">
        <v>207.67</v>
      </c>
      <c r="C12408">
        <v>18800</v>
      </c>
      <c r="D12408">
        <v>3.7</v>
      </c>
      <c r="E12408">
        <v>14787.8</v>
      </c>
      <c r="F12408">
        <v>22.8964</v>
      </c>
    </row>
    <row r="12409" spans="1:6" x14ac:dyDescent="0.25">
      <c r="A12409">
        <v>160.41</v>
      </c>
      <c r="B12409">
        <v>207.67</v>
      </c>
      <c r="C12409">
        <v>18800</v>
      </c>
      <c r="D12409">
        <v>4</v>
      </c>
      <c r="E12409">
        <v>14783.8</v>
      </c>
      <c r="F12409">
        <v>23.463799999999999</v>
      </c>
    </row>
    <row r="12410" spans="1:6" x14ac:dyDescent="0.25">
      <c r="A12410">
        <v>160.41</v>
      </c>
      <c r="B12410">
        <v>211.3</v>
      </c>
      <c r="C12410">
        <v>1800</v>
      </c>
      <c r="D12410">
        <v>1</v>
      </c>
      <c r="E12410">
        <v>5495.24</v>
      </c>
      <c r="F12410">
        <v>34.501300000000001</v>
      </c>
    </row>
    <row r="12411" spans="1:6" x14ac:dyDescent="0.25">
      <c r="A12411">
        <v>160.41</v>
      </c>
      <c r="B12411">
        <v>211.3</v>
      </c>
      <c r="C12411">
        <v>1800</v>
      </c>
      <c r="D12411">
        <v>1.3</v>
      </c>
      <c r="E12411">
        <v>4902.33</v>
      </c>
      <c r="F12411">
        <v>39.780700000000003</v>
      </c>
    </row>
    <row r="12412" spans="1:6" x14ac:dyDescent="0.25">
      <c r="A12412">
        <v>160.41</v>
      </c>
      <c r="B12412">
        <v>211.3</v>
      </c>
      <c r="C12412">
        <v>1800</v>
      </c>
      <c r="D12412">
        <v>1.6</v>
      </c>
      <c r="E12412">
        <v>4318.16</v>
      </c>
      <c r="F12412">
        <v>48.336500000000001</v>
      </c>
    </row>
    <row r="12413" spans="1:6" x14ac:dyDescent="0.25">
      <c r="A12413">
        <v>160.41</v>
      </c>
      <c r="B12413">
        <v>211.3</v>
      </c>
      <c r="C12413">
        <v>1800</v>
      </c>
      <c r="D12413">
        <v>1.9</v>
      </c>
      <c r="E12413">
        <v>4156.17</v>
      </c>
      <c r="F12413">
        <v>51.853499999999997</v>
      </c>
    </row>
    <row r="12414" spans="1:6" x14ac:dyDescent="0.25">
      <c r="A12414">
        <v>160.41</v>
      </c>
      <c r="B12414">
        <v>211.3</v>
      </c>
      <c r="C12414">
        <v>1800</v>
      </c>
      <c r="D12414">
        <v>2.2000000000000002</v>
      </c>
      <c r="E12414">
        <v>3892.16</v>
      </c>
      <c r="F12414">
        <v>54.764400000000002</v>
      </c>
    </row>
    <row r="12415" spans="1:6" x14ac:dyDescent="0.25">
      <c r="A12415">
        <v>160.41</v>
      </c>
      <c r="B12415">
        <v>211.3</v>
      </c>
      <c r="C12415">
        <v>1800</v>
      </c>
      <c r="D12415">
        <v>2.5</v>
      </c>
      <c r="E12415">
        <v>3658.47</v>
      </c>
      <c r="F12415">
        <v>57.656599999999997</v>
      </c>
    </row>
    <row r="12416" spans="1:6" x14ac:dyDescent="0.25">
      <c r="A12416">
        <v>160.41</v>
      </c>
      <c r="B12416">
        <v>211.3</v>
      </c>
      <c r="C12416">
        <v>1800</v>
      </c>
      <c r="D12416">
        <v>2.8</v>
      </c>
      <c r="E12416">
        <v>3532.77</v>
      </c>
      <c r="F12416">
        <v>60.075299999999999</v>
      </c>
    </row>
    <row r="12417" spans="1:6" x14ac:dyDescent="0.25">
      <c r="A12417">
        <v>160.41</v>
      </c>
      <c r="B12417">
        <v>211.3</v>
      </c>
      <c r="C12417">
        <v>1800</v>
      </c>
      <c r="D12417">
        <v>3.1</v>
      </c>
      <c r="E12417">
        <v>3451.52</v>
      </c>
      <c r="F12417">
        <v>62.4176</v>
      </c>
    </row>
    <row r="12418" spans="1:6" x14ac:dyDescent="0.25">
      <c r="A12418">
        <v>160.41</v>
      </c>
      <c r="B12418">
        <v>211.3</v>
      </c>
      <c r="C12418">
        <v>1800</v>
      </c>
      <c r="D12418">
        <v>3.4</v>
      </c>
      <c r="E12418">
        <v>3368.12</v>
      </c>
      <c r="F12418">
        <v>61.335500000000003</v>
      </c>
    </row>
    <row r="12419" spans="1:6" x14ac:dyDescent="0.25">
      <c r="A12419">
        <v>160.41</v>
      </c>
      <c r="B12419">
        <v>211.3</v>
      </c>
      <c r="C12419">
        <v>1800</v>
      </c>
      <c r="D12419">
        <v>3.7</v>
      </c>
      <c r="E12419">
        <v>3255.3</v>
      </c>
      <c r="F12419">
        <v>64.847899999999996</v>
      </c>
    </row>
    <row r="12420" spans="1:6" x14ac:dyDescent="0.25">
      <c r="A12420">
        <v>160.41</v>
      </c>
      <c r="B12420">
        <v>211.3</v>
      </c>
      <c r="C12420">
        <v>1800</v>
      </c>
      <c r="D12420">
        <v>4</v>
      </c>
      <c r="E12420">
        <v>3168.03</v>
      </c>
      <c r="F12420">
        <v>66.729600000000005</v>
      </c>
    </row>
    <row r="12421" spans="1:6" x14ac:dyDescent="0.25">
      <c r="A12421">
        <v>160.41</v>
      </c>
      <c r="B12421">
        <v>211.3</v>
      </c>
      <c r="C12421">
        <v>3345.45</v>
      </c>
      <c r="D12421">
        <v>1</v>
      </c>
      <c r="E12421">
        <v>6911.55</v>
      </c>
      <c r="F12421">
        <v>37.7286</v>
      </c>
    </row>
    <row r="12422" spans="1:6" x14ac:dyDescent="0.25">
      <c r="A12422">
        <v>160.41</v>
      </c>
      <c r="B12422">
        <v>211.3</v>
      </c>
      <c r="C12422">
        <v>3345.45</v>
      </c>
      <c r="D12422">
        <v>1.3</v>
      </c>
      <c r="E12422">
        <v>6198.66</v>
      </c>
      <c r="F12422">
        <v>40.700099999999999</v>
      </c>
    </row>
    <row r="12423" spans="1:6" x14ac:dyDescent="0.25">
      <c r="A12423">
        <v>160.41</v>
      </c>
      <c r="B12423">
        <v>211.3</v>
      </c>
      <c r="C12423">
        <v>3345.45</v>
      </c>
      <c r="D12423">
        <v>1.6</v>
      </c>
      <c r="E12423">
        <v>5648.48</v>
      </c>
      <c r="F12423">
        <v>36.637099999999997</v>
      </c>
    </row>
    <row r="12424" spans="1:6" x14ac:dyDescent="0.25">
      <c r="A12424">
        <v>160.41</v>
      </c>
      <c r="B12424">
        <v>211.3</v>
      </c>
      <c r="C12424">
        <v>3345.45</v>
      </c>
      <c r="D12424">
        <v>1.9</v>
      </c>
      <c r="E12424">
        <v>5397.31</v>
      </c>
      <c r="F12424">
        <v>20.4754</v>
      </c>
    </row>
    <row r="12425" spans="1:6" x14ac:dyDescent="0.25">
      <c r="A12425">
        <v>160.41</v>
      </c>
      <c r="B12425">
        <v>211.3</v>
      </c>
      <c r="C12425">
        <v>3345.45</v>
      </c>
      <c r="D12425">
        <v>2.2000000000000002</v>
      </c>
      <c r="E12425">
        <v>5056.1099999999997</v>
      </c>
      <c r="F12425">
        <v>48.799300000000002</v>
      </c>
    </row>
    <row r="12426" spans="1:6" x14ac:dyDescent="0.25">
      <c r="A12426">
        <v>160.41</v>
      </c>
      <c r="B12426">
        <v>211.3</v>
      </c>
      <c r="C12426">
        <v>3345.45</v>
      </c>
      <c r="D12426">
        <v>2.5</v>
      </c>
      <c r="E12426">
        <v>5061.54</v>
      </c>
      <c r="F12426">
        <v>48.241100000000003</v>
      </c>
    </row>
    <row r="12427" spans="1:6" x14ac:dyDescent="0.25">
      <c r="A12427">
        <v>160.41</v>
      </c>
      <c r="B12427">
        <v>211.3</v>
      </c>
      <c r="C12427">
        <v>3345.45</v>
      </c>
      <c r="D12427">
        <v>2.8</v>
      </c>
      <c r="E12427">
        <v>4837.7700000000004</v>
      </c>
      <c r="F12427">
        <v>38.1128</v>
      </c>
    </row>
    <row r="12428" spans="1:6" x14ac:dyDescent="0.25">
      <c r="A12428">
        <v>160.41</v>
      </c>
      <c r="B12428">
        <v>211.3</v>
      </c>
      <c r="C12428">
        <v>3345.45</v>
      </c>
      <c r="D12428">
        <v>3.1</v>
      </c>
      <c r="E12428">
        <v>4797.33</v>
      </c>
      <c r="F12428">
        <v>22.291599999999999</v>
      </c>
    </row>
    <row r="12429" spans="1:6" x14ac:dyDescent="0.25">
      <c r="A12429">
        <v>160.41</v>
      </c>
      <c r="B12429">
        <v>211.3</v>
      </c>
      <c r="C12429">
        <v>3345.45</v>
      </c>
      <c r="D12429">
        <v>3.4</v>
      </c>
      <c r="E12429">
        <v>4668.08</v>
      </c>
      <c r="F12429">
        <v>22.236699999999999</v>
      </c>
    </row>
    <row r="12430" spans="1:6" x14ac:dyDescent="0.25">
      <c r="A12430">
        <v>160.41</v>
      </c>
      <c r="B12430">
        <v>211.3</v>
      </c>
      <c r="C12430">
        <v>3345.45</v>
      </c>
      <c r="D12430">
        <v>3.7</v>
      </c>
      <c r="E12430">
        <v>4499.47</v>
      </c>
      <c r="F12430">
        <v>22.8964</v>
      </c>
    </row>
    <row r="12431" spans="1:6" x14ac:dyDescent="0.25">
      <c r="A12431">
        <v>160.41</v>
      </c>
      <c r="B12431">
        <v>211.3</v>
      </c>
      <c r="C12431">
        <v>3345.45</v>
      </c>
      <c r="D12431">
        <v>4</v>
      </c>
      <c r="E12431">
        <v>4543.5</v>
      </c>
      <c r="F12431">
        <v>23.463799999999999</v>
      </c>
    </row>
    <row r="12432" spans="1:6" x14ac:dyDescent="0.25">
      <c r="A12432">
        <v>160.41</v>
      </c>
      <c r="B12432">
        <v>211.3</v>
      </c>
      <c r="C12432">
        <v>4890.8999999999996</v>
      </c>
      <c r="D12432">
        <v>1</v>
      </c>
      <c r="E12432">
        <v>8612.16</v>
      </c>
      <c r="F12432">
        <v>37.7286</v>
      </c>
    </row>
    <row r="12433" spans="1:6" x14ac:dyDescent="0.25">
      <c r="A12433">
        <v>160.41</v>
      </c>
      <c r="B12433">
        <v>211.3</v>
      </c>
      <c r="C12433">
        <v>4890.8999999999996</v>
      </c>
      <c r="D12433">
        <v>1.3</v>
      </c>
      <c r="E12433">
        <v>7648.66</v>
      </c>
      <c r="F12433">
        <v>40.700099999999999</v>
      </c>
    </row>
    <row r="12434" spans="1:6" x14ac:dyDescent="0.25">
      <c r="A12434">
        <v>160.41</v>
      </c>
      <c r="B12434">
        <v>211.3</v>
      </c>
      <c r="C12434">
        <v>4890.8999999999996</v>
      </c>
      <c r="D12434">
        <v>1.6</v>
      </c>
      <c r="E12434">
        <v>7217.38</v>
      </c>
      <c r="F12434">
        <v>36.637099999999997</v>
      </c>
    </row>
    <row r="12435" spans="1:6" x14ac:dyDescent="0.25">
      <c r="A12435">
        <v>160.41</v>
      </c>
      <c r="B12435">
        <v>211.3</v>
      </c>
      <c r="C12435">
        <v>4890.8999999999996</v>
      </c>
      <c r="D12435">
        <v>1.9</v>
      </c>
      <c r="E12435">
        <v>6881.4</v>
      </c>
      <c r="F12435">
        <v>20.4754</v>
      </c>
    </row>
    <row r="12436" spans="1:6" x14ac:dyDescent="0.25">
      <c r="A12436">
        <v>160.41</v>
      </c>
      <c r="B12436">
        <v>211.3</v>
      </c>
      <c r="C12436">
        <v>4890.8999999999996</v>
      </c>
      <c r="D12436">
        <v>2.2000000000000002</v>
      </c>
      <c r="E12436">
        <v>6760.06</v>
      </c>
      <c r="F12436">
        <v>48.799300000000002</v>
      </c>
    </row>
    <row r="12437" spans="1:6" x14ac:dyDescent="0.25">
      <c r="A12437">
        <v>160.41</v>
      </c>
      <c r="B12437">
        <v>211.3</v>
      </c>
      <c r="C12437">
        <v>4890.8999999999996</v>
      </c>
      <c r="D12437">
        <v>2.5</v>
      </c>
      <c r="E12437">
        <v>6484.49</v>
      </c>
      <c r="F12437">
        <v>48.241100000000003</v>
      </c>
    </row>
    <row r="12438" spans="1:6" x14ac:dyDescent="0.25">
      <c r="A12438">
        <v>160.41</v>
      </c>
      <c r="B12438">
        <v>211.3</v>
      </c>
      <c r="C12438">
        <v>4890.8999999999996</v>
      </c>
      <c r="D12438">
        <v>2.8</v>
      </c>
      <c r="E12438">
        <v>6292.26</v>
      </c>
      <c r="F12438">
        <v>38.1128</v>
      </c>
    </row>
    <row r="12439" spans="1:6" x14ac:dyDescent="0.25">
      <c r="A12439">
        <v>160.41</v>
      </c>
      <c r="B12439">
        <v>211.3</v>
      </c>
      <c r="C12439">
        <v>4890.8999999999996</v>
      </c>
      <c r="D12439">
        <v>3.1</v>
      </c>
      <c r="E12439">
        <v>6241.42</v>
      </c>
      <c r="F12439">
        <v>22.291599999999999</v>
      </c>
    </row>
    <row r="12440" spans="1:6" x14ac:dyDescent="0.25">
      <c r="A12440">
        <v>160.41</v>
      </c>
      <c r="B12440">
        <v>211.3</v>
      </c>
      <c r="C12440">
        <v>4890.8999999999996</v>
      </c>
      <c r="D12440">
        <v>3.4</v>
      </c>
      <c r="E12440">
        <v>6105.74</v>
      </c>
      <c r="F12440">
        <v>22.236699999999999</v>
      </c>
    </row>
    <row r="12441" spans="1:6" x14ac:dyDescent="0.25">
      <c r="A12441">
        <v>160.41</v>
      </c>
      <c r="B12441">
        <v>211.3</v>
      </c>
      <c r="C12441">
        <v>4890.8999999999996</v>
      </c>
      <c r="D12441">
        <v>3.7</v>
      </c>
      <c r="E12441">
        <v>6016.33</v>
      </c>
      <c r="F12441">
        <v>22.8964</v>
      </c>
    </row>
    <row r="12442" spans="1:6" x14ac:dyDescent="0.25">
      <c r="A12442">
        <v>160.41</v>
      </c>
      <c r="B12442">
        <v>211.3</v>
      </c>
      <c r="C12442">
        <v>4890.8999999999996</v>
      </c>
      <c r="D12442">
        <v>4</v>
      </c>
      <c r="E12442">
        <v>5967.34</v>
      </c>
      <c r="F12442">
        <v>23.463799999999999</v>
      </c>
    </row>
    <row r="12443" spans="1:6" x14ac:dyDescent="0.25">
      <c r="A12443">
        <v>160.41</v>
      </c>
      <c r="B12443">
        <v>211.3</v>
      </c>
      <c r="C12443">
        <v>6436.35</v>
      </c>
      <c r="D12443">
        <v>1</v>
      </c>
      <c r="E12443">
        <v>9939.82</v>
      </c>
      <c r="F12443">
        <v>37.7286</v>
      </c>
    </row>
    <row r="12444" spans="1:6" x14ac:dyDescent="0.25">
      <c r="A12444">
        <v>160.41</v>
      </c>
      <c r="B12444">
        <v>211.3</v>
      </c>
      <c r="C12444">
        <v>6436.35</v>
      </c>
      <c r="D12444">
        <v>1.3</v>
      </c>
      <c r="E12444">
        <v>9230.75</v>
      </c>
      <c r="F12444">
        <v>40.700099999999999</v>
      </c>
    </row>
    <row r="12445" spans="1:6" x14ac:dyDescent="0.25">
      <c r="A12445">
        <v>160.41</v>
      </c>
      <c r="B12445">
        <v>211.3</v>
      </c>
      <c r="C12445">
        <v>6436.35</v>
      </c>
      <c r="D12445">
        <v>1.6</v>
      </c>
      <c r="E12445">
        <v>8642.7099999999991</v>
      </c>
      <c r="F12445">
        <v>36.637099999999997</v>
      </c>
    </row>
    <row r="12446" spans="1:6" x14ac:dyDescent="0.25">
      <c r="A12446">
        <v>160.41</v>
      </c>
      <c r="B12446">
        <v>211.3</v>
      </c>
      <c r="C12446">
        <v>6436.35</v>
      </c>
      <c r="D12446">
        <v>1.9</v>
      </c>
      <c r="E12446">
        <v>8480.41</v>
      </c>
      <c r="F12446">
        <v>20.4754</v>
      </c>
    </row>
    <row r="12447" spans="1:6" x14ac:dyDescent="0.25">
      <c r="A12447">
        <v>160.41</v>
      </c>
      <c r="B12447">
        <v>211.3</v>
      </c>
      <c r="C12447">
        <v>6436.35</v>
      </c>
      <c r="D12447">
        <v>2.2000000000000002</v>
      </c>
      <c r="E12447">
        <v>8239.99</v>
      </c>
      <c r="F12447">
        <v>48.799300000000002</v>
      </c>
    </row>
    <row r="12448" spans="1:6" x14ac:dyDescent="0.25">
      <c r="A12448">
        <v>160.41</v>
      </c>
      <c r="B12448">
        <v>211.3</v>
      </c>
      <c r="C12448">
        <v>6436.35</v>
      </c>
      <c r="D12448">
        <v>2.5</v>
      </c>
      <c r="E12448">
        <v>8029.07</v>
      </c>
      <c r="F12448">
        <v>48.241100000000003</v>
      </c>
    </row>
    <row r="12449" spans="1:6" x14ac:dyDescent="0.25">
      <c r="A12449">
        <v>160.41</v>
      </c>
      <c r="B12449">
        <v>211.3</v>
      </c>
      <c r="C12449">
        <v>6436.35</v>
      </c>
      <c r="D12449">
        <v>2.8</v>
      </c>
      <c r="E12449">
        <v>7841.14</v>
      </c>
      <c r="F12449">
        <v>38.1128</v>
      </c>
    </row>
    <row r="12450" spans="1:6" x14ac:dyDescent="0.25">
      <c r="A12450">
        <v>160.41</v>
      </c>
      <c r="B12450">
        <v>211.3</v>
      </c>
      <c r="C12450">
        <v>6436.35</v>
      </c>
      <c r="D12450">
        <v>3.1</v>
      </c>
      <c r="E12450">
        <v>7803.45</v>
      </c>
      <c r="F12450">
        <v>22.291599999999999</v>
      </c>
    </row>
    <row r="12451" spans="1:6" x14ac:dyDescent="0.25">
      <c r="A12451">
        <v>160.41</v>
      </c>
      <c r="B12451">
        <v>211.3</v>
      </c>
      <c r="C12451">
        <v>6436.35</v>
      </c>
      <c r="D12451">
        <v>3.4</v>
      </c>
      <c r="E12451">
        <v>7678.52</v>
      </c>
      <c r="F12451">
        <v>22.236699999999999</v>
      </c>
    </row>
    <row r="12452" spans="1:6" x14ac:dyDescent="0.25">
      <c r="A12452">
        <v>160.41</v>
      </c>
      <c r="B12452">
        <v>211.3</v>
      </c>
      <c r="C12452">
        <v>6436.35</v>
      </c>
      <c r="D12452">
        <v>3.7</v>
      </c>
      <c r="E12452">
        <v>7559.86</v>
      </c>
      <c r="F12452">
        <v>22.8964</v>
      </c>
    </row>
    <row r="12453" spans="1:6" x14ac:dyDescent="0.25">
      <c r="A12453">
        <v>160.41</v>
      </c>
      <c r="B12453">
        <v>211.3</v>
      </c>
      <c r="C12453">
        <v>6436.35</v>
      </c>
      <c r="D12453">
        <v>4</v>
      </c>
      <c r="E12453">
        <v>7483.09</v>
      </c>
      <c r="F12453">
        <v>23.463799999999999</v>
      </c>
    </row>
    <row r="12454" spans="1:6" x14ac:dyDescent="0.25">
      <c r="A12454">
        <v>160.41</v>
      </c>
      <c r="B12454">
        <v>211.3</v>
      </c>
      <c r="C12454">
        <v>7981.8</v>
      </c>
      <c r="D12454">
        <v>1</v>
      </c>
      <c r="E12454">
        <v>11483</v>
      </c>
      <c r="F12454">
        <v>37.7286</v>
      </c>
    </row>
    <row r="12455" spans="1:6" x14ac:dyDescent="0.25">
      <c r="A12455">
        <v>160.41</v>
      </c>
      <c r="B12455">
        <v>211.3</v>
      </c>
      <c r="C12455">
        <v>7981.8</v>
      </c>
      <c r="D12455">
        <v>1.3</v>
      </c>
      <c r="E12455">
        <v>10912.2</v>
      </c>
      <c r="F12455">
        <v>40.700099999999999</v>
      </c>
    </row>
    <row r="12456" spans="1:6" x14ac:dyDescent="0.25">
      <c r="A12456">
        <v>160.41</v>
      </c>
      <c r="B12456">
        <v>211.3</v>
      </c>
      <c r="C12456">
        <v>7981.8</v>
      </c>
      <c r="D12456">
        <v>1.6</v>
      </c>
      <c r="E12456">
        <v>10179.200000000001</v>
      </c>
      <c r="F12456">
        <v>36.637099999999997</v>
      </c>
    </row>
    <row r="12457" spans="1:6" x14ac:dyDescent="0.25">
      <c r="A12457">
        <v>160.41</v>
      </c>
      <c r="B12457">
        <v>211.3</v>
      </c>
      <c r="C12457">
        <v>7981.8</v>
      </c>
      <c r="D12457">
        <v>1.9</v>
      </c>
      <c r="E12457">
        <v>9919.08</v>
      </c>
      <c r="F12457">
        <v>20.4754</v>
      </c>
    </row>
    <row r="12458" spans="1:6" x14ac:dyDescent="0.25">
      <c r="A12458">
        <v>160.41</v>
      </c>
      <c r="B12458">
        <v>211.3</v>
      </c>
      <c r="C12458">
        <v>7981.8</v>
      </c>
      <c r="D12458">
        <v>2.2000000000000002</v>
      </c>
      <c r="E12458">
        <v>9766.83</v>
      </c>
      <c r="F12458">
        <v>48.799300000000002</v>
      </c>
    </row>
    <row r="12459" spans="1:6" x14ac:dyDescent="0.25">
      <c r="A12459">
        <v>160.41</v>
      </c>
      <c r="B12459">
        <v>211.3</v>
      </c>
      <c r="C12459">
        <v>7981.8</v>
      </c>
      <c r="D12459">
        <v>2.5</v>
      </c>
      <c r="E12459">
        <v>9466.1299999999992</v>
      </c>
      <c r="F12459">
        <v>48.241100000000003</v>
      </c>
    </row>
    <row r="12460" spans="1:6" x14ac:dyDescent="0.25">
      <c r="A12460">
        <v>160.41</v>
      </c>
      <c r="B12460">
        <v>211.3</v>
      </c>
      <c r="C12460">
        <v>7981.8</v>
      </c>
      <c r="D12460">
        <v>2.8</v>
      </c>
      <c r="E12460">
        <v>9310.67</v>
      </c>
      <c r="F12460">
        <v>38.1128</v>
      </c>
    </row>
    <row r="12461" spans="1:6" x14ac:dyDescent="0.25">
      <c r="A12461">
        <v>160.41</v>
      </c>
      <c r="B12461">
        <v>211.3</v>
      </c>
      <c r="C12461">
        <v>7981.8</v>
      </c>
      <c r="D12461">
        <v>3.1</v>
      </c>
      <c r="E12461">
        <v>9182.7999999999993</v>
      </c>
      <c r="F12461">
        <v>22.291599999999999</v>
      </c>
    </row>
    <row r="12462" spans="1:6" x14ac:dyDescent="0.25">
      <c r="A12462">
        <v>160.41</v>
      </c>
      <c r="B12462">
        <v>211.3</v>
      </c>
      <c r="C12462">
        <v>7981.8</v>
      </c>
      <c r="D12462">
        <v>3.4</v>
      </c>
      <c r="E12462">
        <v>9166.6200000000008</v>
      </c>
      <c r="F12462">
        <v>22.236699999999999</v>
      </c>
    </row>
    <row r="12463" spans="1:6" x14ac:dyDescent="0.25">
      <c r="A12463">
        <v>160.41</v>
      </c>
      <c r="B12463">
        <v>211.3</v>
      </c>
      <c r="C12463">
        <v>7981.8</v>
      </c>
      <c r="D12463">
        <v>3.7</v>
      </c>
      <c r="E12463">
        <v>9041.32</v>
      </c>
      <c r="F12463">
        <v>22.8964</v>
      </c>
    </row>
    <row r="12464" spans="1:6" x14ac:dyDescent="0.25">
      <c r="A12464">
        <v>160.41</v>
      </c>
      <c r="B12464">
        <v>211.3</v>
      </c>
      <c r="C12464">
        <v>7981.8</v>
      </c>
      <c r="D12464">
        <v>4</v>
      </c>
      <c r="E12464">
        <v>9061.1299999999992</v>
      </c>
      <c r="F12464">
        <v>23.463799999999999</v>
      </c>
    </row>
    <row r="12465" spans="1:6" x14ac:dyDescent="0.25">
      <c r="A12465">
        <v>160.41</v>
      </c>
      <c r="B12465">
        <v>211.3</v>
      </c>
      <c r="C12465">
        <v>9527.25</v>
      </c>
      <c r="D12465">
        <v>1</v>
      </c>
      <c r="E12465">
        <v>13055.6</v>
      </c>
      <c r="F12465">
        <v>37.7286</v>
      </c>
    </row>
    <row r="12466" spans="1:6" x14ac:dyDescent="0.25">
      <c r="A12466">
        <v>160.41</v>
      </c>
      <c r="B12466">
        <v>211.3</v>
      </c>
      <c r="C12466">
        <v>9527.25</v>
      </c>
      <c r="D12466">
        <v>1.3</v>
      </c>
      <c r="E12466">
        <v>12181.8</v>
      </c>
      <c r="F12466">
        <v>40.700099999999999</v>
      </c>
    </row>
    <row r="12467" spans="1:6" x14ac:dyDescent="0.25">
      <c r="A12467">
        <v>160.41</v>
      </c>
      <c r="B12467">
        <v>211.3</v>
      </c>
      <c r="C12467">
        <v>9527.25</v>
      </c>
      <c r="D12467">
        <v>1.6</v>
      </c>
      <c r="E12467">
        <v>11865.9</v>
      </c>
      <c r="F12467">
        <v>36.637099999999997</v>
      </c>
    </row>
    <row r="12468" spans="1:6" x14ac:dyDescent="0.25">
      <c r="A12468">
        <v>160.41</v>
      </c>
      <c r="B12468">
        <v>211.3</v>
      </c>
      <c r="C12468">
        <v>9527.25</v>
      </c>
      <c r="D12468">
        <v>1.9</v>
      </c>
      <c r="E12468">
        <v>11423.5</v>
      </c>
      <c r="F12468">
        <v>20.4754</v>
      </c>
    </row>
    <row r="12469" spans="1:6" x14ac:dyDescent="0.25">
      <c r="A12469">
        <v>160.41</v>
      </c>
      <c r="B12469">
        <v>211.3</v>
      </c>
      <c r="C12469">
        <v>9527.25</v>
      </c>
      <c r="D12469">
        <v>2.2000000000000002</v>
      </c>
      <c r="E12469">
        <v>11354.3</v>
      </c>
      <c r="F12469">
        <v>48.799300000000002</v>
      </c>
    </row>
    <row r="12470" spans="1:6" x14ac:dyDescent="0.25">
      <c r="A12470">
        <v>160.41</v>
      </c>
      <c r="B12470">
        <v>211.3</v>
      </c>
      <c r="C12470">
        <v>9527.25</v>
      </c>
      <c r="D12470">
        <v>2.5</v>
      </c>
      <c r="E12470">
        <v>10962.1</v>
      </c>
      <c r="F12470">
        <v>48.241100000000003</v>
      </c>
    </row>
    <row r="12471" spans="1:6" x14ac:dyDescent="0.25">
      <c r="A12471">
        <v>160.41</v>
      </c>
      <c r="B12471">
        <v>211.3</v>
      </c>
      <c r="C12471">
        <v>9527.25</v>
      </c>
      <c r="D12471">
        <v>2.8</v>
      </c>
      <c r="E12471">
        <v>10877.6</v>
      </c>
      <c r="F12471">
        <v>38.1128</v>
      </c>
    </row>
    <row r="12472" spans="1:6" x14ac:dyDescent="0.25">
      <c r="A12472">
        <v>160.41</v>
      </c>
      <c r="B12472">
        <v>211.3</v>
      </c>
      <c r="C12472">
        <v>9527.25</v>
      </c>
      <c r="D12472">
        <v>3.1</v>
      </c>
      <c r="E12472">
        <v>10744.5</v>
      </c>
      <c r="F12472">
        <v>22.291599999999999</v>
      </c>
    </row>
    <row r="12473" spans="1:6" x14ac:dyDescent="0.25">
      <c r="A12473">
        <v>160.41</v>
      </c>
      <c r="B12473">
        <v>211.3</v>
      </c>
      <c r="C12473">
        <v>9527.25</v>
      </c>
      <c r="D12473">
        <v>3.4</v>
      </c>
      <c r="E12473">
        <v>10714.4</v>
      </c>
      <c r="F12473">
        <v>22.236699999999999</v>
      </c>
    </row>
    <row r="12474" spans="1:6" x14ac:dyDescent="0.25">
      <c r="A12474">
        <v>160.41</v>
      </c>
      <c r="B12474">
        <v>211.3</v>
      </c>
      <c r="C12474">
        <v>9527.25</v>
      </c>
      <c r="D12474">
        <v>3.7</v>
      </c>
      <c r="E12474">
        <v>10671.4</v>
      </c>
      <c r="F12474">
        <v>22.8964</v>
      </c>
    </row>
    <row r="12475" spans="1:6" x14ac:dyDescent="0.25">
      <c r="A12475">
        <v>160.41</v>
      </c>
      <c r="B12475">
        <v>211.3</v>
      </c>
      <c r="C12475">
        <v>9527.25</v>
      </c>
      <c r="D12475">
        <v>4</v>
      </c>
      <c r="E12475">
        <v>10569</v>
      </c>
      <c r="F12475">
        <v>23.463799999999999</v>
      </c>
    </row>
    <row r="12476" spans="1:6" x14ac:dyDescent="0.25">
      <c r="A12476">
        <v>160.41</v>
      </c>
      <c r="B12476">
        <v>211.3</v>
      </c>
      <c r="C12476">
        <v>11072.7</v>
      </c>
      <c r="D12476">
        <v>1</v>
      </c>
      <c r="E12476">
        <v>14537.9</v>
      </c>
      <c r="F12476">
        <v>37.7286</v>
      </c>
    </row>
    <row r="12477" spans="1:6" x14ac:dyDescent="0.25">
      <c r="A12477">
        <v>160.41</v>
      </c>
      <c r="B12477">
        <v>211.3</v>
      </c>
      <c r="C12477">
        <v>11072.7</v>
      </c>
      <c r="D12477">
        <v>1.3</v>
      </c>
      <c r="E12477">
        <v>13626.4</v>
      </c>
      <c r="F12477">
        <v>40.700099999999999</v>
      </c>
    </row>
    <row r="12478" spans="1:6" x14ac:dyDescent="0.25">
      <c r="A12478">
        <v>160.41</v>
      </c>
      <c r="B12478">
        <v>211.3</v>
      </c>
      <c r="C12478">
        <v>11072.7</v>
      </c>
      <c r="D12478">
        <v>1.6</v>
      </c>
      <c r="E12478">
        <v>13321.7</v>
      </c>
      <c r="F12478">
        <v>36.637099999999997</v>
      </c>
    </row>
    <row r="12479" spans="1:6" x14ac:dyDescent="0.25">
      <c r="A12479">
        <v>160.41</v>
      </c>
      <c r="B12479">
        <v>211.3</v>
      </c>
      <c r="C12479">
        <v>11072.7</v>
      </c>
      <c r="D12479">
        <v>1.9</v>
      </c>
      <c r="E12479">
        <v>12872.2</v>
      </c>
      <c r="F12479">
        <v>20.4754</v>
      </c>
    </row>
    <row r="12480" spans="1:6" x14ac:dyDescent="0.25">
      <c r="A12480">
        <v>160.41</v>
      </c>
      <c r="B12480">
        <v>211.3</v>
      </c>
      <c r="C12480">
        <v>11072.7</v>
      </c>
      <c r="D12480">
        <v>2.2000000000000002</v>
      </c>
      <c r="E12480">
        <v>12827.4</v>
      </c>
      <c r="F12480">
        <v>48.799300000000002</v>
      </c>
    </row>
    <row r="12481" spans="1:6" x14ac:dyDescent="0.25">
      <c r="A12481">
        <v>160.41</v>
      </c>
      <c r="B12481">
        <v>211.3</v>
      </c>
      <c r="C12481">
        <v>11072.7</v>
      </c>
      <c r="D12481">
        <v>2.5</v>
      </c>
      <c r="E12481">
        <v>12582.1</v>
      </c>
      <c r="F12481">
        <v>48.241100000000003</v>
      </c>
    </row>
    <row r="12482" spans="1:6" x14ac:dyDescent="0.25">
      <c r="A12482">
        <v>160.41</v>
      </c>
      <c r="B12482">
        <v>211.3</v>
      </c>
      <c r="C12482">
        <v>11072.7</v>
      </c>
      <c r="D12482">
        <v>2.8</v>
      </c>
      <c r="E12482">
        <v>12403.3</v>
      </c>
      <c r="F12482">
        <v>38.1128</v>
      </c>
    </row>
    <row r="12483" spans="1:6" x14ac:dyDescent="0.25">
      <c r="A12483">
        <v>160.41</v>
      </c>
      <c r="B12483">
        <v>211.3</v>
      </c>
      <c r="C12483">
        <v>11072.7</v>
      </c>
      <c r="D12483">
        <v>3.1</v>
      </c>
      <c r="E12483">
        <v>12331.1</v>
      </c>
      <c r="F12483">
        <v>22.291599999999999</v>
      </c>
    </row>
    <row r="12484" spans="1:6" x14ac:dyDescent="0.25">
      <c r="A12484">
        <v>160.41</v>
      </c>
      <c r="B12484">
        <v>211.3</v>
      </c>
      <c r="C12484">
        <v>11072.7</v>
      </c>
      <c r="D12484">
        <v>3.4</v>
      </c>
      <c r="E12484">
        <v>12170</v>
      </c>
      <c r="F12484">
        <v>22.236699999999999</v>
      </c>
    </row>
    <row r="12485" spans="1:6" x14ac:dyDescent="0.25">
      <c r="A12485">
        <v>160.41</v>
      </c>
      <c r="B12485">
        <v>211.3</v>
      </c>
      <c r="C12485">
        <v>11072.7</v>
      </c>
      <c r="D12485">
        <v>3.7</v>
      </c>
      <c r="E12485">
        <v>12072.4</v>
      </c>
      <c r="F12485">
        <v>22.8964</v>
      </c>
    </row>
    <row r="12486" spans="1:6" x14ac:dyDescent="0.25">
      <c r="A12486">
        <v>160.41</v>
      </c>
      <c r="B12486">
        <v>211.3</v>
      </c>
      <c r="C12486">
        <v>11072.7</v>
      </c>
      <c r="D12486">
        <v>4</v>
      </c>
      <c r="E12486">
        <v>12116.2</v>
      </c>
      <c r="F12486">
        <v>23.463799999999999</v>
      </c>
    </row>
    <row r="12487" spans="1:6" x14ac:dyDescent="0.25">
      <c r="A12487">
        <v>160.41</v>
      </c>
      <c r="B12487">
        <v>211.3</v>
      </c>
      <c r="C12487">
        <v>12618.2</v>
      </c>
      <c r="D12487">
        <v>1</v>
      </c>
      <c r="E12487">
        <v>15920.6</v>
      </c>
      <c r="F12487">
        <v>37.7286</v>
      </c>
    </row>
    <row r="12488" spans="1:6" x14ac:dyDescent="0.25">
      <c r="A12488">
        <v>160.41</v>
      </c>
      <c r="B12488">
        <v>211.3</v>
      </c>
      <c r="C12488">
        <v>12618.2</v>
      </c>
      <c r="D12488">
        <v>1.3</v>
      </c>
      <c r="E12488">
        <v>15119.7</v>
      </c>
      <c r="F12488">
        <v>40.700099999999999</v>
      </c>
    </row>
    <row r="12489" spans="1:6" x14ac:dyDescent="0.25">
      <c r="A12489">
        <v>160.41</v>
      </c>
      <c r="B12489">
        <v>211.3</v>
      </c>
      <c r="C12489">
        <v>12618.2</v>
      </c>
      <c r="D12489">
        <v>1.6</v>
      </c>
      <c r="E12489">
        <v>14798.4</v>
      </c>
      <c r="F12489">
        <v>36.637099999999997</v>
      </c>
    </row>
    <row r="12490" spans="1:6" x14ac:dyDescent="0.25">
      <c r="A12490">
        <v>160.41</v>
      </c>
      <c r="B12490">
        <v>211.3</v>
      </c>
      <c r="C12490">
        <v>12618.2</v>
      </c>
      <c r="D12490">
        <v>1.9</v>
      </c>
      <c r="E12490">
        <v>14483.4</v>
      </c>
      <c r="F12490">
        <v>20.4754</v>
      </c>
    </row>
    <row r="12491" spans="1:6" x14ac:dyDescent="0.25">
      <c r="A12491">
        <v>160.41</v>
      </c>
      <c r="B12491">
        <v>211.3</v>
      </c>
      <c r="C12491">
        <v>12618.2</v>
      </c>
      <c r="D12491">
        <v>2.2000000000000002</v>
      </c>
      <c r="E12491">
        <v>14232.9</v>
      </c>
      <c r="F12491">
        <v>48.799300000000002</v>
      </c>
    </row>
    <row r="12492" spans="1:6" x14ac:dyDescent="0.25">
      <c r="A12492">
        <v>160.41</v>
      </c>
      <c r="B12492">
        <v>211.3</v>
      </c>
      <c r="C12492">
        <v>12618.2</v>
      </c>
      <c r="D12492">
        <v>2.5</v>
      </c>
      <c r="E12492">
        <v>13954.2</v>
      </c>
      <c r="F12492">
        <v>48.241100000000003</v>
      </c>
    </row>
    <row r="12493" spans="1:6" x14ac:dyDescent="0.25">
      <c r="A12493">
        <v>160.41</v>
      </c>
      <c r="B12493">
        <v>211.3</v>
      </c>
      <c r="C12493">
        <v>12618.2</v>
      </c>
      <c r="D12493">
        <v>2.8</v>
      </c>
      <c r="E12493">
        <v>13882.6</v>
      </c>
      <c r="F12493">
        <v>38.1128</v>
      </c>
    </row>
    <row r="12494" spans="1:6" x14ac:dyDescent="0.25">
      <c r="A12494">
        <v>160.41</v>
      </c>
      <c r="B12494">
        <v>211.3</v>
      </c>
      <c r="C12494">
        <v>12618.2</v>
      </c>
      <c r="D12494">
        <v>3.1</v>
      </c>
      <c r="E12494">
        <v>13779.9</v>
      </c>
      <c r="F12494">
        <v>22.291599999999999</v>
      </c>
    </row>
    <row r="12495" spans="1:6" x14ac:dyDescent="0.25">
      <c r="A12495">
        <v>160.41</v>
      </c>
      <c r="B12495">
        <v>211.3</v>
      </c>
      <c r="C12495">
        <v>12618.2</v>
      </c>
      <c r="D12495">
        <v>3.4</v>
      </c>
      <c r="E12495">
        <v>13722.8</v>
      </c>
      <c r="F12495">
        <v>22.236699999999999</v>
      </c>
    </row>
    <row r="12496" spans="1:6" x14ac:dyDescent="0.25">
      <c r="A12496">
        <v>160.41</v>
      </c>
      <c r="B12496">
        <v>211.3</v>
      </c>
      <c r="C12496">
        <v>12618.2</v>
      </c>
      <c r="D12496">
        <v>3.7</v>
      </c>
      <c r="E12496">
        <v>13554.6</v>
      </c>
      <c r="F12496">
        <v>22.8964</v>
      </c>
    </row>
    <row r="12497" spans="1:6" x14ac:dyDescent="0.25">
      <c r="A12497">
        <v>160.41</v>
      </c>
      <c r="B12497">
        <v>211.3</v>
      </c>
      <c r="C12497">
        <v>12618.2</v>
      </c>
      <c r="D12497">
        <v>4</v>
      </c>
      <c r="E12497">
        <v>13529.1</v>
      </c>
      <c r="F12497">
        <v>23.463799999999999</v>
      </c>
    </row>
    <row r="12498" spans="1:6" x14ac:dyDescent="0.25">
      <c r="A12498">
        <v>160.41</v>
      </c>
      <c r="B12498">
        <v>211.3</v>
      </c>
      <c r="C12498">
        <v>14163.6</v>
      </c>
      <c r="D12498">
        <v>1</v>
      </c>
      <c r="E12498">
        <v>16312.8</v>
      </c>
      <c r="F12498">
        <v>37.7286</v>
      </c>
    </row>
    <row r="12499" spans="1:6" x14ac:dyDescent="0.25">
      <c r="A12499">
        <v>160.41</v>
      </c>
      <c r="B12499">
        <v>211.3</v>
      </c>
      <c r="C12499">
        <v>14163.6</v>
      </c>
      <c r="D12499">
        <v>1.3</v>
      </c>
      <c r="E12499">
        <v>15925.1</v>
      </c>
      <c r="F12499">
        <v>40.700099999999999</v>
      </c>
    </row>
    <row r="12500" spans="1:6" x14ac:dyDescent="0.25">
      <c r="A12500">
        <v>160.41</v>
      </c>
      <c r="B12500">
        <v>211.3</v>
      </c>
      <c r="C12500">
        <v>14163.6</v>
      </c>
      <c r="D12500">
        <v>1.6</v>
      </c>
      <c r="E12500">
        <v>15672.5</v>
      </c>
      <c r="F12500">
        <v>36.637099999999997</v>
      </c>
    </row>
    <row r="12501" spans="1:6" x14ac:dyDescent="0.25">
      <c r="A12501">
        <v>160.41</v>
      </c>
      <c r="B12501">
        <v>211.3</v>
      </c>
      <c r="C12501">
        <v>14163.6</v>
      </c>
      <c r="D12501">
        <v>1.9</v>
      </c>
      <c r="E12501">
        <v>15552.6</v>
      </c>
      <c r="F12501">
        <v>20.4754</v>
      </c>
    </row>
    <row r="12502" spans="1:6" x14ac:dyDescent="0.25">
      <c r="A12502">
        <v>160.41</v>
      </c>
      <c r="B12502">
        <v>211.3</v>
      </c>
      <c r="C12502">
        <v>14163.6</v>
      </c>
      <c r="D12502">
        <v>2.2000000000000002</v>
      </c>
      <c r="E12502">
        <v>15399.9</v>
      </c>
      <c r="F12502">
        <v>48.799300000000002</v>
      </c>
    </row>
    <row r="12503" spans="1:6" x14ac:dyDescent="0.25">
      <c r="A12503">
        <v>160.41</v>
      </c>
      <c r="B12503">
        <v>211.3</v>
      </c>
      <c r="C12503">
        <v>14163.6</v>
      </c>
      <c r="D12503">
        <v>2.5</v>
      </c>
      <c r="E12503">
        <v>15152</v>
      </c>
      <c r="F12503">
        <v>48.241100000000003</v>
      </c>
    </row>
    <row r="12504" spans="1:6" x14ac:dyDescent="0.25">
      <c r="A12504">
        <v>160.41</v>
      </c>
      <c r="B12504">
        <v>211.3</v>
      </c>
      <c r="C12504">
        <v>14163.6</v>
      </c>
      <c r="D12504">
        <v>2.8</v>
      </c>
      <c r="E12504">
        <v>15072.3</v>
      </c>
      <c r="F12504">
        <v>38.1128</v>
      </c>
    </row>
    <row r="12505" spans="1:6" x14ac:dyDescent="0.25">
      <c r="A12505">
        <v>160.41</v>
      </c>
      <c r="B12505">
        <v>211.3</v>
      </c>
      <c r="C12505">
        <v>14163.6</v>
      </c>
      <c r="D12505">
        <v>3.1</v>
      </c>
      <c r="E12505">
        <v>14706.6</v>
      </c>
      <c r="F12505">
        <v>22.291599999999999</v>
      </c>
    </row>
    <row r="12506" spans="1:6" x14ac:dyDescent="0.25">
      <c r="A12506">
        <v>160.41</v>
      </c>
      <c r="B12506">
        <v>211.3</v>
      </c>
      <c r="C12506">
        <v>14163.6</v>
      </c>
      <c r="D12506">
        <v>3.4</v>
      </c>
      <c r="E12506">
        <v>14979.5</v>
      </c>
      <c r="F12506">
        <v>22.236699999999999</v>
      </c>
    </row>
    <row r="12507" spans="1:6" x14ac:dyDescent="0.25">
      <c r="A12507">
        <v>160.41</v>
      </c>
      <c r="B12507">
        <v>211.3</v>
      </c>
      <c r="C12507">
        <v>14163.6</v>
      </c>
      <c r="D12507">
        <v>3.7</v>
      </c>
      <c r="E12507">
        <v>14787.8</v>
      </c>
      <c r="F12507">
        <v>22.8964</v>
      </c>
    </row>
    <row r="12508" spans="1:6" x14ac:dyDescent="0.25">
      <c r="A12508">
        <v>160.41</v>
      </c>
      <c r="B12508">
        <v>211.3</v>
      </c>
      <c r="C12508">
        <v>14163.6</v>
      </c>
      <c r="D12508">
        <v>4</v>
      </c>
      <c r="E12508">
        <v>14783.8</v>
      </c>
      <c r="F12508">
        <v>23.463799999999999</v>
      </c>
    </row>
    <row r="12509" spans="1:6" x14ac:dyDescent="0.25">
      <c r="A12509">
        <v>160.41</v>
      </c>
      <c r="B12509">
        <v>211.3</v>
      </c>
      <c r="C12509">
        <v>15709.1</v>
      </c>
      <c r="D12509">
        <v>1</v>
      </c>
      <c r="E12509">
        <v>17665.2</v>
      </c>
      <c r="F12509">
        <v>37.7286</v>
      </c>
    </row>
    <row r="12510" spans="1:6" x14ac:dyDescent="0.25">
      <c r="A12510">
        <v>160.41</v>
      </c>
      <c r="B12510">
        <v>211.3</v>
      </c>
      <c r="C12510">
        <v>15709.1</v>
      </c>
      <c r="D12510">
        <v>1.3</v>
      </c>
      <c r="E12510">
        <v>15925.1</v>
      </c>
      <c r="F12510">
        <v>40.700099999999999</v>
      </c>
    </row>
    <row r="12511" spans="1:6" x14ac:dyDescent="0.25">
      <c r="A12511">
        <v>160.41</v>
      </c>
      <c r="B12511">
        <v>211.3</v>
      </c>
      <c r="C12511">
        <v>15709.1</v>
      </c>
      <c r="D12511">
        <v>1.6</v>
      </c>
      <c r="E12511">
        <v>16549.400000000001</v>
      </c>
      <c r="F12511">
        <v>36.637099999999997</v>
      </c>
    </row>
    <row r="12512" spans="1:6" x14ac:dyDescent="0.25">
      <c r="A12512">
        <v>160.41</v>
      </c>
      <c r="B12512">
        <v>211.3</v>
      </c>
      <c r="C12512">
        <v>15709.1</v>
      </c>
      <c r="D12512">
        <v>1.9</v>
      </c>
      <c r="E12512">
        <v>15552.6</v>
      </c>
      <c r="F12512">
        <v>20.4754</v>
      </c>
    </row>
    <row r="12513" spans="1:6" x14ac:dyDescent="0.25">
      <c r="A12513">
        <v>160.41</v>
      </c>
      <c r="B12513">
        <v>211.3</v>
      </c>
      <c r="C12513">
        <v>15709.1</v>
      </c>
      <c r="D12513">
        <v>2.2000000000000002</v>
      </c>
      <c r="E12513">
        <v>16632.2</v>
      </c>
      <c r="F12513">
        <v>48.799300000000002</v>
      </c>
    </row>
    <row r="12514" spans="1:6" x14ac:dyDescent="0.25">
      <c r="A12514">
        <v>160.41</v>
      </c>
      <c r="B12514">
        <v>211.3</v>
      </c>
      <c r="C12514">
        <v>15709.1</v>
      </c>
      <c r="D12514">
        <v>2.5</v>
      </c>
      <c r="E12514">
        <v>15740.1</v>
      </c>
      <c r="F12514">
        <v>48.241100000000003</v>
      </c>
    </row>
    <row r="12515" spans="1:6" x14ac:dyDescent="0.25">
      <c r="A12515">
        <v>160.41</v>
      </c>
      <c r="B12515">
        <v>211.3</v>
      </c>
      <c r="C12515">
        <v>15709.1</v>
      </c>
      <c r="D12515">
        <v>2.8</v>
      </c>
      <c r="E12515">
        <v>15690.5</v>
      </c>
      <c r="F12515">
        <v>38.1128</v>
      </c>
    </row>
    <row r="12516" spans="1:6" x14ac:dyDescent="0.25">
      <c r="A12516">
        <v>160.41</v>
      </c>
      <c r="B12516">
        <v>211.3</v>
      </c>
      <c r="C12516">
        <v>15709.1</v>
      </c>
      <c r="D12516">
        <v>3.1</v>
      </c>
      <c r="E12516">
        <v>16383.8</v>
      </c>
      <c r="F12516">
        <v>22.291599999999999</v>
      </c>
    </row>
    <row r="12517" spans="1:6" x14ac:dyDescent="0.25">
      <c r="A12517">
        <v>160.41</v>
      </c>
      <c r="B12517">
        <v>211.3</v>
      </c>
      <c r="C12517">
        <v>15709.1</v>
      </c>
      <c r="D12517">
        <v>3.4</v>
      </c>
      <c r="E12517">
        <v>15056.3</v>
      </c>
      <c r="F12517">
        <v>22.236699999999999</v>
      </c>
    </row>
    <row r="12518" spans="1:6" x14ac:dyDescent="0.25">
      <c r="A12518">
        <v>160.41</v>
      </c>
      <c r="B12518">
        <v>211.3</v>
      </c>
      <c r="C12518">
        <v>15709.1</v>
      </c>
      <c r="D12518">
        <v>3.7</v>
      </c>
      <c r="E12518">
        <v>14787.8</v>
      </c>
      <c r="F12518">
        <v>22.8964</v>
      </c>
    </row>
    <row r="12519" spans="1:6" x14ac:dyDescent="0.25">
      <c r="A12519">
        <v>160.41</v>
      </c>
      <c r="B12519">
        <v>211.3</v>
      </c>
      <c r="C12519">
        <v>15709.1</v>
      </c>
      <c r="D12519">
        <v>4</v>
      </c>
      <c r="E12519">
        <v>14783.8</v>
      </c>
      <c r="F12519">
        <v>23.463799999999999</v>
      </c>
    </row>
    <row r="12520" spans="1:6" x14ac:dyDescent="0.25">
      <c r="A12520">
        <v>160.41</v>
      </c>
      <c r="B12520">
        <v>211.3</v>
      </c>
      <c r="C12520">
        <v>17254.5</v>
      </c>
      <c r="D12520">
        <v>1</v>
      </c>
      <c r="E12520">
        <v>17665.2</v>
      </c>
      <c r="F12520">
        <v>37.7286</v>
      </c>
    </row>
    <row r="12521" spans="1:6" x14ac:dyDescent="0.25">
      <c r="A12521">
        <v>160.41</v>
      </c>
      <c r="B12521">
        <v>211.3</v>
      </c>
      <c r="C12521">
        <v>17254.5</v>
      </c>
      <c r="D12521">
        <v>1.3</v>
      </c>
      <c r="E12521">
        <v>15925.1</v>
      </c>
      <c r="F12521">
        <v>40.700099999999999</v>
      </c>
    </row>
    <row r="12522" spans="1:6" x14ac:dyDescent="0.25">
      <c r="A12522">
        <v>160.41</v>
      </c>
      <c r="B12522">
        <v>211.3</v>
      </c>
      <c r="C12522">
        <v>17254.5</v>
      </c>
      <c r="D12522">
        <v>1.6</v>
      </c>
      <c r="E12522">
        <v>16549.400000000001</v>
      </c>
      <c r="F12522">
        <v>36.637099999999997</v>
      </c>
    </row>
    <row r="12523" spans="1:6" x14ac:dyDescent="0.25">
      <c r="A12523">
        <v>160.41</v>
      </c>
      <c r="B12523">
        <v>211.3</v>
      </c>
      <c r="C12523">
        <v>17254.5</v>
      </c>
      <c r="D12523">
        <v>1.9</v>
      </c>
      <c r="E12523">
        <v>15552.6</v>
      </c>
      <c r="F12523">
        <v>20.4754</v>
      </c>
    </row>
    <row r="12524" spans="1:6" x14ac:dyDescent="0.25">
      <c r="A12524">
        <v>160.41</v>
      </c>
      <c r="B12524">
        <v>211.3</v>
      </c>
      <c r="C12524">
        <v>17254.5</v>
      </c>
      <c r="D12524">
        <v>2.2000000000000002</v>
      </c>
      <c r="E12524">
        <v>16632.2</v>
      </c>
      <c r="F12524">
        <v>48.799300000000002</v>
      </c>
    </row>
    <row r="12525" spans="1:6" x14ac:dyDescent="0.25">
      <c r="A12525">
        <v>160.41</v>
      </c>
      <c r="B12525">
        <v>211.3</v>
      </c>
      <c r="C12525">
        <v>17254.5</v>
      </c>
      <c r="D12525">
        <v>2.5</v>
      </c>
      <c r="E12525">
        <v>17079</v>
      </c>
      <c r="F12525">
        <v>48.241100000000003</v>
      </c>
    </row>
    <row r="12526" spans="1:6" x14ac:dyDescent="0.25">
      <c r="A12526">
        <v>160.41</v>
      </c>
      <c r="B12526">
        <v>211.3</v>
      </c>
      <c r="C12526">
        <v>17254.5</v>
      </c>
      <c r="D12526">
        <v>2.8</v>
      </c>
      <c r="E12526">
        <v>15690.5</v>
      </c>
      <c r="F12526">
        <v>38.1128</v>
      </c>
    </row>
    <row r="12527" spans="1:6" x14ac:dyDescent="0.25">
      <c r="A12527">
        <v>160.41</v>
      </c>
      <c r="B12527">
        <v>211.3</v>
      </c>
      <c r="C12527">
        <v>17254.5</v>
      </c>
      <c r="D12527">
        <v>3.1</v>
      </c>
      <c r="E12527">
        <v>16383.8</v>
      </c>
      <c r="F12527">
        <v>22.291599999999999</v>
      </c>
    </row>
    <row r="12528" spans="1:6" x14ac:dyDescent="0.25">
      <c r="A12528">
        <v>160.41</v>
      </c>
      <c r="B12528">
        <v>211.3</v>
      </c>
      <c r="C12528">
        <v>17254.5</v>
      </c>
      <c r="D12528">
        <v>3.4</v>
      </c>
      <c r="E12528">
        <v>15056.3</v>
      </c>
      <c r="F12528">
        <v>22.236699999999999</v>
      </c>
    </row>
    <row r="12529" spans="1:6" x14ac:dyDescent="0.25">
      <c r="A12529">
        <v>160.41</v>
      </c>
      <c r="B12529">
        <v>211.3</v>
      </c>
      <c r="C12529">
        <v>17254.5</v>
      </c>
      <c r="D12529">
        <v>3.7</v>
      </c>
      <c r="E12529">
        <v>14787.8</v>
      </c>
      <c r="F12529">
        <v>22.8964</v>
      </c>
    </row>
    <row r="12530" spans="1:6" x14ac:dyDescent="0.25">
      <c r="A12530">
        <v>160.41</v>
      </c>
      <c r="B12530">
        <v>211.3</v>
      </c>
      <c r="C12530">
        <v>17254.5</v>
      </c>
      <c r="D12530">
        <v>4</v>
      </c>
      <c r="E12530">
        <v>14783.8</v>
      </c>
      <c r="F12530">
        <v>23.463799999999999</v>
      </c>
    </row>
    <row r="12531" spans="1:6" x14ac:dyDescent="0.25">
      <c r="A12531">
        <v>160.41</v>
      </c>
      <c r="B12531">
        <v>211.3</v>
      </c>
      <c r="C12531">
        <v>18800</v>
      </c>
      <c r="D12531">
        <v>1</v>
      </c>
      <c r="E12531">
        <v>17665.2</v>
      </c>
      <c r="F12531">
        <v>37.7286</v>
      </c>
    </row>
    <row r="12532" spans="1:6" x14ac:dyDescent="0.25">
      <c r="A12532">
        <v>160.41</v>
      </c>
      <c r="B12532">
        <v>211.3</v>
      </c>
      <c r="C12532">
        <v>18800</v>
      </c>
      <c r="D12532">
        <v>1.3</v>
      </c>
      <c r="E12532">
        <v>15925.1</v>
      </c>
      <c r="F12532">
        <v>40.700099999999999</v>
      </c>
    </row>
    <row r="12533" spans="1:6" x14ac:dyDescent="0.25">
      <c r="A12533">
        <v>160.41</v>
      </c>
      <c r="B12533">
        <v>211.3</v>
      </c>
      <c r="C12533">
        <v>18800</v>
      </c>
      <c r="D12533">
        <v>1.6</v>
      </c>
      <c r="E12533">
        <v>16549.400000000001</v>
      </c>
      <c r="F12533">
        <v>36.637099999999997</v>
      </c>
    </row>
    <row r="12534" spans="1:6" x14ac:dyDescent="0.25">
      <c r="A12534">
        <v>160.41</v>
      </c>
      <c r="B12534">
        <v>211.3</v>
      </c>
      <c r="C12534">
        <v>18800</v>
      </c>
      <c r="D12534">
        <v>1.9</v>
      </c>
      <c r="E12534">
        <v>15552.6</v>
      </c>
      <c r="F12534">
        <v>20.4754</v>
      </c>
    </row>
    <row r="12535" spans="1:6" x14ac:dyDescent="0.25">
      <c r="A12535">
        <v>160.41</v>
      </c>
      <c r="B12535">
        <v>211.3</v>
      </c>
      <c r="C12535">
        <v>18800</v>
      </c>
      <c r="D12535">
        <v>2.2000000000000002</v>
      </c>
      <c r="E12535">
        <v>16632.2</v>
      </c>
      <c r="F12535">
        <v>48.799300000000002</v>
      </c>
    </row>
    <row r="12536" spans="1:6" x14ac:dyDescent="0.25">
      <c r="A12536">
        <v>160.41</v>
      </c>
      <c r="B12536">
        <v>211.3</v>
      </c>
      <c r="C12536">
        <v>18800</v>
      </c>
      <c r="D12536">
        <v>2.5</v>
      </c>
      <c r="E12536">
        <v>17079</v>
      </c>
      <c r="F12536">
        <v>48.241100000000003</v>
      </c>
    </row>
    <row r="12537" spans="1:6" x14ac:dyDescent="0.25">
      <c r="A12537">
        <v>160.41</v>
      </c>
      <c r="B12537">
        <v>211.3</v>
      </c>
      <c r="C12537">
        <v>18800</v>
      </c>
      <c r="D12537">
        <v>2.8</v>
      </c>
      <c r="E12537">
        <v>15690.5</v>
      </c>
      <c r="F12537">
        <v>38.1128</v>
      </c>
    </row>
    <row r="12538" spans="1:6" x14ac:dyDescent="0.25">
      <c r="A12538">
        <v>160.41</v>
      </c>
      <c r="B12538">
        <v>211.3</v>
      </c>
      <c r="C12538">
        <v>18800</v>
      </c>
      <c r="D12538">
        <v>3.1</v>
      </c>
      <c r="E12538">
        <v>16383.8</v>
      </c>
      <c r="F12538">
        <v>22.291599999999999</v>
      </c>
    </row>
    <row r="12539" spans="1:6" x14ac:dyDescent="0.25">
      <c r="A12539">
        <v>160.41</v>
      </c>
      <c r="B12539">
        <v>211.3</v>
      </c>
      <c r="C12539">
        <v>18800</v>
      </c>
      <c r="D12539">
        <v>3.4</v>
      </c>
      <c r="E12539">
        <v>15056.3</v>
      </c>
      <c r="F12539">
        <v>22.236699999999999</v>
      </c>
    </row>
    <row r="12540" spans="1:6" x14ac:dyDescent="0.25">
      <c r="A12540">
        <v>160.41</v>
      </c>
      <c r="B12540">
        <v>211.3</v>
      </c>
      <c r="C12540">
        <v>18800</v>
      </c>
      <c r="D12540">
        <v>3.7</v>
      </c>
      <c r="E12540">
        <v>14787.8</v>
      </c>
      <c r="F12540">
        <v>22.8964</v>
      </c>
    </row>
    <row r="12541" spans="1:6" x14ac:dyDescent="0.25">
      <c r="A12541">
        <v>160.41</v>
      </c>
      <c r="B12541">
        <v>211.3</v>
      </c>
      <c r="C12541">
        <v>18800</v>
      </c>
      <c r="D12541">
        <v>4</v>
      </c>
      <c r="E12541">
        <v>14783.8</v>
      </c>
      <c r="F12541">
        <v>23.463799999999999</v>
      </c>
    </row>
    <row r="12542" spans="1:6" x14ac:dyDescent="0.25">
      <c r="A12542">
        <v>160.41</v>
      </c>
      <c r="B12542">
        <v>214.93</v>
      </c>
      <c r="C12542">
        <v>1800</v>
      </c>
      <c r="D12542">
        <v>1</v>
      </c>
      <c r="E12542">
        <v>5495.24</v>
      </c>
      <c r="F12542">
        <v>34.501300000000001</v>
      </c>
    </row>
    <row r="12543" spans="1:6" x14ac:dyDescent="0.25">
      <c r="A12543">
        <v>160.41</v>
      </c>
      <c r="B12543">
        <v>214.93</v>
      </c>
      <c r="C12543">
        <v>1800</v>
      </c>
      <c r="D12543">
        <v>1.3</v>
      </c>
      <c r="E12543">
        <v>4902.33</v>
      </c>
      <c r="F12543">
        <v>39.780700000000003</v>
      </c>
    </row>
    <row r="12544" spans="1:6" x14ac:dyDescent="0.25">
      <c r="A12544">
        <v>160.41</v>
      </c>
      <c r="B12544">
        <v>214.93</v>
      </c>
      <c r="C12544">
        <v>1800</v>
      </c>
      <c r="D12544">
        <v>1.6</v>
      </c>
      <c r="E12544">
        <v>4318.16</v>
      </c>
      <c r="F12544">
        <v>48.336500000000001</v>
      </c>
    </row>
    <row r="12545" spans="1:6" x14ac:dyDescent="0.25">
      <c r="A12545">
        <v>160.41</v>
      </c>
      <c r="B12545">
        <v>214.93</v>
      </c>
      <c r="C12545">
        <v>1800</v>
      </c>
      <c r="D12545">
        <v>1.9</v>
      </c>
      <c r="E12545">
        <v>4156.17</v>
      </c>
      <c r="F12545">
        <v>51.853499999999997</v>
      </c>
    </row>
    <row r="12546" spans="1:6" x14ac:dyDescent="0.25">
      <c r="A12546">
        <v>160.41</v>
      </c>
      <c r="B12546">
        <v>214.93</v>
      </c>
      <c r="C12546">
        <v>1800</v>
      </c>
      <c r="D12546">
        <v>2.2000000000000002</v>
      </c>
      <c r="E12546">
        <v>3892.16</v>
      </c>
      <c r="F12546">
        <v>54.764400000000002</v>
      </c>
    </row>
    <row r="12547" spans="1:6" x14ac:dyDescent="0.25">
      <c r="A12547">
        <v>160.41</v>
      </c>
      <c r="B12547">
        <v>214.93</v>
      </c>
      <c r="C12547">
        <v>1800</v>
      </c>
      <c r="D12547">
        <v>2.5</v>
      </c>
      <c r="E12547">
        <v>3658.47</v>
      </c>
      <c r="F12547">
        <v>57.656599999999997</v>
      </c>
    </row>
    <row r="12548" spans="1:6" x14ac:dyDescent="0.25">
      <c r="A12548">
        <v>160.41</v>
      </c>
      <c r="B12548">
        <v>214.93</v>
      </c>
      <c r="C12548">
        <v>1800</v>
      </c>
      <c r="D12548">
        <v>2.8</v>
      </c>
      <c r="E12548">
        <v>3532.77</v>
      </c>
      <c r="F12548">
        <v>60.075299999999999</v>
      </c>
    </row>
    <row r="12549" spans="1:6" x14ac:dyDescent="0.25">
      <c r="A12549">
        <v>160.41</v>
      </c>
      <c r="B12549">
        <v>214.93</v>
      </c>
      <c r="C12549">
        <v>1800</v>
      </c>
      <c r="D12549">
        <v>3.1</v>
      </c>
      <c r="E12549">
        <v>3451.52</v>
      </c>
      <c r="F12549">
        <v>62.4176</v>
      </c>
    </row>
    <row r="12550" spans="1:6" x14ac:dyDescent="0.25">
      <c r="A12550">
        <v>160.41</v>
      </c>
      <c r="B12550">
        <v>214.93</v>
      </c>
      <c r="C12550">
        <v>1800</v>
      </c>
      <c r="D12550">
        <v>3.4</v>
      </c>
      <c r="E12550">
        <v>3368.12</v>
      </c>
      <c r="F12550">
        <v>61.335500000000003</v>
      </c>
    </row>
    <row r="12551" spans="1:6" x14ac:dyDescent="0.25">
      <c r="A12551">
        <v>160.41</v>
      </c>
      <c r="B12551">
        <v>214.93</v>
      </c>
      <c r="C12551">
        <v>1800</v>
      </c>
      <c r="D12551">
        <v>3.7</v>
      </c>
      <c r="E12551">
        <v>3255.3</v>
      </c>
      <c r="F12551">
        <v>64.847899999999996</v>
      </c>
    </row>
    <row r="12552" spans="1:6" x14ac:dyDescent="0.25">
      <c r="A12552">
        <v>160.41</v>
      </c>
      <c r="B12552">
        <v>214.93</v>
      </c>
      <c r="C12552">
        <v>1800</v>
      </c>
      <c r="D12552">
        <v>4</v>
      </c>
      <c r="E12552">
        <v>3168.03</v>
      </c>
      <c r="F12552">
        <v>66.729600000000005</v>
      </c>
    </row>
    <row r="12553" spans="1:6" x14ac:dyDescent="0.25">
      <c r="A12553">
        <v>160.41</v>
      </c>
      <c r="B12553">
        <v>214.93</v>
      </c>
      <c r="C12553">
        <v>3345.45</v>
      </c>
      <c r="D12553">
        <v>1</v>
      </c>
      <c r="E12553">
        <v>6911.55</v>
      </c>
      <c r="F12553">
        <v>37.7286</v>
      </c>
    </row>
    <row r="12554" spans="1:6" x14ac:dyDescent="0.25">
      <c r="A12554">
        <v>160.41</v>
      </c>
      <c r="B12554">
        <v>214.93</v>
      </c>
      <c r="C12554">
        <v>3345.45</v>
      </c>
      <c r="D12554">
        <v>1.3</v>
      </c>
      <c r="E12554">
        <v>6198.66</v>
      </c>
      <c r="F12554">
        <v>40.700099999999999</v>
      </c>
    </row>
    <row r="12555" spans="1:6" x14ac:dyDescent="0.25">
      <c r="A12555">
        <v>160.41</v>
      </c>
      <c r="B12555">
        <v>214.93</v>
      </c>
      <c r="C12555">
        <v>3345.45</v>
      </c>
      <c r="D12555">
        <v>1.6</v>
      </c>
      <c r="E12555">
        <v>5648.48</v>
      </c>
      <c r="F12555">
        <v>36.637099999999997</v>
      </c>
    </row>
    <row r="12556" spans="1:6" x14ac:dyDescent="0.25">
      <c r="A12556">
        <v>160.41</v>
      </c>
      <c r="B12556">
        <v>214.93</v>
      </c>
      <c r="C12556">
        <v>3345.45</v>
      </c>
      <c r="D12556">
        <v>1.9</v>
      </c>
      <c r="E12556">
        <v>5397.31</v>
      </c>
      <c r="F12556">
        <v>20.4754</v>
      </c>
    </row>
    <row r="12557" spans="1:6" x14ac:dyDescent="0.25">
      <c r="A12557">
        <v>160.41</v>
      </c>
      <c r="B12557">
        <v>214.93</v>
      </c>
      <c r="C12557">
        <v>3345.45</v>
      </c>
      <c r="D12557">
        <v>2.2000000000000002</v>
      </c>
      <c r="E12557">
        <v>5056.1099999999997</v>
      </c>
      <c r="F12557">
        <v>48.799300000000002</v>
      </c>
    </row>
    <row r="12558" spans="1:6" x14ac:dyDescent="0.25">
      <c r="A12558">
        <v>160.41</v>
      </c>
      <c r="B12558">
        <v>214.93</v>
      </c>
      <c r="C12558">
        <v>3345.45</v>
      </c>
      <c r="D12558">
        <v>2.5</v>
      </c>
      <c r="E12558">
        <v>5061.54</v>
      </c>
      <c r="F12558">
        <v>48.241100000000003</v>
      </c>
    </row>
    <row r="12559" spans="1:6" x14ac:dyDescent="0.25">
      <c r="A12559">
        <v>160.41</v>
      </c>
      <c r="B12559">
        <v>214.93</v>
      </c>
      <c r="C12559">
        <v>3345.45</v>
      </c>
      <c r="D12559">
        <v>2.8</v>
      </c>
      <c r="E12559">
        <v>4837.7700000000004</v>
      </c>
      <c r="F12559">
        <v>38.1128</v>
      </c>
    </row>
    <row r="12560" spans="1:6" x14ac:dyDescent="0.25">
      <c r="A12560">
        <v>160.41</v>
      </c>
      <c r="B12560">
        <v>214.93</v>
      </c>
      <c r="C12560">
        <v>3345.45</v>
      </c>
      <c r="D12560">
        <v>3.1</v>
      </c>
      <c r="E12560">
        <v>4797.33</v>
      </c>
      <c r="F12560">
        <v>22.291599999999999</v>
      </c>
    </row>
    <row r="12561" spans="1:6" x14ac:dyDescent="0.25">
      <c r="A12561">
        <v>160.41</v>
      </c>
      <c r="B12561">
        <v>214.93</v>
      </c>
      <c r="C12561">
        <v>3345.45</v>
      </c>
      <c r="D12561">
        <v>3.4</v>
      </c>
      <c r="E12561">
        <v>4668.08</v>
      </c>
      <c r="F12561">
        <v>22.236699999999999</v>
      </c>
    </row>
    <row r="12562" spans="1:6" x14ac:dyDescent="0.25">
      <c r="A12562">
        <v>160.41</v>
      </c>
      <c r="B12562">
        <v>214.93</v>
      </c>
      <c r="C12562">
        <v>3345.45</v>
      </c>
      <c r="D12562">
        <v>3.7</v>
      </c>
      <c r="E12562">
        <v>4499.47</v>
      </c>
      <c r="F12562">
        <v>22.8964</v>
      </c>
    </row>
    <row r="12563" spans="1:6" x14ac:dyDescent="0.25">
      <c r="A12563">
        <v>160.41</v>
      </c>
      <c r="B12563">
        <v>214.93</v>
      </c>
      <c r="C12563">
        <v>3345.45</v>
      </c>
      <c r="D12563">
        <v>4</v>
      </c>
      <c r="E12563">
        <v>4543.5</v>
      </c>
      <c r="F12563">
        <v>23.463799999999999</v>
      </c>
    </row>
    <row r="12564" spans="1:6" x14ac:dyDescent="0.25">
      <c r="A12564">
        <v>160.41</v>
      </c>
      <c r="B12564">
        <v>214.93</v>
      </c>
      <c r="C12564">
        <v>4890.8999999999996</v>
      </c>
      <c r="D12564">
        <v>1</v>
      </c>
      <c r="E12564">
        <v>8612.16</v>
      </c>
      <c r="F12564">
        <v>37.7286</v>
      </c>
    </row>
    <row r="12565" spans="1:6" x14ac:dyDescent="0.25">
      <c r="A12565">
        <v>160.41</v>
      </c>
      <c r="B12565">
        <v>214.93</v>
      </c>
      <c r="C12565">
        <v>4890.8999999999996</v>
      </c>
      <c r="D12565">
        <v>1.3</v>
      </c>
      <c r="E12565">
        <v>7648.66</v>
      </c>
      <c r="F12565">
        <v>40.700099999999999</v>
      </c>
    </row>
    <row r="12566" spans="1:6" x14ac:dyDescent="0.25">
      <c r="A12566">
        <v>160.41</v>
      </c>
      <c r="B12566">
        <v>214.93</v>
      </c>
      <c r="C12566">
        <v>4890.8999999999996</v>
      </c>
      <c r="D12566">
        <v>1.6</v>
      </c>
      <c r="E12566">
        <v>7217.38</v>
      </c>
      <c r="F12566">
        <v>36.637099999999997</v>
      </c>
    </row>
    <row r="12567" spans="1:6" x14ac:dyDescent="0.25">
      <c r="A12567">
        <v>160.41</v>
      </c>
      <c r="B12567">
        <v>214.93</v>
      </c>
      <c r="C12567">
        <v>4890.8999999999996</v>
      </c>
      <c r="D12567">
        <v>1.9</v>
      </c>
      <c r="E12567">
        <v>6881.4</v>
      </c>
      <c r="F12567">
        <v>20.4754</v>
      </c>
    </row>
    <row r="12568" spans="1:6" x14ac:dyDescent="0.25">
      <c r="A12568">
        <v>160.41</v>
      </c>
      <c r="B12568">
        <v>214.93</v>
      </c>
      <c r="C12568">
        <v>4890.8999999999996</v>
      </c>
      <c r="D12568">
        <v>2.2000000000000002</v>
      </c>
      <c r="E12568">
        <v>6760.06</v>
      </c>
      <c r="F12568">
        <v>48.799300000000002</v>
      </c>
    </row>
    <row r="12569" spans="1:6" x14ac:dyDescent="0.25">
      <c r="A12569">
        <v>160.41</v>
      </c>
      <c r="B12569">
        <v>214.93</v>
      </c>
      <c r="C12569">
        <v>4890.8999999999996</v>
      </c>
      <c r="D12569">
        <v>2.5</v>
      </c>
      <c r="E12569">
        <v>6484.49</v>
      </c>
      <c r="F12569">
        <v>48.241100000000003</v>
      </c>
    </row>
    <row r="12570" spans="1:6" x14ac:dyDescent="0.25">
      <c r="A12570">
        <v>160.41</v>
      </c>
      <c r="B12570">
        <v>214.93</v>
      </c>
      <c r="C12570">
        <v>4890.8999999999996</v>
      </c>
      <c r="D12570">
        <v>2.8</v>
      </c>
      <c r="E12570">
        <v>6292.26</v>
      </c>
      <c r="F12570">
        <v>38.1128</v>
      </c>
    </row>
    <row r="12571" spans="1:6" x14ac:dyDescent="0.25">
      <c r="A12571">
        <v>160.41</v>
      </c>
      <c r="B12571">
        <v>214.93</v>
      </c>
      <c r="C12571">
        <v>4890.8999999999996</v>
      </c>
      <c r="D12571">
        <v>3.1</v>
      </c>
      <c r="E12571">
        <v>6241.42</v>
      </c>
      <c r="F12571">
        <v>22.291599999999999</v>
      </c>
    </row>
    <row r="12572" spans="1:6" x14ac:dyDescent="0.25">
      <c r="A12572">
        <v>160.41</v>
      </c>
      <c r="B12572">
        <v>214.93</v>
      </c>
      <c r="C12572">
        <v>4890.8999999999996</v>
      </c>
      <c r="D12572">
        <v>3.4</v>
      </c>
      <c r="E12572">
        <v>6105.74</v>
      </c>
      <c r="F12572">
        <v>22.236699999999999</v>
      </c>
    </row>
    <row r="12573" spans="1:6" x14ac:dyDescent="0.25">
      <c r="A12573">
        <v>160.41</v>
      </c>
      <c r="B12573">
        <v>214.93</v>
      </c>
      <c r="C12573">
        <v>4890.8999999999996</v>
      </c>
      <c r="D12573">
        <v>3.7</v>
      </c>
      <c r="E12573">
        <v>6016.33</v>
      </c>
      <c r="F12573">
        <v>22.8964</v>
      </c>
    </row>
    <row r="12574" spans="1:6" x14ac:dyDescent="0.25">
      <c r="A12574">
        <v>160.41</v>
      </c>
      <c r="B12574">
        <v>214.93</v>
      </c>
      <c r="C12574">
        <v>4890.8999999999996</v>
      </c>
      <c r="D12574">
        <v>4</v>
      </c>
      <c r="E12574">
        <v>5967.34</v>
      </c>
      <c r="F12574">
        <v>23.463799999999999</v>
      </c>
    </row>
    <row r="12575" spans="1:6" x14ac:dyDescent="0.25">
      <c r="A12575">
        <v>160.41</v>
      </c>
      <c r="B12575">
        <v>214.93</v>
      </c>
      <c r="C12575">
        <v>6436.35</v>
      </c>
      <c r="D12575">
        <v>1</v>
      </c>
      <c r="E12575">
        <v>9939.82</v>
      </c>
      <c r="F12575">
        <v>37.7286</v>
      </c>
    </row>
    <row r="12576" spans="1:6" x14ac:dyDescent="0.25">
      <c r="A12576">
        <v>160.41</v>
      </c>
      <c r="B12576">
        <v>214.93</v>
      </c>
      <c r="C12576">
        <v>6436.35</v>
      </c>
      <c r="D12576">
        <v>1.3</v>
      </c>
      <c r="E12576">
        <v>9230.75</v>
      </c>
      <c r="F12576">
        <v>40.700099999999999</v>
      </c>
    </row>
    <row r="12577" spans="1:6" x14ac:dyDescent="0.25">
      <c r="A12577">
        <v>160.41</v>
      </c>
      <c r="B12577">
        <v>214.93</v>
      </c>
      <c r="C12577">
        <v>6436.35</v>
      </c>
      <c r="D12577">
        <v>1.6</v>
      </c>
      <c r="E12577">
        <v>8642.7099999999991</v>
      </c>
      <c r="F12577">
        <v>36.637099999999997</v>
      </c>
    </row>
    <row r="12578" spans="1:6" x14ac:dyDescent="0.25">
      <c r="A12578">
        <v>160.41</v>
      </c>
      <c r="B12578">
        <v>214.93</v>
      </c>
      <c r="C12578">
        <v>6436.35</v>
      </c>
      <c r="D12578">
        <v>1.9</v>
      </c>
      <c r="E12578">
        <v>8480.41</v>
      </c>
      <c r="F12578">
        <v>20.4754</v>
      </c>
    </row>
    <row r="12579" spans="1:6" x14ac:dyDescent="0.25">
      <c r="A12579">
        <v>160.41</v>
      </c>
      <c r="B12579">
        <v>214.93</v>
      </c>
      <c r="C12579">
        <v>6436.35</v>
      </c>
      <c r="D12579">
        <v>2.2000000000000002</v>
      </c>
      <c r="E12579">
        <v>8239.99</v>
      </c>
      <c r="F12579">
        <v>48.799300000000002</v>
      </c>
    </row>
    <row r="12580" spans="1:6" x14ac:dyDescent="0.25">
      <c r="A12580">
        <v>160.41</v>
      </c>
      <c r="B12580">
        <v>214.93</v>
      </c>
      <c r="C12580">
        <v>6436.35</v>
      </c>
      <c r="D12580">
        <v>2.5</v>
      </c>
      <c r="E12580">
        <v>8029.07</v>
      </c>
      <c r="F12580">
        <v>48.241100000000003</v>
      </c>
    </row>
    <row r="12581" spans="1:6" x14ac:dyDescent="0.25">
      <c r="A12581">
        <v>160.41</v>
      </c>
      <c r="B12581">
        <v>214.93</v>
      </c>
      <c r="C12581">
        <v>6436.35</v>
      </c>
      <c r="D12581">
        <v>2.8</v>
      </c>
      <c r="E12581">
        <v>7841.14</v>
      </c>
      <c r="F12581">
        <v>38.1128</v>
      </c>
    </row>
    <row r="12582" spans="1:6" x14ac:dyDescent="0.25">
      <c r="A12582">
        <v>160.41</v>
      </c>
      <c r="B12582">
        <v>214.93</v>
      </c>
      <c r="C12582">
        <v>6436.35</v>
      </c>
      <c r="D12582">
        <v>3.1</v>
      </c>
      <c r="E12582">
        <v>7773.66</v>
      </c>
      <c r="F12582">
        <v>22.291599999999999</v>
      </c>
    </row>
    <row r="12583" spans="1:6" x14ac:dyDescent="0.25">
      <c r="A12583">
        <v>160.41</v>
      </c>
      <c r="B12583">
        <v>214.93</v>
      </c>
      <c r="C12583">
        <v>6436.35</v>
      </c>
      <c r="D12583">
        <v>3.4</v>
      </c>
      <c r="E12583">
        <v>7678.52</v>
      </c>
      <c r="F12583">
        <v>22.236699999999999</v>
      </c>
    </row>
    <row r="12584" spans="1:6" x14ac:dyDescent="0.25">
      <c r="A12584">
        <v>160.41</v>
      </c>
      <c r="B12584">
        <v>214.93</v>
      </c>
      <c r="C12584">
        <v>6436.35</v>
      </c>
      <c r="D12584">
        <v>3.7</v>
      </c>
      <c r="E12584">
        <v>7559.86</v>
      </c>
      <c r="F12584">
        <v>22.8964</v>
      </c>
    </row>
    <row r="12585" spans="1:6" x14ac:dyDescent="0.25">
      <c r="A12585">
        <v>160.41</v>
      </c>
      <c r="B12585">
        <v>214.93</v>
      </c>
      <c r="C12585">
        <v>6436.35</v>
      </c>
      <c r="D12585">
        <v>4</v>
      </c>
      <c r="E12585">
        <v>7483.09</v>
      </c>
      <c r="F12585">
        <v>23.463799999999999</v>
      </c>
    </row>
    <row r="12586" spans="1:6" x14ac:dyDescent="0.25">
      <c r="A12586">
        <v>160.41</v>
      </c>
      <c r="B12586">
        <v>214.93</v>
      </c>
      <c r="C12586">
        <v>7981.8</v>
      </c>
      <c r="D12586">
        <v>1</v>
      </c>
      <c r="E12586">
        <v>11483</v>
      </c>
      <c r="F12586">
        <v>37.7286</v>
      </c>
    </row>
    <row r="12587" spans="1:6" x14ac:dyDescent="0.25">
      <c r="A12587">
        <v>160.41</v>
      </c>
      <c r="B12587">
        <v>214.93</v>
      </c>
      <c r="C12587">
        <v>7981.8</v>
      </c>
      <c r="D12587">
        <v>1.3</v>
      </c>
      <c r="E12587">
        <v>10912.2</v>
      </c>
      <c r="F12587">
        <v>40.700099999999999</v>
      </c>
    </row>
    <row r="12588" spans="1:6" x14ac:dyDescent="0.25">
      <c r="A12588">
        <v>160.41</v>
      </c>
      <c r="B12588">
        <v>214.93</v>
      </c>
      <c r="C12588">
        <v>7981.8</v>
      </c>
      <c r="D12588">
        <v>1.6</v>
      </c>
      <c r="E12588">
        <v>10179.200000000001</v>
      </c>
      <c r="F12588">
        <v>36.637099999999997</v>
      </c>
    </row>
    <row r="12589" spans="1:6" x14ac:dyDescent="0.25">
      <c r="A12589">
        <v>160.41</v>
      </c>
      <c r="B12589">
        <v>214.93</v>
      </c>
      <c r="C12589">
        <v>7981.8</v>
      </c>
      <c r="D12589">
        <v>1.9</v>
      </c>
      <c r="E12589">
        <v>9919.08</v>
      </c>
      <c r="F12589">
        <v>20.4754</v>
      </c>
    </row>
    <row r="12590" spans="1:6" x14ac:dyDescent="0.25">
      <c r="A12590">
        <v>160.41</v>
      </c>
      <c r="B12590">
        <v>214.93</v>
      </c>
      <c r="C12590">
        <v>7981.8</v>
      </c>
      <c r="D12590">
        <v>2.2000000000000002</v>
      </c>
      <c r="E12590">
        <v>9766.83</v>
      </c>
      <c r="F12590">
        <v>48.799300000000002</v>
      </c>
    </row>
    <row r="12591" spans="1:6" x14ac:dyDescent="0.25">
      <c r="A12591">
        <v>160.41</v>
      </c>
      <c r="B12591">
        <v>214.93</v>
      </c>
      <c r="C12591">
        <v>7981.8</v>
      </c>
      <c r="D12591">
        <v>2.5</v>
      </c>
      <c r="E12591">
        <v>9456.98</v>
      </c>
      <c r="F12591">
        <v>48.241100000000003</v>
      </c>
    </row>
    <row r="12592" spans="1:6" x14ac:dyDescent="0.25">
      <c r="A12592">
        <v>160.41</v>
      </c>
      <c r="B12592">
        <v>214.93</v>
      </c>
      <c r="C12592">
        <v>7981.8</v>
      </c>
      <c r="D12592">
        <v>2.8</v>
      </c>
      <c r="E12592">
        <v>9310.67</v>
      </c>
      <c r="F12592">
        <v>38.1128</v>
      </c>
    </row>
    <row r="12593" spans="1:6" x14ac:dyDescent="0.25">
      <c r="A12593">
        <v>160.41</v>
      </c>
      <c r="B12593">
        <v>214.93</v>
      </c>
      <c r="C12593">
        <v>7981.8</v>
      </c>
      <c r="D12593">
        <v>3.1</v>
      </c>
      <c r="E12593">
        <v>9182.7999999999993</v>
      </c>
      <c r="F12593">
        <v>22.291599999999999</v>
      </c>
    </row>
    <row r="12594" spans="1:6" x14ac:dyDescent="0.25">
      <c r="A12594">
        <v>160.41</v>
      </c>
      <c r="B12594">
        <v>214.93</v>
      </c>
      <c r="C12594">
        <v>7981.8</v>
      </c>
      <c r="D12594">
        <v>3.4</v>
      </c>
      <c r="E12594">
        <v>9180.5</v>
      </c>
      <c r="F12594">
        <v>22.236699999999999</v>
      </c>
    </row>
    <row r="12595" spans="1:6" x14ac:dyDescent="0.25">
      <c r="A12595">
        <v>160.41</v>
      </c>
      <c r="B12595">
        <v>214.93</v>
      </c>
      <c r="C12595">
        <v>7981.8</v>
      </c>
      <c r="D12595">
        <v>3.7</v>
      </c>
      <c r="E12595">
        <v>9132.0400000000009</v>
      </c>
      <c r="F12595">
        <v>22.8964</v>
      </c>
    </row>
    <row r="12596" spans="1:6" x14ac:dyDescent="0.25">
      <c r="A12596">
        <v>160.41</v>
      </c>
      <c r="B12596">
        <v>214.93</v>
      </c>
      <c r="C12596">
        <v>7981.8</v>
      </c>
      <c r="D12596">
        <v>4</v>
      </c>
      <c r="E12596">
        <v>8979.7900000000009</v>
      </c>
      <c r="F12596">
        <v>23.463799999999999</v>
      </c>
    </row>
    <row r="12597" spans="1:6" x14ac:dyDescent="0.25">
      <c r="A12597">
        <v>160.41</v>
      </c>
      <c r="B12597">
        <v>214.93</v>
      </c>
      <c r="C12597">
        <v>9527.25</v>
      </c>
      <c r="D12597">
        <v>1</v>
      </c>
      <c r="E12597">
        <v>13055.6</v>
      </c>
      <c r="F12597">
        <v>37.7286</v>
      </c>
    </row>
    <row r="12598" spans="1:6" x14ac:dyDescent="0.25">
      <c r="A12598">
        <v>160.41</v>
      </c>
      <c r="B12598">
        <v>214.93</v>
      </c>
      <c r="C12598">
        <v>9527.25</v>
      </c>
      <c r="D12598">
        <v>1.3</v>
      </c>
      <c r="E12598">
        <v>12181.8</v>
      </c>
      <c r="F12598">
        <v>40.700099999999999</v>
      </c>
    </row>
    <row r="12599" spans="1:6" x14ac:dyDescent="0.25">
      <c r="A12599">
        <v>160.41</v>
      </c>
      <c r="B12599">
        <v>214.93</v>
      </c>
      <c r="C12599">
        <v>9527.25</v>
      </c>
      <c r="D12599">
        <v>1.6</v>
      </c>
      <c r="E12599">
        <v>11865.9</v>
      </c>
      <c r="F12599">
        <v>36.637099999999997</v>
      </c>
    </row>
    <row r="12600" spans="1:6" x14ac:dyDescent="0.25">
      <c r="A12600">
        <v>160.41</v>
      </c>
      <c r="B12600">
        <v>214.93</v>
      </c>
      <c r="C12600">
        <v>9527.25</v>
      </c>
      <c r="D12600">
        <v>1.9</v>
      </c>
      <c r="E12600">
        <v>11423.5</v>
      </c>
      <c r="F12600">
        <v>20.4754</v>
      </c>
    </row>
    <row r="12601" spans="1:6" x14ac:dyDescent="0.25">
      <c r="A12601">
        <v>160.41</v>
      </c>
      <c r="B12601">
        <v>214.93</v>
      </c>
      <c r="C12601">
        <v>9527.25</v>
      </c>
      <c r="D12601">
        <v>2.2000000000000002</v>
      </c>
      <c r="E12601">
        <v>11354.3</v>
      </c>
      <c r="F12601">
        <v>48.799300000000002</v>
      </c>
    </row>
    <row r="12602" spans="1:6" x14ac:dyDescent="0.25">
      <c r="A12602">
        <v>160.41</v>
      </c>
      <c r="B12602">
        <v>214.93</v>
      </c>
      <c r="C12602">
        <v>9527.25</v>
      </c>
      <c r="D12602">
        <v>2.5</v>
      </c>
      <c r="E12602">
        <v>10962.1</v>
      </c>
      <c r="F12602">
        <v>48.241100000000003</v>
      </c>
    </row>
    <row r="12603" spans="1:6" x14ac:dyDescent="0.25">
      <c r="A12603">
        <v>160.41</v>
      </c>
      <c r="B12603">
        <v>214.93</v>
      </c>
      <c r="C12603">
        <v>9527.25</v>
      </c>
      <c r="D12603">
        <v>2.8</v>
      </c>
      <c r="E12603">
        <v>10877.6</v>
      </c>
      <c r="F12603">
        <v>38.1128</v>
      </c>
    </row>
    <row r="12604" spans="1:6" x14ac:dyDescent="0.25">
      <c r="A12604">
        <v>160.41</v>
      </c>
      <c r="B12604">
        <v>214.93</v>
      </c>
      <c r="C12604">
        <v>9527.25</v>
      </c>
      <c r="D12604">
        <v>3.1</v>
      </c>
      <c r="E12604">
        <v>10744.5</v>
      </c>
      <c r="F12604">
        <v>22.291599999999999</v>
      </c>
    </row>
    <row r="12605" spans="1:6" x14ac:dyDescent="0.25">
      <c r="A12605">
        <v>160.41</v>
      </c>
      <c r="B12605">
        <v>214.93</v>
      </c>
      <c r="C12605">
        <v>9527.25</v>
      </c>
      <c r="D12605">
        <v>3.4</v>
      </c>
      <c r="E12605">
        <v>10658.2</v>
      </c>
      <c r="F12605">
        <v>22.236699999999999</v>
      </c>
    </row>
    <row r="12606" spans="1:6" x14ac:dyDescent="0.25">
      <c r="A12606">
        <v>160.41</v>
      </c>
      <c r="B12606">
        <v>214.93</v>
      </c>
      <c r="C12606">
        <v>9527.25</v>
      </c>
      <c r="D12606">
        <v>3.7</v>
      </c>
      <c r="E12606">
        <v>10545.6</v>
      </c>
      <c r="F12606">
        <v>22.8964</v>
      </c>
    </row>
    <row r="12607" spans="1:6" x14ac:dyDescent="0.25">
      <c r="A12607">
        <v>160.41</v>
      </c>
      <c r="B12607">
        <v>214.93</v>
      </c>
      <c r="C12607">
        <v>9527.25</v>
      </c>
      <c r="D12607">
        <v>4</v>
      </c>
      <c r="E12607">
        <v>10578.4</v>
      </c>
      <c r="F12607">
        <v>23.463799999999999</v>
      </c>
    </row>
    <row r="12608" spans="1:6" x14ac:dyDescent="0.25">
      <c r="A12608">
        <v>160.41</v>
      </c>
      <c r="B12608">
        <v>214.93</v>
      </c>
      <c r="C12608">
        <v>11072.7</v>
      </c>
      <c r="D12608">
        <v>1</v>
      </c>
      <c r="E12608">
        <v>14537.9</v>
      </c>
      <c r="F12608">
        <v>37.7286</v>
      </c>
    </row>
    <row r="12609" spans="1:6" x14ac:dyDescent="0.25">
      <c r="A12609">
        <v>160.41</v>
      </c>
      <c r="B12609">
        <v>214.93</v>
      </c>
      <c r="C12609">
        <v>11072.7</v>
      </c>
      <c r="D12609">
        <v>1.3</v>
      </c>
      <c r="E12609">
        <v>13626.4</v>
      </c>
      <c r="F12609">
        <v>40.700099999999999</v>
      </c>
    </row>
    <row r="12610" spans="1:6" x14ac:dyDescent="0.25">
      <c r="A12610">
        <v>160.41</v>
      </c>
      <c r="B12610">
        <v>214.93</v>
      </c>
      <c r="C12610">
        <v>11072.7</v>
      </c>
      <c r="D12610">
        <v>1.6</v>
      </c>
      <c r="E12610">
        <v>13316.1</v>
      </c>
      <c r="F12610">
        <v>36.637099999999997</v>
      </c>
    </row>
    <row r="12611" spans="1:6" x14ac:dyDescent="0.25">
      <c r="A12611">
        <v>160.41</v>
      </c>
      <c r="B12611">
        <v>214.93</v>
      </c>
      <c r="C12611">
        <v>11072.7</v>
      </c>
      <c r="D12611">
        <v>1.9</v>
      </c>
      <c r="E12611">
        <v>12872.2</v>
      </c>
      <c r="F12611">
        <v>20.4754</v>
      </c>
    </row>
    <row r="12612" spans="1:6" x14ac:dyDescent="0.25">
      <c r="A12612">
        <v>160.41</v>
      </c>
      <c r="B12612">
        <v>214.93</v>
      </c>
      <c r="C12612">
        <v>11072.7</v>
      </c>
      <c r="D12612">
        <v>2.2000000000000002</v>
      </c>
      <c r="E12612">
        <v>12827.4</v>
      </c>
      <c r="F12612">
        <v>48.799300000000002</v>
      </c>
    </row>
    <row r="12613" spans="1:6" x14ac:dyDescent="0.25">
      <c r="A12613">
        <v>160.41</v>
      </c>
      <c r="B12613">
        <v>214.93</v>
      </c>
      <c r="C12613">
        <v>11072.7</v>
      </c>
      <c r="D12613">
        <v>2.5</v>
      </c>
      <c r="E12613">
        <v>12582.1</v>
      </c>
      <c r="F12613">
        <v>48.241100000000003</v>
      </c>
    </row>
    <row r="12614" spans="1:6" x14ac:dyDescent="0.25">
      <c r="A12614">
        <v>160.41</v>
      </c>
      <c r="B12614">
        <v>214.93</v>
      </c>
      <c r="C12614">
        <v>11072.7</v>
      </c>
      <c r="D12614">
        <v>2.8</v>
      </c>
      <c r="E12614">
        <v>12405.6</v>
      </c>
      <c r="F12614">
        <v>38.1128</v>
      </c>
    </row>
    <row r="12615" spans="1:6" x14ac:dyDescent="0.25">
      <c r="A12615">
        <v>160.41</v>
      </c>
      <c r="B12615">
        <v>214.93</v>
      </c>
      <c r="C12615">
        <v>11072.7</v>
      </c>
      <c r="D12615">
        <v>3.1</v>
      </c>
      <c r="E12615">
        <v>12331.1</v>
      </c>
      <c r="F12615">
        <v>22.291599999999999</v>
      </c>
    </row>
    <row r="12616" spans="1:6" x14ac:dyDescent="0.25">
      <c r="A12616">
        <v>160.41</v>
      </c>
      <c r="B12616">
        <v>214.93</v>
      </c>
      <c r="C12616">
        <v>11072.7</v>
      </c>
      <c r="D12616">
        <v>3.4</v>
      </c>
      <c r="E12616">
        <v>12181.1</v>
      </c>
      <c r="F12616">
        <v>22.236699999999999</v>
      </c>
    </row>
    <row r="12617" spans="1:6" x14ac:dyDescent="0.25">
      <c r="A12617">
        <v>160.41</v>
      </c>
      <c r="B12617">
        <v>214.93</v>
      </c>
      <c r="C12617">
        <v>11072.7</v>
      </c>
      <c r="D12617">
        <v>3.7</v>
      </c>
      <c r="E12617">
        <v>12171.3</v>
      </c>
      <c r="F12617">
        <v>22.8964</v>
      </c>
    </row>
    <row r="12618" spans="1:6" x14ac:dyDescent="0.25">
      <c r="A12618">
        <v>160.41</v>
      </c>
      <c r="B12618">
        <v>214.93</v>
      </c>
      <c r="C12618">
        <v>11072.7</v>
      </c>
      <c r="D12618">
        <v>4</v>
      </c>
      <c r="E12618">
        <v>12004.3</v>
      </c>
      <c r="F12618">
        <v>23.463799999999999</v>
      </c>
    </row>
    <row r="12619" spans="1:6" x14ac:dyDescent="0.25">
      <c r="A12619">
        <v>160.41</v>
      </c>
      <c r="B12619">
        <v>214.93</v>
      </c>
      <c r="C12619">
        <v>12618.2</v>
      </c>
      <c r="D12619">
        <v>1</v>
      </c>
      <c r="E12619">
        <v>15920.6</v>
      </c>
      <c r="F12619">
        <v>37.7286</v>
      </c>
    </row>
    <row r="12620" spans="1:6" x14ac:dyDescent="0.25">
      <c r="A12620">
        <v>160.41</v>
      </c>
      <c r="B12620">
        <v>214.93</v>
      </c>
      <c r="C12620">
        <v>12618.2</v>
      </c>
      <c r="D12620">
        <v>1.3</v>
      </c>
      <c r="E12620">
        <v>15119.7</v>
      </c>
      <c r="F12620">
        <v>40.700099999999999</v>
      </c>
    </row>
    <row r="12621" spans="1:6" x14ac:dyDescent="0.25">
      <c r="A12621">
        <v>160.41</v>
      </c>
      <c r="B12621">
        <v>214.93</v>
      </c>
      <c r="C12621">
        <v>12618.2</v>
      </c>
      <c r="D12621">
        <v>1.6</v>
      </c>
      <c r="E12621">
        <v>14798.4</v>
      </c>
      <c r="F12621">
        <v>36.637099999999997</v>
      </c>
    </row>
    <row r="12622" spans="1:6" x14ac:dyDescent="0.25">
      <c r="A12622">
        <v>160.41</v>
      </c>
      <c r="B12622">
        <v>214.93</v>
      </c>
      <c r="C12622">
        <v>12618.2</v>
      </c>
      <c r="D12622">
        <v>1.9</v>
      </c>
      <c r="E12622">
        <v>14469.7</v>
      </c>
      <c r="F12622">
        <v>20.4754</v>
      </c>
    </row>
    <row r="12623" spans="1:6" x14ac:dyDescent="0.25">
      <c r="A12623">
        <v>160.41</v>
      </c>
      <c r="B12623">
        <v>214.93</v>
      </c>
      <c r="C12623">
        <v>12618.2</v>
      </c>
      <c r="D12623">
        <v>2.2000000000000002</v>
      </c>
      <c r="E12623">
        <v>14232.9</v>
      </c>
      <c r="F12623">
        <v>48.799300000000002</v>
      </c>
    </row>
    <row r="12624" spans="1:6" x14ac:dyDescent="0.25">
      <c r="A12624">
        <v>160.41</v>
      </c>
      <c r="B12624">
        <v>214.93</v>
      </c>
      <c r="C12624">
        <v>12618.2</v>
      </c>
      <c r="D12624">
        <v>2.5</v>
      </c>
      <c r="E12624">
        <v>14089.2</v>
      </c>
      <c r="F12624">
        <v>48.241100000000003</v>
      </c>
    </row>
    <row r="12625" spans="1:6" x14ac:dyDescent="0.25">
      <c r="A12625">
        <v>160.41</v>
      </c>
      <c r="B12625">
        <v>214.93</v>
      </c>
      <c r="C12625">
        <v>12618.2</v>
      </c>
      <c r="D12625">
        <v>2.8</v>
      </c>
      <c r="E12625">
        <v>13882.6</v>
      </c>
      <c r="F12625">
        <v>38.1128</v>
      </c>
    </row>
    <row r="12626" spans="1:6" x14ac:dyDescent="0.25">
      <c r="A12626">
        <v>160.41</v>
      </c>
      <c r="B12626">
        <v>214.93</v>
      </c>
      <c r="C12626">
        <v>12618.2</v>
      </c>
      <c r="D12626">
        <v>3.1</v>
      </c>
      <c r="E12626">
        <v>13779.9</v>
      </c>
      <c r="F12626">
        <v>22.291599999999999</v>
      </c>
    </row>
    <row r="12627" spans="1:6" x14ac:dyDescent="0.25">
      <c r="A12627">
        <v>160.41</v>
      </c>
      <c r="B12627">
        <v>214.93</v>
      </c>
      <c r="C12627">
        <v>12618.2</v>
      </c>
      <c r="D12627">
        <v>3.4</v>
      </c>
      <c r="E12627">
        <v>13703</v>
      </c>
      <c r="F12627">
        <v>22.236699999999999</v>
      </c>
    </row>
    <row r="12628" spans="1:6" x14ac:dyDescent="0.25">
      <c r="A12628">
        <v>160.41</v>
      </c>
      <c r="B12628">
        <v>214.93</v>
      </c>
      <c r="C12628">
        <v>12618.2</v>
      </c>
      <c r="D12628">
        <v>3.7</v>
      </c>
      <c r="E12628">
        <v>13667.8</v>
      </c>
      <c r="F12628">
        <v>22.8964</v>
      </c>
    </row>
    <row r="12629" spans="1:6" x14ac:dyDescent="0.25">
      <c r="A12629">
        <v>160.41</v>
      </c>
      <c r="B12629">
        <v>214.93</v>
      </c>
      <c r="C12629">
        <v>12618.2</v>
      </c>
      <c r="D12629">
        <v>4</v>
      </c>
      <c r="E12629">
        <v>13498.1</v>
      </c>
      <c r="F12629">
        <v>23.463799999999999</v>
      </c>
    </row>
    <row r="12630" spans="1:6" x14ac:dyDescent="0.25">
      <c r="A12630">
        <v>160.41</v>
      </c>
      <c r="B12630">
        <v>214.93</v>
      </c>
      <c r="C12630">
        <v>14163.6</v>
      </c>
      <c r="D12630">
        <v>1</v>
      </c>
      <c r="E12630">
        <v>16312.8</v>
      </c>
      <c r="F12630">
        <v>37.7286</v>
      </c>
    </row>
    <row r="12631" spans="1:6" x14ac:dyDescent="0.25">
      <c r="A12631">
        <v>160.41</v>
      </c>
      <c r="B12631">
        <v>214.93</v>
      </c>
      <c r="C12631">
        <v>14163.6</v>
      </c>
      <c r="D12631">
        <v>1.3</v>
      </c>
      <c r="E12631">
        <v>15925.1</v>
      </c>
      <c r="F12631">
        <v>40.700099999999999</v>
      </c>
    </row>
    <row r="12632" spans="1:6" x14ac:dyDescent="0.25">
      <c r="A12632">
        <v>160.41</v>
      </c>
      <c r="B12632">
        <v>214.93</v>
      </c>
      <c r="C12632">
        <v>14163.6</v>
      </c>
      <c r="D12632">
        <v>1.6</v>
      </c>
      <c r="E12632">
        <v>15672.5</v>
      </c>
      <c r="F12632">
        <v>36.637099999999997</v>
      </c>
    </row>
    <row r="12633" spans="1:6" x14ac:dyDescent="0.25">
      <c r="A12633">
        <v>160.41</v>
      </c>
      <c r="B12633">
        <v>214.93</v>
      </c>
      <c r="C12633">
        <v>14163.6</v>
      </c>
      <c r="D12633">
        <v>1.9</v>
      </c>
      <c r="E12633">
        <v>15552.6</v>
      </c>
      <c r="F12633">
        <v>20.4754</v>
      </c>
    </row>
    <row r="12634" spans="1:6" x14ac:dyDescent="0.25">
      <c r="A12634">
        <v>160.41</v>
      </c>
      <c r="B12634">
        <v>214.93</v>
      </c>
      <c r="C12634">
        <v>14163.6</v>
      </c>
      <c r="D12634">
        <v>2.2000000000000002</v>
      </c>
      <c r="E12634">
        <v>15399.9</v>
      </c>
      <c r="F12634">
        <v>48.799300000000002</v>
      </c>
    </row>
    <row r="12635" spans="1:6" x14ac:dyDescent="0.25">
      <c r="A12635">
        <v>160.41</v>
      </c>
      <c r="B12635">
        <v>214.93</v>
      </c>
      <c r="C12635">
        <v>14163.6</v>
      </c>
      <c r="D12635">
        <v>2.5</v>
      </c>
      <c r="E12635">
        <v>15312.2</v>
      </c>
      <c r="F12635">
        <v>48.241100000000003</v>
      </c>
    </row>
    <row r="12636" spans="1:6" x14ac:dyDescent="0.25">
      <c r="A12636">
        <v>160.41</v>
      </c>
      <c r="B12636">
        <v>214.93</v>
      </c>
      <c r="C12636">
        <v>14163.6</v>
      </c>
      <c r="D12636">
        <v>2.8</v>
      </c>
      <c r="E12636">
        <v>15072.3</v>
      </c>
      <c r="F12636">
        <v>38.1128</v>
      </c>
    </row>
    <row r="12637" spans="1:6" x14ac:dyDescent="0.25">
      <c r="A12637">
        <v>160.41</v>
      </c>
      <c r="B12637">
        <v>214.93</v>
      </c>
      <c r="C12637">
        <v>14163.6</v>
      </c>
      <c r="D12637">
        <v>3.1</v>
      </c>
      <c r="E12637">
        <v>14667.6</v>
      </c>
      <c r="F12637">
        <v>22.291599999999999</v>
      </c>
    </row>
    <row r="12638" spans="1:6" x14ac:dyDescent="0.25">
      <c r="A12638">
        <v>160.41</v>
      </c>
      <c r="B12638">
        <v>214.93</v>
      </c>
      <c r="C12638">
        <v>14163.6</v>
      </c>
      <c r="D12638">
        <v>3.4</v>
      </c>
      <c r="E12638">
        <v>14979.5</v>
      </c>
      <c r="F12638">
        <v>22.236699999999999</v>
      </c>
    </row>
    <row r="12639" spans="1:6" x14ac:dyDescent="0.25">
      <c r="A12639">
        <v>160.41</v>
      </c>
      <c r="B12639">
        <v>214.93</v>
      </c>
      <c r="C12639">
        <v>14163.6</v>
      </c>
      <c r="D12639">
        <v>3.7</v>
      </c>
      <c r="E12639">
        <v>14787.8</v>
      </c>
      <c r="F12639">
        <v>22.8964</v>
      </c>
    </row>
    <row r="12640" spans="1:6" x14ac:dyDescent="0.25">
      <c r="A12640">
        <v>160.41</v>
      </c>
      <c r="B12640">
        <v>214.93</v>
      </c>
      <c r="C12640">
        <v>14163.6</v>
      </c>
      <c r="D12640">
        <v>4</v>
      </c>
      <c r="E12640">
        <v>14783.8</v>
      </c>
      <c r="F12640">
        <v>23.463799999999999</v>
      </c>
    </row>
    <row r="12641" spans="1:6" x14ac:dyDescent="0.25">
      <c r="A12641">
        <v>160.41</v>
      </c>
      <c r="B12641">
        <v>214.93</v>
      </c>
      <c r="C12641">
        <v>15709.1</v>
      </c>
      <c r="D12641">
        <v>1</v>
      </c>
      <c r="E12641">
        <v>17665.2</v>
      </c>
      <c r="F12641">
        <v>37.7286</v>
      </c>
    </row>
    <row r="12642" spans="1:6" x14ac:dyDescent="0.25">
      <c r="A12642">
        <v>160.41</v>
      </c>
      <c r="B12642">
        <v>214.93</v>
      </c>
      <c r="C12642">
        <v>15709.1</v>
      </c>
      <c r="D12642">
        <v>1.3</v>
      </c>
      <c r="E12642">
        <v>15925.1</v>
      </c>
      <c r="F12642">
        <v>40.700099999999999</v>
      </c>
    </row>
    <row r="12643" spans="1:6" x14ac:dyDescent="0.25">
      <c r="A12643">
        <v>160.41</v>
      </c>
      <c r="B12643">
        <v>214.93</v>
      </c>
      <c r="C12643">
        <v>15709.1</v>
      </c>
      <c r="D12643">
        <v>1.6</v>
      </c>
      <c r="E12643">
        <v>16549.400000000001</v>
      </c>
      <c r="F12643">
        <v>36.637099999999997</v>
      </c>
    </row>
    <row r="12644" spans="1:6" x14ac:dyDescent="0.25">
      <c r="A12644">
        <v>160.41</v>
      </c>
      <c r="B12644">
        <v>214.93</v>
      </c>
      <c r="C12644">
        <v>15709.1</v>
      </c>
      <c r="D12644">
        <v>1.9</v>
      </c>
      <c r="E12644">
        <v>15552.6</v>
      </c>
      <c r="F12644">
        <v>20.4754</v>
      </c>
    </row>
    <row r="12645" spans="1:6" x14ac:dyDescent="0.25">
      <c r="A12645">
        <v>160.41</v>
      </c>
      <c r="B12645">
        <v>214.93</v>
      </c>
      <c r="C12645">
        <v>15709.1</v>
      </c>
      <c r="D12645">
        <v>2.2000000000000002</v>
      </c>
      <c r="E12645">
        <v>16632.2</v>
      </c>
      <c r="F12645">
        <v>48.799300000000002</v>
      </c>
    </row>
    <row r="12646" spans="1:6" x14ac:dyDescent="0.25">
      <c r="A12646">
        <v>160.41</v>
      </c>
      <c r="B12646">
        <v>214.93</v>
      </c>
      <c r="C12646">
        <v>15709.1</v>
      </c>
      <c r="D12646">
        <v>2.5</v>
      </c>
      <c r="E12646">
        <v>15740.1</v>
      </c>
      <c r="F12646">
        <v>48.241100000000003</v>
      </c>
    </row>
    <row r="12647" spans="1:6" x14ac:dyDescent="0.25">
      <c r="A12647">
        <v>160.41</v>
      </c>
      <c r="B12647">
        <v>214.93</v>
      </c>
      <c r="C12647">
        <v>15709.1</v>
      </c>
      <c r="D12647">
        <v>2.8</v>
      </c>
      <c r="E12647">
        <v>15690.5</v>
      </c>
      <c r="F12647">
        <v>38.1128</v>
      </c>
    </row>
    <row r="12648" spans="1:6" x14ac:dyDescent="0.25">
      <c r="A12648">
        <v>160.41</v>
      </c>
      <c r="B12648">
        <v>214.93</v>
      </c>
      <c r="C12648">
        <v>15709.1</v>
      </c>
      <c r="D12648">
        <v>3.1</v>
      </c>
      <c r="E12648">
        <v>16383.8</v>
      </c>
      <c r="F12648">
        <v>22.291599999999999</v>
      </c>
    </row>
    <row r="12649" spans="1:6" x14ac:dyDescent="0.25">
      <c r="A12649">
        <v>160.41</v>
      </c>
      <c r="B12649">
        <v>214.93</v>
      </c>
      <c r="C12649">
        <v>15709.1</v>
      </c>
      <c r="D12649">
        <v>3.4</v>
      </c>
      <c r="E12649">
        <v>15056.3</v>
      </c>
      <c r="F12649">
        <v>22.236699999999999</v>
      </c>
    </row>
    <row r="12650" spans="1:6" x14ac:dyDescent="0.25">
      <c r="A12650">
        <v>160.41</v>
      </c>
      <c r="B12650">
        <v>214.93</v>
      </c>
      <c r="C12650">
        <v>15709.1</v>
      </c>
      <c r="D12650">
        <v>3.7</v>
      </c>
      <c r="E12650">
        <v>14787.8</v>
      </c>
      <c r="F12650">
        <v>22.8964</v>
      </c>
    </row>
    <row r="12651" spans="1:6" x14ac:dyDescent="0.25">
      <c r="A12651">
        <v>160.41</v>
      </c>
      <c r="B12651">
        <v>214.93</v>
      </c>
      <c r="C12651">
        <v>15709.1</v>
      </c>
      <c r="D12651">
        <v>4</v>
      </c>
      <c r="E12651">
        <v>14783.8</v>
      </c>
      <c r="F12651">
        <v>23.463799999999999</v>
      </c>
    </row>
    <row r="12652" spans="1:6" x14ac:dyDescent="0.25">
      <c r="A12652">
        <v>160.41</v>
      </c>
      <c r="B12652">
        <v>214.93</v>
      </c>
      <c r="C12652">
        <v>17254.5</v>
      </c>
      <c r="D12652">
        <v>1</v>
      </c>
      <c r="E12652">
        <v>17665.2</v>
      </c>
      <c r="F12652">
        <v>37.7286</v>
      </c>
    </row>
    <row r="12653" spans="1:6" x14ac:dyDescent="0.25">
      <c r="A12653">
        <v>160.41</v>
      </c>
      <c r="B12653">
        <v>214.93</v>
      </c>
      <c r="C12653">
        <v>17254.5</v>
      </c>
      <c r="D12653">
        <v>1.3</v>
      </c>
      <c r="E12653">
        <v>15925.1</v>
      </c>
      <c r="F12653">
        <v>40.700099999999999</v>
      </c>
    </row>
    <row r="12654" spans="1:6" x14ac:dyDescent="0.25">
      <c r="A12654">
        <v>160.41</v>
      </c>
      <c r="B12654">
        <v>214.93</v>
      </c>
      <c r="C12654">
        <v>17254.5</v>
      </c>
      <c r="D12654">
        <v>1.6</v>
      </c>
      <c r="E12654">
        <v>16549.400000000001</v>
      </c>
      <c r="F12654">
        <v>36.637099999999997</v>
      </c>
    </row>
    <row r="12655" spans="1:6" x14ac:dyDescent="0.25">
      <c r="A12655">
        <v>160.41</v>
      </c>
      <c r="B12655">
        <v>214.93</v>
      </c>
      <c r="C12655">
        <v>17254.5</v>
      </c>
      <c r="D12655">
        <v>1.9</v>
      </c>
      <c r="E12655">
        <v>15552.6</v>
      </c>
      <c r="F12655">
        <v>20.4754</v>
      </c>
    </row>
    <row r="12656" spans="1:6" x14ac:dyDescent="0.25">
      <c r="A12656">
        <v>160.41</v>
      </c>
      <c r="B12656">
        <v>214.93</v>
      </c>
      <c r="C12656">
        <v>17254.5</v>
      </c>
      <c r="D12656">
        <v>2.2000000000000002</v>
      </c>
      <c r="E12656">
        <v>16632.2</v>
      </c>
      <c r="F12656">
        <v>48.799300000000002</v>
      </c>
    </row>
    <row r="12657" spans="1:6" x14ac:dyDescent="0.25">
      <c r="A12657">
        <v>160.41</v>
      </c>
      <c r="B12657">
        <v>214.93</v>
      </c>
      <c r="C12657">
        <v>17254.5</v>
      </c>
      <c r="D12657">
        <v>2.5</v>
      </c>
      <c r="E12657">
        <v>17079</v>
      </c>
      <c r="F12657">
        <v>48.241100000000003</v>
      </c>
    </row>
    <row r="12658" spans="1:6" x14ac:dyDescent="0.25">
      <c r="A12658">
        <v>160.41</v>
      </c>
      <c r="B12658">
        <v>214.93</v>
      </c>
      <c r="C12658">
        <v>17254.5</v>
      </c>
      <c r="D12658">
        <v>2.8</v>
      </c>
      <c r="E12658">
        <v>15690.5</v>
      </c>
      <c r="F12658">
        <v>38.1128</v>
      </c>
    </row>
    <row r="12659" spans="1:6" x14ac:dyDescent="0.25">
      <c r="A12659">
        <v>160.41</v>
      </c>
      <c r="B12659">
        <v>214.93</v>
      </c>
      <c r="C12659">
        <v>17254.5</v>
      </c>
      <c r="D12659">
        <v>3.1</v>
      </c>
      <c r="E12659">
        <v>16383.8</v>
      </c>
      <c r="F12659">
        <v>22.291599999999999</v>
      </c>
    </row>
    <row r="12660" spans="1:6" x14ac:dyDescent="0.25">
      <c r="A12660">
        <v>160.41</v>
      </c>
      <c r="B12660">
        <v>214.93</v>
      </c>
      <c r="C12660">
        <v>17254.5</v>
      </c>
      <c r="D12660">
        <v>3.4</v>
      </c>
      <c r="E12660">
        <v>15056.3</v>
      </c>
      <c r="F12660">
        <v>22.236699999999999</v>
      </c>
    </row>
    <row r="12661" spans="1:6" x14ac:dyDescent="0.25">
      <c r="A12661">
        <v>160.41</v>
      </c>
      <c r="B12661">
        <v>214.93</v>
      </c>
      <c r="C12661">
        <v>17254.5</v>
      </c>
      <c r="D12661">
        <v>3.7</v>
      </c>
      <c r="E12661">
        <v>14787.8</v>
      </c>
      <c r="F12661">
        <v>22.8964</v>
      </c>
    </row>
    <row r="12662" spans="1:6" x14ac:dyDescent="0.25">
      <c r="A12662">
        <v>160.41</v>
      </c>
      <c r="B12662">
        <v>214.93</v>
      </c>
      <c r="C12662">
        <v>17254.5</v>
      </c>
      <c r="D12662">
        <v>4</v>
      </c>
      <c r="E12662">
        <v>14783.8</v>
      </c>
      <c r="F12662">
        <v>23.463799999999999</v>
      </c>
    </row>
    <row r="12663" spans="1:6" x14ac:dyDescent="0.25">
      <c r="A12663">
        <v>160.41</v>
      </c>
      <c r="B12663">
        <v>214.93</v>
      </c>
      <c r="C12663">
        <v>18800</v>
      </c>
      <c r="D12663">
        <v>1</v>
      </c>
      <c r="E12663">
        <v>17665.2</v>
      </c>
      <c r="F12663">
        <v>37.7286</v>
      </c>
    </row>
    <row r="12664" spans="1:6" x14ac:dyDescent="0.25">
      <c r="A12664">
        <v>160.41</v>
      </c>
      <c r="B12664">
        <v>214.93</v>
      </c>
      <c r="C12664">
        <v>18800</v>
      </c>
      <c r="D12664">
        <v>1.3</v>
      </c>
      <c r="E12664">
        <v>15925.1</v>
      </c>
      <c r="F12664">
        <v>40.700099999999999</v>
      </c>
    </row>
    <row r="12665" spans="1:6" x14ac:dyDescent="0.25">
      <c r="A12665">
        <v>160.41</v>
      </c>
      <c r="B12665">
        <v>214.93</v>
      </c>
      <c r="C12665">
        <v>18800</v>
      </c>
      <c r="D12665">
        <v>1.6</v>
      </c>
      <c r="E12665">
        <v>16549.400000000001</v>
      </c>
      <c r="F12665">
        <v>36.637099999999997</v>
      </c>
    </row>
    <row r="12666" spans="1:6" x14ac:dyDescent="0.25">
      <c r="A12666">
        <v>160.41</v>
      </c>
      <c r="B12666">
        <v>214.93</v>
      </c>
      <c r="C12666">
        <v>18800</v>
      </c>
      <c r="D12666">
        <v>1.9</v>
      </c>
      <c r="E12666">
        <v>15552.6</v>
      </c>
      <c r="F12666">
        <v>20.4754</v>
      </c>
    </row>
    <row r="12667" spans="1:6" x14ac:dyDescent="0.25">
      <c r="A12667">
        <v>160.41</v>
      </c>
      <c r="B12667">
        <v>214.93</v>
      </c>
      <c r="C12667">
        <v>18800</v>
      </c>
      <c r="D12667">
        <v>2.2000000000000002</v>
      </c>
      <c r="E12667">
        <v>16632.2</v>
      </c>
      <c r="F12667">
        <v>48.799300000000002</v>
      </c>
    </row>
    <row r="12668" spans="1:6" x14ac:dyDescent="0.25">
      <c r="A12668">
        <v>160.41</v>
      </c>
      <c r="B12668">
        <v>214.93</v>
      </c>
      <c r="C12668">
        <v>18800</v>
      </c>
      <c r="D12668">
        <v>2.5</v>
      </c>
      <c r="E12668">
        <v>17079</v>
      </c>
      <c r="F12668">
        <v>48.241100000000003</v>
      </c>
    </row>
    <row r="12669" spans="1:6" x14ac:dyDescent="0.25">
      <c r="A12669">
        <v>160.41</v>
      </c>
      <c r="B12669">
        <v>214.93</v>
      </c>
      <c r="C12669">
        <v>18800</v>
      </c>
      <c r="D12669">
        <v>2.8</v>
      </c>
      <c r="E12669">
        <v>15690.5</v>
      </c>
      <c r="F12669">
        <v>38.1128</v>
      </c>
    </row>
    <row r="12670" spans="1:6" x14ac:dyDescent="0.25">
      <c r="A12670">
        <v>160.41</v>
      </c>
      <c r="B12670">
        <v>214.93</v>
      </c>
      <c r="C12670">
        <v>18800</v>
      </c>
      <c r="D12670">
        <v>3.1</v>
      </c>
      <c r="E12670">
        <v>16383.8</v>
      </c>
      <c r="F12670">
        <v>22.291599999999999</v>
      </c>
    </row>
    <row r="12671" spans="1:6" x14ac:dyDescent="0.25">
      <c r="A12671">
        <v>160.41</v>
      </c>
      <c r="B12671">
        <v>214.93</v>
      </c>
      <c r="C12671">
        <v>18800</v>
      </c>
      <c r="D12671">
        <v>3.4</v>
      </c>
      <c r="E12671">
        <v>15056.3</v>
      </c>
      <c r="F12671">
        <v>22.236699999999999</v>
      </c>
    </row>
    <row r="12672" spans="1:6" x14ac:dyDescent="0.25">
      <c r="A12672">
        <v>160.41</v>
      </c>
      <c r="B12672">
        <v>214.93</v>
      </c>
      <c r="C12672">
        <v>18800</v>
      </c>
      <c r="D12672">
        <v>3.7</v>
      </c>
      <c r="E12672">
        <v>14787.8</v>
      </c>
      <c r="F12672">
        <v>22.8964</v>
      </c>
    </row>
    <row r="12673" spans="1:6" x14ac:dyDescent="0.25">
      <c r="A12673">
        <v>160.41</v>
      </c>
      <c r="B12673">
        <v>214.93</v>
      </c>
      <c r="C12673">
        <v>18800</v>
      </c>
      <c r="D12673">
        <v>4</v>
      </c>
      <c r="E12673">
        <v>14783.8</v>
      </c>
      <c r="F12673">
        <v>23.463799999999999</v>
      </c>
    </row>
    <row r="12674" spans="1:6" x14ac:dyDescent="0.25">
      <c r="A12674">
        <v>164.04</v>
      </c>
      <c r="B12674">
        <v>175</v>
      </c>
      <c r="C12674">
        <v>1800</v>
      </c>
      <c r="D12674">
        <v>1</v>
      </c>
      <c r="E12674">
        <v>5333.32</v>
      </c>
      <c r="F12674">
        <v>60.063600000000001</v>
      </c>
    </row>
    <row r="12675" spans="1:6" x14ac:dyDescent="0.25">
      <c r="A12675">
        <v>164.04</v>
      </c>
      <c r="B12675">
        <v>175</v>
      </c>
      <c r="C12675">
        <v>1800</v>
      </c>
      <c r="D12675">
        <v>1.3</v>
      </c>
      <c r="E12675">
        <v>4773.22</v>
      </c>
      <c r="F12675">
        <v>25.762499999999999</v>
      </c>
    </row>
    <row r="12676" spans="1:6" x14ac:dyDescent="0.25">
      <c r="A12676">
        <v>164.04</v>
      </c>
      <c r="B12676">
        <v>175</v>
      </c>
      <c r="C12676">
        <v>1800</v>
      </c>
      <c r="D12676">
        <v>1.6</v>
      </c>
      <c r="E12676">
        <v>4372.8500000000004</v>
      </c>
      <c r="F12676">
        <v>53.918999999999997</v>
      </c>
    </row>
    <row r="12677" spans="1:6" x14ac:dyDescent="0.25">
      <c r="A12677">
        <v>164.04</v>
      </c>
      <c r="B12677">
        <v>175</v>
      </c>
      <c r="C12677">
        <v>1800</v>
      </c>
      <c r="D12677">
        <v>1.9</v>
      </c>
      <c r="E12677">
        <v>4202.91</v>
      </c>
      <c r="F12677">
        <v>53.876800000000003</v>
      </c>
    </row>
    <row r="12678" spans="1:6" x14ac:dyDescent="0.25">
      <c r="A12678">
        <v>164.04</v>
      </c>
      <c r="B12678">
        <v>175</v>
      </c>
      <c r="C12678">
        <v>1800</v>
      </c>
      <c r="D12678">
        <v>2.2000000000000002</v>
      </c>
      <c r="E12678">
        <v>4063.32</v>
      </c>
      <c r="F12678">
        <v>52.351799999999997</v>
      </c>
    </row>
    <row r="12679" spans="1:6" x14ac:dyDescent="0.25">
      <c r="A12679">
        <v>164.04</v>
      </c>
      <c r="B12679">
        <v>175</v>
      </c>
      <c r="C12679">
        <v>1800</v>
      </c>
      <c r="D12679">
        <v>2.5</v>
      </c>
      <c r="E12679">
        <v>3824.09</v>
      </c>
      <c r="F12679">
        <v>62.051699999999997</v>
      </c>
    </row>
    <row r="12680" spans="1:6" x14ac:dyDescent="0.25">
      <c r="A12680">
        <v>164.04</v>
      </c>
      <c r="B12680">
        <v>175</v>
      </c>
      <c r="C12680">
        <v>1800</v>
      </c>
      <c r="D12680">
        <v>2.8</v>
      </c>
      <c r="E12680">
        <v>3836.28</v>
      </c>
      <c r="F12680">
        <v>62.0747</v>
      </c>
    </row>
    <row r="12681" spans="1:6" x14ac:dyDescent="0.25">
      <c r="A12681">
        <v>164.04</v>
      </c>
      <c r="B12681">
        <v>175</v>
      </c>
      <c r="C12681">
        <v>1800</v>
      </c>
      <c r="D12681">
        <v>3.1</v>
      </c>
      <c r="E12681">
        <v>3680.17</v>
      </c>
      <c r="F12681">
        <v>66.211799999999997</v>
      </c>
    </row>
    <row r="12682" spans="1:6" x14ac:dyDescent="0.25">
      <c r="A12682">
        <v>164.04</v>
      </c>
      <c r="B12682">
        <v>175</v>
      </c>
      <c r="C12682">
        <v>1800</v>
      </c>
      <c r="D12682">
        <v>3.4</v>
      </c>
      <c r="E12682">
        <v>3695.73</v>
      </c>
      <c r="F12682">
        <v>69.461699999999993</v>
      </c>
    </row>
    <row r="12683" spans="1:6" x14ac:dyDescent="0.25">
      <c r="A12683">
        <v>164.04</v>
      </c>
      <c r="B12683">
        <v>175</v>
      </c>
      <c r="C12683">
        <v>1800</v>
      </c>
      <c r="D12683">
        <v>3.7</v>
      </c>
      <c r="E12683">
        <v>3610.79</v>
      </c>
      <c r="F12683">
        <v>71.868200000000002</v>
      </c>
    </row>
    <row r="12684" spans="1:6" x14ac:dyDescent="0.25">
      <c r="A12684">
        <v>164.04</v>
      </c>
      <c r="B12684">
        <v>175</v>
      </c>
      <c r="C12684">
        <v>1800</v>
      </c>
      <c r="D12684">
        <v>4</v>
      </c>
      <c r="E12684">
        <v>3539.52</v>
      </c>
      <c r="F12684">
        <v>74.018600000000006</v>
      </c>
    </row>
    <row r="12685" spans="1:6" x14ac:dyDescent="0.25">
      <c r="A12685">
        <v>164.04</v>
      </c>
      <c r="B12685">
        <v>175</v>
      </c>
      <c r="C12685">
        <v>3345.45</v>
      </c>
      <c r="D12685">
        <v>1</v>
      </c>
      <c r="E12685">
        <v>6745.84</v>
      </c>
      <c r="F12685">
        <v>60.063600000000001</v>
      </c>
    </row>
    <row r="12686" spans="1:6" x14ac:dyDescent="0.25">
      <c r="A12686">
        <v>164.04</v>
      </c>
      <c r="B12686">
        <v>175</v>
      </c>
      <c r="C12686">
        <v>3345.45</v>
      </c>
      <c r="D12686">
        <v>1.3</v>
      </c>
      <c r="E12686">
        <v>6109.04</v>
      </c>
      <c r="F12686">
        <v>19.363600000000002</v>
      </c>
    </row>
    <row r="12687" spans="1:6" x14ac:dyDescent="0.25">
      <c r="A12687">
        <v>164.04</v>
      </c>
      <c r="B12687">
        <v>175</v>
      </c>
      <c r="C12687">
        <v>3345.45</v>
      </c>
      <c r="D12687">
        <v>1.6</v>
      </c>
      <c r="E12687">
        <v>5933.39</v>
      </c>
      <c r="F12687">
        <v>58.347099999999998</v>
      </c>
    </row>
    <row r="12688" spans="1:6" x14ac:dyDescent="0.25">
      <c r="A12688">
        <v>164.04</v>
      </c>
      <c r="B12688">
        <v>175</v>
      </c>
      <c r="C12688">
        <v>3345.45</v>
      </c>
      <c r="D12688">
        <v>1.9</v>
      </c>
      <c r="E12688">
        <v>5563.17</v>
      </c>
      <c r="F12688">
        <v>54.973199999999999</v>
      </c>
    </row>
    <row r="12689" spans="1:6" x14ac:dyDescent="0.25">
      <c r="A12689">
        <v>164.04</v>
      </c>
      <c r="B12689">
        <v>175</v>
      </c>
      <c r="C12689">
        <v>3345.45</v>
      </c>
      <c r="D12689">
        <v>2.2000000000000002</v>
      </c>
      <c r="E12689">
        <v>5138.8</v>
      </c>
      <c r="F12689">
        <v>52.2196</v>
      </c>
    </row>
    <row r="12690" spans="1:6" x14ac:dyDescent="0.25">
      <c r="A12690">
        <v>164.04</v>
      </c>
      <c r="B12690">
        <v>175</v>
      </c>
      <c r="C12690">
        <v>3345.45</v>
      </c>
      <c r="D12690">
        <v>2.5</v>
      </c>
      <c r="E12690">
        <v>4951.49</v>
      </c>
      <c r="F12690">
        <v>50.3643</v>
      </c>
    </row>
    <row r="12691" spans="1:6" x14ac:dyDescent="0.25">
      <c r="A12691">
        <v>164.04</v>
      </c>
      <c r="B12691">
        <v>175</v>
      </c>
      <c r="C12691">
        <v>3345.45</v>
      </c>
      <c r="D12691">
        <v>2.8</v>
      </c>
      <c r="E12691">
        <v>4872.8999999999996</v>
      </c>
      <c r="F12691">
        <v>56.6813</v>
      </c>
    </row>
    <row r="12692" spans="1:6" x14ac:dyDescent="0.25">
      <c r="A12692">
        <v>164.04</v>
      </c>
      <c r="B12692">
        <v>175</v>
      </c>
      <c r="C12692">
        <v>3345.45</v>
      </c>
      <c r="D12692">
        <v>3.1</v>
      </c>
      <c r="E12692">
        <v>4865.45</v>
      </c>
      <c r="F12692">
        <v>55.567799999999998</v>
      </c>
    </row>
    <row r="12693" spans="1:6" x14ac:dyDescent="0.25">
      <c r="A12693">
        <v>164.04</v>
      </c>
      <c r="B12693">
        <v>175</v>
      </c>
      <c r="C12693">
        <v>3345.45</v>
      </c>
      <c r="D12693">
        <v>3.4</v>
      </c>
      <c r="E12693">
        <v>4765.5200000000004</v>
      </c>
      <c r="F12693">
        <v>54.2273</v>
      </c>
    </row>
    <row r="12694" spans="1:6" x14ac:dyDescent="0.25">
      <c r="A12694">
        <v>164.04</v>
      </c>
      <c r="B12694">
        <v>175</v>
      </c>
      <c r="C12694">
        <v>3345.45</v>
      </c>
      <c r="D12694">
        <v>3.7</v>
      </c>
      <c r="E12694">
        <v>4512.6499999999996</v>
      </c>
      <c r="F12694">
        <v>53.569299999999998</v>
      </c>
    </row>
    <row r="12695" spans="1:6" x14ac:dyDescent="0.25">
      <c r="A12695">
        <v>164.04</v>
      </c>
      <c r="B12695">
        <v>175</v>
      </c>
      <c r="C12695">
        <v>3345.45</v>
      </c>
      <c r="D12695">
        <v>4</v>
      </c>
      <c r="E12695">
        <v>4520.3500000000004</v>
      </c>
      <c r="F12695">
        <v>53.111400000000003</v>
      </c>
    </row>
    <row r="12696" spans="1:6" x14ac:dyDescent="0.25">
      <c r="A12696">
        <v>164.04</v>
      </c>
      <c r="B12696">
        <v>175</v>
      </c>
      <c r="C12696">
        <v>4890.8999999999996</v>
      </c>
      <c r="D12696">
        <v>1</v>
      </c>
      <c r="E12696">
        <v>8523.0300000000007</v>
      </c>
      <c r="F12696">
        <v>60.063600000000001</v>
      </c>
    </row>
    <row r="12697" spans="1:6" x14ac:dyDescent="0.25">
      <c r="A12697">
        <v>164.04</v>
      </c>
      <c r="B12697">
        <v>175</v>
      </c>
      <c r="C12697">
        <v>4890.8999999999996</v>
      </c>
      <c r="D12697">
        <v>1.3</v>
      </c>
      <c r="E12697">
        <v>7959.18</v>
      </c>
      <c r="F12697">
        <v>19.363600000000002</v>
      </c>
    </row>
    <row r="12698" spans="1:6" x14ac:dyDescent="0.25">
      <c r="A12698">
        <v>164.04</v>
      </c>
      <c r="B12698">
        <v>175</v>
      </c>
      <c r="C12698">
        <v>4890.8999999999996</v>
      </c>
      <c r="D12698">
        <v>1.6</v>
      </c>
      <c r="E12698">
        <v>7503.03</v>
      </c>
      <c r="F12698">
        <v>58.347099999999998</v>
      </c>
    </row>
    <row r="12699" spans="1:6" x14ac:dyDescent="0.25">
      <c r="A12699">
        <v>164.04</v>
      </c>
      <c r="B12699">
        <v>175</v>
      </c>
      <c r="C12699">
        <v>4890.8999999999996</v>
      </c>
      <c r="D12699">
        <v>1.9</v>
      </c>
      <c r="E12699">
        <v>7029.06</v>
      </c>
      <c r="F12699">
        <v>54.973199999999999</v>
      </c>
    </row>
    <row r="12700" spans="1:6" x14ac:dyDescent="0.25">
      <c r="A12700">
        <v>164.04</v>
      </c>
      <c r="B12700">
        <v>175</v>
      </c>
      <c r="C12700">
        <v>4890.8999999999996</v>
      </c>
      <c r="D12700">
        <v>2.2000000000000002</v>
      </c>
      <c r="E12700">
        <v>6842.18</v>
      </c>
      <c r="F12700">
        <v>52.2196</v>
      </c>
    </row>
    <row r="12701" spans="1:6" x14ac:dyDescent="0.25">
      <c r="A12701">
        <v>164.04</v>
      </c>
      <c r="B12701">
        <v>175</v>
      </c>
      <c r="C12701">
        <v>4890.8999999999996</v>
      </c>
      <c r="D12701">
        <v>2.5</v>
      </c>
      <c r="E12701">
        <v>6508.5</v>
      </c>
      <c r="F12701">
        <v>50.3643</v>
      </c>
    </row>
    <row r="12702" spans="1:6" x14ac:dyDescent="0.25">
      <c r="A12702">
        <v>164.04</v>
      </c>
      <c r="B12702">
        <v>175</v>
      </c>
      <c r="C12702">
        <v>4890.8999999999996</v>
      </c>
      <c r="D12702">
        <v>2.8</v>
      </c>
      <c r="E12702">
        <v>6596.76</v>
      </c>
      <c r="F12702">
        <v>56.6813</v>
      </c>
    </row>
    <row r="12703" spans="1:6" x14ac:dyDescent="0.25">
      <c r="A12703">
        <v>164.04</v>
      </c>
      <c r="B12703">
        <v>175</v>
      </c>
      <c r="C12703">
        <v>4890.8999999999996</v>
      </c>
      <c r="D12703">
        <v>3.1</v>
      </c>
      <c r="E12703">
        <v>6219.16</v>
      </c>
      <c r="F12703">
        <v>55.567799999999998</v>
      </c>
    </row>
    <row r="12704" spans="1:6" x14ac:dyDescent="0.25">
      <c r="A12704">
        <v>164.04</v>
      </c>
      <c r="B12704">
        <v>175</v>
      </c>
      <c r="C12704">
        <v>4890.8999999999996</v>
      </c>
      <c r="D12704">
        <v>3.4</v>
      </c>
      <c r="E12704">
        <v>6367.65</v>
      </c>
      <c r="F12704">
        <v>54.2273</v>
      </c>
    </row>
    <row r="12705" spans="1:6" x14ac:dyDescent="0.25">
      <c r="A12705">
        <v>164.04</v>
      </c>
      <c r="B12705">
        <v>175</v>
      </c>
      <c r="C12705">
        <v>4890.8999999999996</v>
      </c>
      <c r="D12705">
        <v>3.7</v>
      </c>
      <c r="E12705">
        <v>6044.46</v>
      </c>
      <c r="F12705">
        <v>53.569299999999998</v>
      </c>
    </row>
    <row r="12706" spans="1:6" x14ac:dyDescent="0.25">
      <c r="A12706">
        <v>164.04</v>
      </c>
      <c r="B12706">
        <v>175</v>
      </c>
      <c r="C12706">
        <v>4890.8999999999996</v>
      </c>
      <c r="D12706">
        <v>4</v>
      </c>
      <c r="E12706">
        <v>5881.26</v>
      </c>
      <c r="F12706">
        <v>53.111400000000003</v>
      </c>
    </row>
    <row r="12707" spans="1:6" x14ac:dyDescent="0.25">
      <c r="A12707">
        <v>164.04</v>
      </c>
      <c r="B12707">
        <v>175</v>
      </c>
      <c r="C12707">
        <v>6436.35</v>
      </c>
      <c r="D12707">
        <v>1</v>
      </c>
      <c r="E12707">
        <v>8523.0300000000007</v>
      </c>
      <c r="F12707">
        <v>60.063600000000001</v>
      </c>
    </row>
    <row r="12708" spans="1:6" x14ac:dyDescent="0.25">
      <c r="A12708">
        <v>164.04</v>
      </c>
      <c r="B12708">
        <v>175</v>
      </c>
      <c r="C12708">
        <v>6436.35</v>
      </c>
      <c r="D12708">
        <v>1.3</v>
      </c>
      <c r="E12708">
        <v>7959.18</v>
      </c>
      <c r="F12708">
        <v>19.363600000000002</v>
      </c>
    </row>
    <row r="12709" spans="1:6" x14ac:dyDescent="0.25">
      <c r="A12709">
        <v>164.04</v>
      </c>
      <c r="B12709">
        <v>175</v>
      </c>
      <c r="C12709">
        <v>6436.35</v>
      </c>
      <c r="D12709">
        <v>1.6</v>
      </c>
      <c r="E12709">
        <v>8248.18</v>
      </c>
      <c r="F12709">
        <v>58.347099999999998</v>
      </c>
    </row>
    <row r="12710" spans="1:6" x14ac:dyDescent="0.25">
      <c r="A12710">
        <v>164.04</v>
      </c>
      <c r="B12710">
        <v>175</v>
      </c>
      <c r="C12710">
        <v>6436.35</v>
      </c>
      <c r="D12710">
        <v>1.9</v>
      </c>
      <c r="E12710">
        <v>7724.95</v>
      </c>
      <c r="F12710">
        <v>54.973199999999999</v>
      </c>
    </row>
    <row r="12711" spans="1:6" x14ac:dyDescent="0.25">
      <c r="A12711">
        <v>164.04</v>
      </c>
      <c r="B12711">
        <v>175</v>
      </c>
      <c r="C12711">
        <v>6436.35</v>
      </c>
      <c r="D12711">
        <v>2.2000000000000002</v>
      </c>
      <c r="E12711">
        <v>7500.18</v>
      </c>
      <c r="F12711">
        <v>52.2196</v>
      </c>
    </row>
    <row r="12712" spans="1:6" x14ac:dyDescent="0.25">
      <c r="A12712">
        <v>164.04</v>
      </c>
      <c r="B12712">
        <v>175</v>
      </c>
      <c r="C12712">
        <v>6436.35</v>
      </c>
      <c r="D12712">
        <v>2.5</v>
      </c>
      <c r="E12712">
        <v>7498.37</v>
      </c>
      <c r="F12712">
        <v>50.3643</v>
      </c>
    </row>
    <row r="12713" spans="1:6" x14ac:dyDescent="0.25">
      <c r="A12713">
        <v>164.04</v>
      </c>
      <c r="B12713">
        <v>175</v>
      </c>
      <c r="C12713">
        <v>6436.35</v>
      </c>
      <c r="D12713">
        <v>2.8</v>
      </c>
      <c r="E12713">
        <v>7342.18</v>
      </c>
      <c r="F12713">
        <v>56.6813</v>
      </c>
    </row>
    <row r="12714" spans="1:6" x14ac:dyDescent="0.25">
      <c r="A12714">
        <v>164.04</v>
      </c>
      <c r="B12714">
        <v>175</v>
      </c>
      <c r="C12714">
        <v>6436.35</v>
      </c>
      <c r="D12714">
        <v>3.1</v>
      </c>
      <c r="E12714">
        <v>7339.91</v>
      </c>
      <c r="F12714">
        <v>55.567799999999998</v>
      </c>
    </row>
    <row r="12715" spans="1:6" x14ac:dyDescent="0.25">
      <c r="A12715">
        <v>164.04</v>
      </c>
      <c r="B12715">
        <v>175</v>
      </c>
      <c r="C12715">
        <v>6436.35</v>
      </c>
      <c r="D12715">
        <v>3.4</v>
      </c>
      <c r="E12715">
        <v>7362.61</v>
      </c>
      <c r="F12715">
        <v>54.2273</v>
      </c>
    </row>
    <row r="12716" spans="1:6" x14ac:dyDescent="0.25">
      <c r="A12716">
        <v>164.04</v>
      </c>
      <c r="B12716">
        <v>175</v>
      </c>
      <c r="C12716">
        <v>6436.35</v>
      </c>
      <c r="D12716">
        <v>3.7</v>
      </c>
      <c r="E12716">
        <v>7302.78</v>
      </c>
      <c r="F12716">
        <v>53.569299999999998</v>
      </c>
    </row>
    <row r="12717" spans="1:6" x14ac:dyDescent="0.25">
      <c r="A12717">
        <v>164.04</v>
      </c>
      <c r="B12717">
        <v>175</v>
      </c>
      <c r="C12717">
        <v>6436.35</v>
      </c>
      <c r="D12717">
        <v>4</v>
      </c>
      <c r="E12717">
        <v>7137.11</v>
      </c>
      <c r="F12717">
        <v>53.111400000000003</v>
      </c>
    </row>
    <row r="12718" spans="1:6" x14ac:dyDescent="0.25">
      <c r="A12718">
        <v>164.04</v>
      </c>
      <c r="B12718">
        <v>175</v>
      </c>
      <c r="C12718">
        <v>7981.8</v>
      </c>
      <c r="D12718">
        <v>1</v>
      </c>
      <c r="E12718">
        <v>8523.0300000000007</v>
      </c>
      <c r="F12718">
        <v>60.063600000000001</v>
      </c>
    </row>
    <row r="12719" spans="1:6" x14ac:dyDescent="0.25">
      <c r="A12719">
        <v>164.04</v>
      </c>
      <c r="B12719">
        <v>175</v>
      </c>
      <c r="C12719">
        <v>7981.8</v>
      </c>
      <c r="D12719">
        <v>1.3</v>
      </c>
      <c r="E12719">
        <v>7959.18</v>
      </c>
      <c r="F12719">
        <v>19.363600000000002</v>
      </c>
    </row>
    <row r="12720" spans="1:6" x14ac:dyDescent="0.25">
      <c r="A12720">
        <v>164.04</v>
      </c>
      <c r="B12720">
        <v>175</v>
      </c>
      <c r="C12720">
        <v>7981.8</v>
      </c>
      <c r="D12720">
        <v>1.6</v>
      </c>
      <c r="E12720">
        <v>8248.18</v>
      </c>
      <c r="F12720">
        <v>58.347099999999998</v>
      </c>
    </row>
    <row r="12721" spans="1:6" x14ac:dyDescent="0.25">
      <c r="A12721">
        <v>164.04</v>
      </c>
      <c r="B12721">
        <v>175</v>
      </c>
      <c r="C12721">
        <v>7981.8</v>
      </c>
      <c r="D12721">
        <v>1.9</v>
      </c>
      <c r="E12721">
        <v>7724.95</v>
      </c>
      <c r="F12721">
        <v>54.973199999999999</v>
      </c>
    </row>
    <row r="12722" spans="1:6" x14ac:dyDescent="0.25">
      <c r="A12722">
        <v>164.04</v>
      </c>
      <c r="B12722">
        <v>175</v>
      </c>
      <c r="C12722">
        <v>7981.8</v>
      </c>
      <c r="D12722">
        <v>2.2000000000000002</v>
      </c>
      <c r="E12722">
        <v>7500.18</v>
      </c>
      <c r="F12722">
        <v>52.2196</v>
      </c>
    </row>
    <row r="12723" spans="1:6" x14ac:dyDescent="0.25">
      <c r="A12723">
        <v>164.04</v>
      </c>
      <c r="B12723">
        <v>175</v>
      </c>
      <c r="C12723">
        <v>7981.8</v>
      </c>
      <c r="D12723">
        <v>2.5</v>
      </c>
      <c r="E12723">
        <v>7754.59</v>
      </c>
      <c r="F12723">
        <v>50.3643</v>
      </c>
    </row>
    <row r="12724" spans="1:6" x14ac:dyDescent="0.25">
      <c r="A12724">
        <v>164.04</v>
      </c>
      <c r="B12724">
        <v>175</v>
      </c>
      <c r="C12724">
        <v>7981.8</v>
      </c>
      <c r="D12724">
        <v>2.8</v>
      </c>
      <c r="E12724">
        <v>7342.18</v>
      </c>
      <c r="F12724">
        <v>56.6813</v>
      </c>
    </row>
    <row r="12725" spans="1:6" x14ac:dyDescent="0.25">
      <c r="A12725">
        <v>164.04</v>
      </c>
      <c r="B12725">
        <v>175</v>
      </c>
      <c r="C12725">
        <v>7981.8</v>
      </c>
      <c r="D12725">
        <v>3.1</v>
      </c>
      <c r="E12725">
        <v>7339.91</v>
      </c>
      <c r="F12725">
        <v>55.567799999999998</v>
      </c>
    </row>
    <row r="12726" spans="1:6" x14ac:dyDescent="0.25">
      <c r="A12726">
        <v>164.04</v>
      </c>
      <c r="B12726">
        <v>175</v>
      </c>
      <c r="C12726">
        <v>7981.8</v>
      </c>
      <c r="D12726">
        <v>3.4</v>
      </c>
      <c r="E12726">
        <v>7816.42</v>
      </c>
      <c r="F12726">
        <v>54.2273</v>
      </c>
    </row>
    <row r="12727" spans="1:6" x14ac:dyDescent="0.25">
      <c r="A12727">
        <v>164.04</v>
      </c>
      <c r="B12727">
        <v>175</v>
      </c>
      <c r="C12727">
        <v>7981.8</v>
      </c>
      <c r="D12727">
        <v>3.7</v>
      </c>
      <c r="E12727">
        <v>7867.42</v>
      </c>
      <c r="F12727">
        <v>53.569299999999998</v>
      </c>
    </row>
    <row r="12728" spans="1:6" x14ac:dyDescent="0.25">
      <c r="A12728">
        <v>164.04</v>
      </c>
      <c r="B12728">
        <v>175</v>
      </c>
      <c r="C12728">
        <v>7981.8</v>
      </c>
      <c r="D12728">
        <v>4</v>
      </c>
      <c r="E12728">
        <v>7137.11</v>
      </c>
      <c r="F12728">
        <v>53.111400000000003</v>
      </c>
    </row>
    <row r="12729" spans="1:6" x14ac:dyDescent="0.25">
      <c r="A12729">
        <v>164.04</v>
      </c>
      <c r="B12729">
        <v>175</v>
      </c>
      <c r="C12729">
        <v>9527.25</v>
      </c>
      <c r="D12729">
        <v>1</v>
      </c>
      <c r="E12729">
        <v>8523.0300000000007</v>
      </c>
      <c r="F12729">
        <v>60.063600000000001</v>
      </c>
    </row>
    <row r="12730" spans="1:6" x14ac:dyDescent="0.25">
      <c r="A12730">
        <v>164.04</v>
      </c>
      <c r="B12730">
        <v>175</v>
      </c>
      <c r="C12730">
        <v>9527.25</v>
      </c>
      <c r="D12730">
        <v>1.3</v>
      </c>
      <c r="E12730">
        <v>7959.18</v>
      </c>
      <c r="F12730">
        <v>19.363600000000002</v>
      </c>
    </row>
    <row r="12731" spans="1:6" x14ac:dyDescent="0.25">
      <c r="A12731">
        <v>164.04</v>
      </c>
      <c r="B12731">
        <v>175</v>
      </c>
      <c r="C12731">
        <v>9527.25</v>
      </c>
      <c r="D12731">
        <v>1.6</v>
      </c>
      <c r="E12731">
        <v>8248.18</v>
      </c>
      <c r="F12731">
        <v>58.347099999999998</v>
      </c>
    </row>
    <row r="12732" spans="1:6" x14ac:dyDescent="0.25">
      <c r="A12732">
        <v>164.04</v>
      </c>
      <c r="B12732">
        <v>175</v>
      </c>
      <c r="C12732">
        <v>9527.25</v>
      </c>
      <c r="D12732">
        <v>1.9</v>
      </c>
      <c r="E12732">
        <v>7724.95</v>
      </c>
      <c r="F12732">
        <v>54.973199999999999</v>
      </c>
    </row>
    <row r="12733" spans="1:6" x14ac:dyDescent="0.25">
      <c r="A12733">
        <v>164.04</v>
      </c>
      <c r="B12733">
        <v>175</v>
      </c>
      <c r="C12733">
        <v>9527.25</v>
      </c>
      <c r="D12733">
        <v>2.2000000000000002</v>
      </c>
      <c r="E12733">
        <v>7500.18</v>
      </c>
      <c r="F12733">
        <v>52.2196</v>
      </c>
    </row>
    <row r="12734" spans="1:6" x14ac:dyDescent="0.25">
      <c r="A12734">
        <v>164.04</v>
      </c>
      <c r="B12734">
        <v>175</v>
      </c>
      <c r="C12734">
        <v>9527.25</v>
      </c>
      <c r="D12734">
        <v>2.5</v>
      </c>
      <c r="E12734">
        <v>7754.59</v>
      </c>
      <c r="F12734">
        <v>50.3643</v>
      </c>
    </row>
    <row r="12735" spans="1:6" x14ac:dyDescent="0.25">
      <c r="A12735">
        <v>164.04</v>
      </c>
      <c r="B12735">
        <v>175</v>
      </c>
      <c r="C12735">
        <v>9527.25</v>
      </c>
      <c r="D12735">
        <v>2.8</v>
      </c>
      <c r="E12735">
        <v>7342.18</v>
      </c>
      <c r="F12735">
        <v>56.6813</v>
      </c>
    </row>
    <row r="12736" spans="1:6" x14ac:dyDescent="0.25">
      <c r="A12736">
        <v>164.04</v>
      </c>
      <c r="B12736">
        <v>175</v>
      </c>
      <c r="C12736">
        <v>9527.25</v>
      </c>
      <c r="D12736">
        <v>3.1</v>
      </c>
      <c r="E12736">
        <v>7339.91</v>
      </c>
      <c r="F12736">
        <v>55.567799999999998</v>
      </c>
    </row>
    <row r="12737" spans="1:6" x14ac:dyDescent="0.25">
      <c r="A12737">
        <v>164.04</v>
      </c>
      <c r="B12737">
        <v>175</v>
      </c>
      <c r="C12737">
        <v>9527.25</v>
      </c>
      <c r="D12737">
        <v>3.4</v>
      </c>
      <c r="E12737">
        <v>7816.42</v>
      </c>
      <c r="F12737">
        <v>54.2273</v>
      </c>
    </row>
    <row r="12738" spans="1:6" x14ac:dyDescent="0.25">
      <c r="A12738">
        <v>164.04</v>
      </c>
      <c r="B12738">
        <v>175</v>
      </c>
      <c r="C12738">
        <v>9527.25</v>
      </c>
      <c r="D12738">
        <v>3.7</v>
      </c>
      <c r="E12738">
        <v>7867.42</v>
      </c>
      <c r="F12738">
        <v>53.569299999999998</v>
      </c>
    </row>
    <row r="12739" spans="1:6" x14ac:dyDescent="0.25">
      <c r="A12739">
        <v>164.04</v>
      </c>
      <c r="B12739">
        <v>175</v>
      </c>
      <c r="C12739">
        <v>9527.25</v>
      </c>
      <c r="D12739">
        <v>4</v>
      </c>
      <c r="E12739">
        <v>7137.11</v>
      </c>
      <c r="F12739">
        <v>53.111400000000003</v>
      </c>
    </row>
    <row r="12740" spans="1:6" x14ac:dyDescent="0.25">
      <c r="A12740">
        <v>164.04</v>
      </c>
      <c r="B12740">
        <v>175</v>
      </c>
      <c r="C12740">
        <v>11072.7</v>
      </c>
      <c r="D12740">
        <v>1</v>
      </c>
      <c r="E12740">
        <v>8523.0300000000007</v>
      </c>
      <c r="F12740">
        <v>60.063600000000001</v>
      </c>
    </row>
    <row r="12741" spans="1:6" x14ac:dyDescent="0.25">
      <c r="A12741">
        <v>164.04</v>
      </c>
      <c r="B12741">
        <v>175</v>
      </c>
      <c r="C12741">
        <v>11072.7</v>
      </c>
      <c r="D12741">
        <v>1.3</v>
      </c>
      <c r="E12741">
        <v>7959.18</v>
      </c>
      <c r="F12741">
        <v>19.363600000000002</v>
      </c>
    </row>
    <row r="12742" spans="1:6" x14ac:dyDescent="0.25">
      <c r="A12742">
        <v>164.04</v>
      </c>
      <c r="B12742">
        <v>175</v>
      </c>
      <c r="C12742">
        <v>11072.7</v>
      </c>
      <c r="D12742">
        <v>1.6</v>
      </c>
      <c r="E12742">
        <v>8248.18</v>
      </c>
      <c r="F12742">
        <v>58.347099999999998</v>
      </c>
    </row>
    <row r="12743" spans="1:6" x14ac:dyDescent="0.25">
      <c r="A12743">
        <v>164.04</v>
      </c>
      <c r="B12743">
        <v>175</v>
      </c>
      <c r="C12743">
        <v>11072.7</v>
      </c>
      <c r="D12743">
        <v>1.9</v>
      </c>
      <c r="E12743">
        <v>7724.95</v>
      </c>
      <c r="F12743">
        <v>54.973199999999999</v>
      </c>
    </row>
    <row r="12744" spans="1:6" x14ac:dyDescent="0.25">
      <c r="A12744">
        <v>164.04</v>
      </c>
      <c r="B12744">
        <v>175</v>
      </c>
      <c r="C12744">
        <v>11072.7</v>
      </c>
      <c r="D12744">
        <v>2.2000000000000002</v>
      </c>
      <c r="E12744">
        <v>7500.18</v>
      </c>
      <c r="F12744">
        <v>52.2196</v>
      </c>
    </row>
    <row r="12745" spans="1:6" x14ac:dyDescent="0.25">
      <c r="A12745">
        <v>164.04</v>
      </c>
      <c r="B12745">
        <v>175</v>
      </c>
      <c r="C12745">
        <v>11072.7</v>
      </c>
      <c r="D12745">
        <v>2.5</v>
      </c>
      <c r="E12745">
        <v>7754.59</v>
      </c>
      <c r="F12745">
        <v>50.3643</v>
      </c>
    </row>
    <row r="12746" spans="1:6" x14ac:dyDescent="0.25">
      <c r="A12746">
        <v>164.04</v>
      </c>
      <c r="B12746">
        <v>175</v>
      </c>
      <c r="C12746">
        <v>11072.7</v>
      </c>
      <c r="D12746">
        <v>2.8</v>
      </c>
      <c r="E12746">
        <v>7342.18</v>
      </c>
      <c r="F12746">
        <v>56.6813</v>
      </c>
    </row>
    <row r="12747" spans="1:6" x14ac:dyDescent="0.25">
      <c r="A12747">
        <v>164.04</v>
      </c>
      <c r="B12747">
        <v>175</v>
      </c>
      <c r="C12747">
        <v>11072.7</v>
      </c>
      <c r="D12747">
        <v>3.1</v>
      </c>
      <c r="E12747">
        <v>7339.91</v>
      </c>
      <c r="F12747">
        <v>55.567799999999998</v>
      </c>
    </row>
    <row r="12748" spans="1:6" x14ac:dyDescent="0.25">
      <c r="A12748">
        <v>164.04</v>
      </c>
      <c r="B12748">
        <v>175</v>
      </c>
      <c r="C12748">
        <v>11072.7</v>
      </c>
      <c r="D12748">
        <v>3.4</v>
      </c>
      <c r="E12748">
        <v>7816.42</v>
      </c>
      <c r="F12748">
        <v>54.2273</v>
      </c>
    </row>
    <row r="12749" spans="1:6" x14ac:dyDescent="0.25">
      <c r="A12749">
        <v>164.04</v>
      </c>
      <c r="B12749">
        <v>175</v>
      </c>
      <c r="C12749">
        <v>11072.7</v>
      </c>
      <c r="D12749">
        <v>3.7</v>
      </c>
      <c r="E12749">
        <v>7867.42</v>
      </c>
      <c r="F12749">
        <v>53.569299999999998</v>
      </c>
    </row>
    <row r="12750" spans="1:6" x14ac:dyDescent="0.25">
      <c r="A12750">
        <v>164.04</v>
      </c>
      <c r="B12750">
        <v>175</v>
      </c>
      <c r="C12750">
        <v>11072.7</v>
      </c>
      <c r="D12750">
        <v>4</v>
      </c>
      <c r="E12750">
        <v>7137.11</v>
      </c>
      <c r="F12750">
        <v>53.111400000000003</v>
      </c>
    </row>
    <row r="12751" spans="1:6" x14ac:dyDescent="0.25">
      <c r="A12751">
        <v>164.04</v>
      </c>
      <c r="B12751">
        <v>175</v>
      </c>
      <c r="C12751">
        <v>12618.2</v>
      </c>
      <c r="D12751">
        <v>1</v>
      </c>
      <c r="E12751">
        <v>8523.0300000000007</v>
      </c>
      <c r="F12751">
        <v>60.063600000000001</v>
      </c>
    </row>
    <row r="12752" spans="1:6" x14ac:dyDescent="0.25">
      <c r="A12752">
        <v>164.04</v>
      </c>
      <c r="B12752">
        <v>175</v>
      </c>
      <c r="C12752">
        <v>12618.2</v>
      </c>
      <c r="D12752">
        <v>1.3</v>
      </c>
      <c r="E12752">
        <v>7959.18</v>
      </c>
      <c r="F12752">
        <v>19.363600000000002</v>
      </c>
    </row>
    <row r="12753" spans="1:6" x14ac:dyDescent="0.25">
      <c r="A12753">
        <v>164.04</v>
      </c>
      <c r="B12753">
        <v>175</v>
      </c>
      <c r="C12753">
        <v>12618.2</v>
      </c>
      <c r="D12753">
        <v>1.6</v>
      </c>
      <c r="E12753">
        <v>8248.18</v>
      </c>
      <c r="F12753">
        <v>58.347099999999998</v>
      </c>
    </row>
    <row r="12754" spans="1:6" x14ac:dyDescent="0.25">
      <c r="A12754">
        <v>164.04</v>
      </c>
      <c r="B12754">
        <v>175</v>
      </c>
      <c r="C12754">
        <v>12618.2</v>
      </c>
      <c r="D12754">
        <v>1.9</v>
      </c>
      <c r="E12754">
        <v>7724.95</v>
      </c>
      <c r="F12754">
        <v>54.973199999999999</v>
      </c>
    </row>
    <row r="12755" spans="1:6" x14ac:dyDescent="0.25">
      <c r="A12755">
        <v>164.04</v>
      </c>
      <c r="B12755">
        <v>175</v>
      </c>
      <c r="C12755">
        <v>12618.2</v>
      </c>
      <c r="D12755">
        <v>2.2000000000000002</v>
      </c>
      <c r="E12755">
        <v>7500.18</v>
      </c>
      <c r="F12755">
        <v>52.2196</v>
      </c>
    </row>
    <row r="12756" spans="1:6" x14ac:dyDescent="0.25">
      <c r="A12756">
        <v>164.04</v>
      </c>
      <c r="B12756">
        <v>175</v>
      </c>
      <c r="C12756">
        <v>12618.2</v>
      </c>
      <c r="D12756">
        <v>2.5</v>
      </c>
      <c r="E12756">
        <v>7754.59</v>
      </c>
      <c r="F12756">
        <v>50.3643</v>
      </c>
    </row>
    <row r="12757" spans="1:6" x14ac:dyDescent="0.25">
      <c r="A12757">
        <v>164.04</v>
      </c>
      <c r="B12757">
        <v>175</v>
      </c>
      <c r="C12757">
        <v>12618.2</v>
      </c>
      <c r="D12757">
        <v>2.8</v>
      </c>
      <c r="E12757">
        <v>7342.18</v>
      </c>
      <c r="F12757">
        <v>56.6813</v>
      </c>
    </row>
    <row r="12758" spans="1:6" x14ac:dyDescent="0.25">
      <c r="A12758">
        <v>164.04</v>
      </c>
      <c r="B12758">
        <v>175</v>
      </c>
      <c r="C12758">
        <v>12618.2</v>
      </c>
      <c r="D12758">
        <v>3.1</v>
      </c>
      <c r="E12758">
        <v>7339.91</v>
      </c>
      <c r="F12758">
        <v>55.567799999999998</v>
      </c>
    </row>
    <row r="12759" spans="1:6" x14ac:dyDescent="0.25">
      <c r="A12759">
        <v>164.04</v>
      </c>
      <c r="B12759">
        <v>175</v>
      </c>
      <c r="C12759">
        <v>12618.2</v>
      </c>
      <c r="D12759">
        <v>3.4</v>
      </c>
      <c r="E12759">
        <v>7816.42</v>
      </c>
      <c r="F12759">
        <v>54.2273</v>
      </c>
    </row>
    <row r="12760" spans="1:6" x14ac:dyDescent="0.25">
      <c r="A12760">
        <v>164.04</v>
      </c>
      <c r="B12760">
        <v>175</v>
      </c>
      <c r="C12760">
        <v>12618.2</v>
      </c>
      <c r="D12760">
        <v>3.7</v>
      </c>
      <c r="E12760">
        <v>7867.42</v>
      </c>
      <c r="F12760">
        <v>53.569299999999998</v>
      </c>
    </row>
    <row r="12761" spans="1:6" x14ac:dyDescent="0.25">
      <c r="A12761">
        <v>164.04</v>
      </c>
      <c r="B12761">
        <v>175</v>
      </c>
      <c r="C12761">
        <v>12618.2</v>
      </c>
      <c r="D12761">
        <v>4</v>
      </c>
      <c r="E12761">
        <v>7137.11</v>
      </c>
      <c r="F12761">
        <v>53.111400000000003</v>
      </c>
    </row>
    <row r="12762" spans="1:6" x14ac:dyDescent="0.25">
      <c r="A12762">
        <v>164.04</v>
      </c>
      <c r="B12762">
        <v>175</v>
      </c>
      <c r="C12762">
        <v>14163.6</v>
      </c>
      <c r="D12762">
        <v>1</v>
      </c>
      <c r="E12762">
        <v>8523.0300000000007</v>
      </c>
      <c r="F12762">
        <v>60.063600000000001</v>
      </c>
    </row>
    <row r="12763" spans="1:6" x14ac:dyDescent="0.25">
      <c r="A12763">
        <v>164.04</v>
      </c>
      <c r="B12763">
        <v>175</v>
      </c>
      <c r="C12763">
        <v>14163.6</v>
      </c>
      <c r="D12763">
        <v>1.3</v>
      </c>
      <c r="E12763">
        <v>7959.18</v>
      </c>
      <c r="F12763">
        <v>19.363600000000002</v>
      </c>
    </row>
    <row r="12764" spans="1:6" x14ac:dyDescent="0.25">
      <c r="A12764">
        <v>164.04</v>
      </c>
      <c r="B12764">
        <v>175</v>
      </c>
      <c r="C12764">
        <v>14163.6</v>
      </c>
      <c r="D12764">
        <v>1.6</v>
      </c>
      <c r="E12764">
        <v>8248.18</v>
      </c>
      <c r="F12764">
        <v>58.347099999999998</v>
      </c>
    </row>
    <row r="12765" spans="1:6" x14ac:dyDescent="0.25">
      <c r="A12765">
        <v>164.04</v>
      </c>
      <c r="B12765">
        <v>175</v>
      </c>
      <c r="C12765">
        <v>14163.6</v>
      </c>
      <c r="D12765">
        <v>1.9</v>
      </c>
      <c r="E12765">
        <v>7724.95</v>
      </c>
      <c r="F12765">
        <v>54.973199999999999</v>
      </c>
    </row>
    <row r="12766" spans="1:6" x14ac:dyDescent="0.25">
      <c r="A12766">
        <v>164.04</v>
      </c>
      <c r="B12766">
        <v>175</v>
      </c>
      <c r="C12766">
        <v>14163.6</v>
      </c>
      <c r="D12766">
        <v>2.2000000000000002</v>
      </c>
      <c r="E12766">
        <v>7500.18</v>
      </c>
      <c r="F12766">
        <v>52.2196</v>
      </c>
    </row>
    <row r="12767" spans="1:6" x14ac:dyDescent="0.25">
      <c r="A12767">
        <v>164.04</v>
      </c>
      <c r="B12767">
        <v>175</v>
      </c>
      <c r="C12767">
        <v>14163.6</v>
      </c>
      <c r="D12767">
        <v>2.5</v>
      </c>
      <c r="E12767">
        <v>7754.59</v>
      </c>
      <c r="F12767">
        <v>50.3643</v>
      </c>
    </row>
    <row r="12768" spans="1:6" x14ac:dyDescent="0.25">
      <c r="A12768">
        <v>164.04</v>
      </c>
      <c r="B12768">
        <v>175</v>
      </c>
      <c r="C12768">
        <v>14163.6</v>
      </c>
      <c r="D12768">
        <v>2.8</v>
      </c>
      <c r="E12768">
        <v>7342.18</v>
      </c>
      <c r="F12768">
        <v>56.6813</v>
      </c>
    </row>
    <row r="12769" spans="1:6" x14ac:dyDescent="0.25">
      <c r="A12769">
        <v>164.04</v>
      </c>
      <c r="B12769">
        <v>175</v>
      </c>
      <c r="C12769">
        <v>14163.6</v>
      </c>
      <c r="D12769">
        <v>3.1</v>
      </c>
      <c r="E12769">
        <v>7339.91</v>
      </c>
      <c r="F12769">
        <v>55.567799999999998</v>
      </c>
    </row>
    <row r="12770" spans="1:6" x14ac:dyDescent="0.25">
      <c r="A12770">
        <v>164.04</v>
      </c>
      <c r="B12770">
        <v>175</v>
      </c>
      <c r="C12770">
        <v>14163.6</v>
      </c>
      <c r="D12770">
        <v>3.4</v>
      </c>
      <c r="E12770">
        <v>7816.42</v>
      </c>
      <c r="F12770">
        <v>54.2273</v>
      </c>
    </row>
    <row r="12771" spans="1:6" x14ac:dyDescent="0.25">
      <c r="A12771">
        <v>164.04</v>
      </c>
      <c r="B12771">
        <v>175</v>
      </c>
      <c r="C12771">
        <v>14163.6</v>
      </c>
      <c r="D12771">
        <v>3.7</v>
      </c>
      <c r="E12771">
        <v>7867.42</v>
      </c>
      <c r="F12771">
        <v>53.569299999999998</v>
      </c>
    </row>
    <row r="12772" spans="1:6" x14ac:dyDescent="0.25">
      <c r="A12772">
        <v>164.04</v>
      </c>
      <c r="B12772">
        <v>175</v>
      </c>
      <c r="C12772">
        <v>14163.6</v>
      </c>
      <c r="D12772">
        <v>4</v>
      </c>
      <c r="E12772">
        <v>7137.11</v>
      </c>
      <c r="F12772">
        <v>53.111400000000003</v>
      </c>
    </row>
    <row r="12773" spans="1:6" x14ac:dyDescent="0.25">
      <c r="A12773">
        <v>164.04</v>
      </c>
      <c r="B12773">
        <v>175</v>
      </c>
      <c r="C12773">
        <v>15709.1</v>
      </c>
      <c r="D12773">
        <v>1</v>
      </c>
      <c r="E12773">
        <v>8523.0300000000007</v>
      </c>
      <c r="F12773">
        <v>60.063600000000001</v>
      </c>
    </row>
    <row r="12774" spans="1:6" x14ac:dyDescent="0.25">
      <c r="A12774">
        <v>164.04</v>
      </c>
      <c r="B12774">
        <v>175</v>
      </c>
      <c r="C12774">
        <v>15709.1</v>
      </c>
      <c r="D12774">
        <v>1.3</v>
      </c>
      <c r="E12774">
        <v>7959.18</v>
      </c>
      <c r="F12774">
        <v>19.363600000000002</v>
      </c>
    </row>
    <row r="12775" spans="1:6" x14ac:dyDescent="0.25">
      <c r="A12775">
        <v>164.04</v>
      </c>
      <c r="B12775">
        <v>175</v>
      </c>
      <c r="C12775">
        <v>15709.1</v>
      </c>
      <c r="D12775">
        <v>1.6</v>
      </c>
      <c r="E12775">
        <v>8248.18</v>
      </c>
      <c r="F12775">
        <v>58.347099999999998</v>
      </c>
    </row>
    <row r="12776" spans="1:6" x14ac:dyDescent="0.25">
      <c r="A12776">
        <v>164.04</v>
      </c>
      <c r="B12776">
        <v>175</v>
      </c>
      <c r="C12776">
        <v>15709.1</v>
      </c>
      <c r="D12776">
        <v>1.9</v>
      </c>
      <c r="E12776">
        <v>7724.95</v>
      </c>
      <c r="F12776">
        <v>54.973199999999999</v>
      </c>
    </row>
    <row r="12777" spans="1:6" x14ac:dyDescent="0.25">
      <c r="A12777">
        <v>164.04</v>
      </c>
      <c r="B12777">
        <v>175</v>
      </c>
      <c r="C12777">
        <v>15709.1</v>
      </c>
      <c r="D12777">
        <v>2.2000000000000002</v>
      </c>
      <c r="E12777">
        <v>7500.18</v>
      </c>
      <c r="F12777">
        <v>52.2196</v>
      </c>
    </row>
    <row r="12778" spans="1:6" x14ac:dyDescent="0.25">
      <c r="A12778">
        <v>164.04</v>
      </c>
      <c r="B12778">
        <v>175</v>
      </c>
      <c r="C12778">
        <v>15709.1</v>
      </c>
      <c r="D12778">
        <v>2.5</v>
      </c>
      <c r="E12778">
        <v>7754.59</v>
      </c>
      <c r="F12778">
        <v>50.3643</v>
      </c>
    </row>
    <row r="12779" spans="1:6" x14ac:dyDescent="0.25">
      <c r="A12779">
        <v>164.04</v>
      </c>
      <c r="B12779">
        <v>175</v>
      </c>
      <c r="C12779">
        <v>15709.1</v>
      </c>
      <c r="D12779">
        <v>2.8</v>
      </c>
      <c r="E12779">
        <v>7342.18</v>
      </c>
      <c r="F12779">
        <v>56.6813</v>
      </c>
    </row>
    <row r="12780" spans="1:6" x14ac:dyDescent="0.25">
      <c r="A12780">
        <v>164.04</v>
      </c>
      <c r="B12780">
        <v>175</v>
      </c>
      <c r="C12780">
        <v>15709.1</v>
      </c>
      <c r="D12780">
        <v>3.1</v>
      </c>
      <c r="E12780">
        <v>7339.91</v>
      </c>
      <c r="F12780">
        <v>55.567799999999998</v>
      </c>
    </row>
    <row r="12781" spans="1:6" x14ac:dyDescent="0.25">
      <c r="A12781">
        <v>164.04</v>
      </c>
      <c r="B12781">
        <v>175</v>
      </c>
      <c r="C12781">
        <v>15709.1</v>
      </c>
      <c r="D12781">
        <v>3.4</v>
      </c>
      <c r="E12781">
        <v>7816.42</v>
      </c>
      <c r="F12781">
        <v>54.2273</v>
      </c>
    </row>
    <row r="12782" spans="1:6" x14ac:dyDescent="0.25">
      <c r="A12782">
        <v>164.04</v>
      </c>
      <c r="B12782">
        <v>175</v>
      </c>
      <c r="C12782">
        <v>15709.1</v>
      </c>
      <c r="D12782">
        <v>3.7</v>
      </c>
      <c r="E12782">
        <v>7867.42</v>
      </c>
      <c r="F12782">
        <v>53.569299999999998</v>
      </c>
    </row>
    <row r="12783" spans="1:6" x14ac:dyDescent="0.25">
      <c r="A12783">
        <v>164.04</v>
      </c>
      <c r="B12783">
        <v>175</v>
      </c>
      <c r="C12783">
        <v>15709.1</v>
      </c>
      <c r="D12783">
        <v>4</v>
      </c>
      <c r="E12783">
        <v>7137.11</v>
      </c>
      <c r="F12783">
        <v>53.111400000000003</v>
      </c>
    </row>
    <row r="12784" spans="1:6" x14ac:dyDescent="0.25">
      <c r="A12784">
        <v>164.04</v>
      </c>
      <c r="B12784">
        <v>175</v>
      </c>
      <c r="C12784">
        <v>17254.5</v>
      </c>
      <c r="D12784">
        <v>1</v>
      </c>
      <c r="E12784">
        <v>8523.0300000000007</v>
      </c>
      <c r="F12784">
        <v>60.063600000000001</v>
      </c>
    </row>
    <row r="12785" spans="1:6" x14ac:dyDescent="0.25">
      <c r="A12785">
        <v>164.04</v>
      </c>
      <c r="B12785">
        <v>175</v>
      </c>
      <c r="C12785">
        <v>17254.5</v>
      </c>
      <c r="D12785">
        <v>1.3</v>
      </c>
      <c r="E12785">
        <v>7959.18</v>
      </c>
      <c r="F12785">
        <v>19.363600000000002</v>
      </c>
    </row>
    <row r="12786" spans="1:6" x14ac:dyDescent="0.25">
      <c r="A12786">
        <v>164.04</v>
      </c>
      <c r="B12786">
        <v>175</v>
      </c>
      <c r="C12786">
        <v>17254.5</v>
      </c>
      <c r="D12786">
        <v>1.6</v>
      </c>
      <c r="E12786">
        <v>8248.18</v>
      </c>
      <c r="F12786">
        <v>58.347099999999998</v>
      </c>
    </row>
    <row r="12787" spans="1:6" x14ac:dyDescent="0.25">
      <c r="A12787">
        <v>164.04</v>
      </c>
      <c r="B12787">
        <v>175</v>
      </c>
      <c r="C12787">
        <v>17254.5</v>
      </c>
      <c r="D12787">
        <v>1.9</v>
      </c>
      <c r="E12787">
        <v>7724.95</v>
      </c>
      <c r="F12787">
        <v>54.973199999999999</v>
      </c>
    </row>
    <row r="12788" spans="1:6" x14ac:dyDescent="0.25">
      <c r="A12788">
        <v>164.04</v>
      </c>
      <c r="B12788">
        <v>175</v>
      </c>
      <c r="C12788">
        <v>17254.5</v>
      </c>
      <c r="D12788">
        <v>2.2000000000000002</v>
      </c>
      <c r="E12788">
        <v>7500.18</v>
      </c>
      <c r="F12788">
        <v>52.2196</v>
      </c>
    </row>
    <row r="12789" spans="1:6" x14ac:dyDescent="0.25">
      <c r="A12789">
        <v>164.04</v>
      </c>
      <c r="B12789">
        <v>175</v>
      </c>
      <c r="C12789">
        <v>17254.5</v>
      </c>
      <c r="D12789">
        <v>2.5</v>
      </c>
      <c r="E12789">
        <v>7754.59</v>
      </c>
      <c r="F12789">
        <v>50.3643</v>
      </c>
    </row>
    <row r="12790" spans="1:6" x14ac:dyDescent="0.25">
      <c r="A12790">
        <v>164.04</v>
      </c>
      <c r="B12790">
        <v>175</v>
      </c>
      <c r="C12790">
        <v>17254.5</v>
      </c>
      <c r="D12790">
        <v>2.8</v>
      </c>
      <c r="E12790">
        <v>7342.18</v>
      </c>
      <c r="F12790">
        <v>56.6813</v>
      </c>
    </row>
    <row r="12791" spans="1:6" x14ac:dyDescent="0.25">
      <c r="A12791">
        <v>164.04</v>
      </c>
      <c r="B12791">
        <v>175</v>
      </c>
      <c r="C12791">
        <v>17254.5</v>
      </c>
      <c r="D12791">
        <v>3.1</v>
      </c>
      <c r="E12791">
        <v>7339.91</v>
      </c>
      <c r="F12791">
        <v>55.567799999999998</v>
      </c>
    </row>
    <row r="12792" spans="1:6" x14ac:dyDescent="0.25">
      <c r="A12792">
        <v>164.04</v>
      </c>
      <c r="B12792">
        <v>175</v>
      </c>
      <c r="C12792">
        <v>17254.5</v>
      </c>
      <c r="D12792">
        <v>3.4</v>
      </c>
      <c r="E12792">
        <v>7816.42</v>
      </c>
      <c r="F12792">
        <v>54.2273</v>
      </c>
    </row>
    <row r="12793" spans="1:6" x14ac:dyDescent="0.25">
      <c r="A12793">
        <v>164.04</v>
      </c>
      <c r="B12793">
        <v>175</v>
      </c>
      <c r="C12793">
        <v>17254.5</v>
      </c>
      <c r="D12793">
        <v>3.7</v>
      </c>
      <c r="E12793">
        <v>7867.42</v>
      </c>
      <c r="F12793">
        <v>53.569299999999998</v>
      </c>
    </row>
    <row r="12794" spans="1:6" x14ac:dyDescent="0.25">
      <c r="A12794">
        <v>164.04</v>
      </c>
      <c r="B12794">
        <v>175</v>
      </c>
      <c r="C12794">
        <v>17254.5</v>
      </c>
      <c r="D12794">
        <v>4</v>
      </c>
      <c r="E12794">
        <v>7137.11</v>
      </c>
      <c r="F12794">
        <v>53.111400000000003</v>
      </c>
    </row>
    <row r="12795" spans="1:6" x14ac:dyDescent="0.25">
      <c r="A12795">
        <v>164.04</v>
      </c>
      <c r="B12795">
        <v>175</v>
      </c>
      <c r="C12795">
        <v>18800</v>
      </c>
      <c r="D12795">
        <v>1</v>
      </c>
      <c r="E12795">
        <v>8523.0300000000007</v>
      </c>
      <c r="F12795">
        <v>60.063600000000001</v>
      </c>
    </row>
    <row r="12796" spans="1:6" x14ac:dyDescent="0.25">
      <c r="A12796">
        <v>164.04</v>
      </c>
      <c r="B12796">
        <v>175</v>
      </c>
      <c r="C12796">
        <v>18800</v>
      </c>
      <c r="D12796">
        <v>1.3</v>
      </c>
      <c r="E12796">
        <v>7959.18</v>
      </c>
      <c r="F12796">
        <v>19.363600000000002</v>
      </c>
    </row>
    <row r="12797" spans="1:6" x14ac:dyDescent="0.25">
      <c r="A12797">
        <v>164.04</v>
      </c>
      <c r="B12797">
        <v>175</v>
      </c>
      <c r="C12797">
        <v>18800</v>
      </c>
      <c r="D12797">
        <v>1.6</v>
      </c>
      <c r="E12797">
        <v>8248.18</v>
      </c>
      <c r="F12797">
        <v>58.347099999999998</v>
      </c>
    </row>
    <row r="12798" spans="1:6" x14ac:dyDescent="0.25">
      <c r="A12798">
        <v>164.04</v>
      </c>
      <c r="B12798">
        <v>175</v>
      </c>
      <c r="C12798">
        <v>18800</v>
      </c>
      <c r="D12798">
        <v>1.9</v>
      </c>
      <c r="E12798">
        <v>7724.95</v>
      </c>
      <c r="F12798">
        <v>54.973199999999999</v>
      </c>
    </row>
    <row r="12799" spans="1:6" x14ac:dyDescent="0.25">
      <c r="A12799">
        <v>164.04</v>
      </c>
      <c r="B12799">
        <v>175</v>
      </c>
      <c r="C12799">
        <v>18800</v>
      </c>
      <c r="D12799">
        <v>2.2000000000000002</v>
      </c>
      <c r="E12799">
        <v>7500.18</v>
      </c>
      <c r="F12799">
        <v>52.2196</v>
      </c>
    </row>
    <row r="12800" spans="1:6" x14ac:dyDescent="0.25">
      <c r="A12800">
        <v>164.04</v>
      </c>
      <c r="B12800">
        <v>175</v>
      </c>
      <c r="C12800">
        <v>18800</v>
      </c>
      <c r="D12800">
        <v>2.5</v>
      </c>
      <c r="E12800">
        <v>7754.59</v>
      </c>
      <c r="F12800">
        <v>50.3643</v>
      </c>
    </row>
    <row r="12801" spans="1:6" x14ac:dyDescent="0.25">
      <c r="A12801">
        <v>164.04</v>
      </c>
      <c r="B12801">
        <v>175</v>
      </c>
      <c r="C12801">
        <v>18800</v>
      </c>
      <c r="D12801">
        <v>2.8</v>
      </c>
      <c r="E12801">
        <v>7342.18</v>
      </c>
      <c r="F12801">
        <v>56.6813</v>
      </c>
    </row>
    <row r="12802" spans="1:6" x14ac:dyDescent="0.25">
      <c r="A12802">
        <v>164.04</v>
      </c>
      <c r="B12802">
        <v>175</v>
      </c>
      <c r="C12802">
        <v>18800</v>
      </c>
      <c r="D12802">
        <v>3.1</v>
      </c>
      <c r="E12802">
        <v>7339.91</v>
      </c>
      <c r="F12802">
        <v>55.567799999999998</v>
      </c>
    </row>
    <row r="12803" spans="1:6" x14ac:dyDescent="0.25">
      <c r="A12803">
        <v>164.04</v>
      </c>
      <c r="B12803">
        <v>175</v>
      </c>
      <c r="C12803">
        <v>18800</v>
      </c>
      <c r="D12803">
        <v>3.4</v>
      </c>
      <c r="E12803">
        <v>7816.42</v>
      </c>
      <c r="F12803">
        <v>54.2273</v>
      </c>
    </row>
    <row r="12804" spans="1:6" x14ac:dyDescent="0.25">
      <c r="A12804">
        <v>164.04</v>
      </c>
      <c r="B12804">
        <v>175</v>
      </c>
      <c r="C12804">
        <v>18800</v>
      </c>
      <c r="D12804">
        <v>3.7</v>
      </c>
      <c r="E12804">
        <v>7867.42</v>
      </c>
      <c r="F12804">
        <v>53.569299999999998</v>
      </c>
    </row>
    <row r="12805" spans="1:6" x14ac:dyDescent="0.25">
      <c r="A12805">
        <v>164.04</v>
      </c>
      <c r="B12805">
        <v>175</v>
      </c>
      <c r="C12805">
        <v>18800</v>
      </c>
      <c r="D12805">
        <v>4</v>
      </c>
      <c r="E12805">
        <v>7137.11</v>
      </c>
      <c r="F12805">
        <v>53.111400000000003</v>
      </c>
    </row>
    <row r="12806" spans="1:6" x14ac:dyDescent="0.25">
      <c r="A12806">
        <v>164.04</v>
      </c>
      <c r="B12806">
        <v>178.63</v>
      </c>
      <c r="C12806">
        <v>1800</v>
      </c>
      <c r="D12806">
        <v>1</v>
      </c>
      <c r="E12806">
        <v>5333.32</v>
      </c>
      <c r="F12806">
        <v>60.063600000000001</v>
      </c>
    </row>
    <row r="12807" spans="1:6" x14ac:dyDescent="0.25">
      <c r="A12807">
        <v>164.04</v>
      </c>
      <c r="B12807">
        <v>178.63</v>
      </c>
      <c r="C12807">
        <v>1800</v>
      </c>
      <c r="D12807">
        <v>1.3</v>
      </c>
      <c r="E12807">
        <v>4722.91</v>
      </c>
      <c r="F12807">
        <v>24.382300000000001</v>
      </c>
    </row>
    <row r="12808" spans="1:6" x14ac:dyDescent="0.25">
      <c r="A12808">
        <v>164.04</v>
      </c>
      <c r="B12808">
        <v>178.63</v>
      </c>
      <c r="C12808">
        <v>1800</v>
      </c>
      <c r="D12808">
        <v>1.6</v>
      </c>
      <c r="E12808">
        <v>4286.78</v>
      </c>
      <c r="F12808">
        <v>53.918999999999997</v>
      </c>
    </row>
    <row r="12809" spans="1:6" x14ac:dyDescent="0.25">
      <c r="A12809">
        <v>164.04</v>
      </c>
      <c r="B12809">
        <v>178.63</v>
      </c>
      <c r="C12809">
        <v>1800</v>
      </c>
      <c r="D12809">
        <v>1.9</v>
      </c>
      <c r="E12809">
        <v>4079.65</v>
      </c>
      <c r="F12809">
        <v>51.892200000000003</v>
      </c>
    </row>
    <row r="12810" spans="1:6" x14ac:dyDescent="0.25">
      <c r="A12810">
        <v>164.04</v>
      </c>
      <c r="B12810">
        <v>178.63</v>
      </c>
      <c r="C12810">
        <v>1800</v>
      </c>
      <c r="D12810">
        <v>2.2000000000000002</v>
      </c>
      <c r="E12810">
        <v>3934.19</v>
      </c>
      <c r="F12810">
        <v>51.438000000000002</v>
      </c>
    </row>
    <row r="12811" spans="1:6" x14ac:dyDescent="0.25">
      <c r="A12811">
        <v>164.04</v>
      </c>
      <c r="B12811">
        <v>178.63</v>
      </c>
      <c r="C12811">
        <v>1800</v>
      </c>
      <c r="D12811">
        <v>2.5</v>
      </c>
      <c r="E12811">
        <v>3725.78</v>
      </c>
      <c r="F12811">
        <v>59.270800000000001</v>
      </c>
    </row>
    <row r="12812" spans="1:6" x14ac:dyDescent="0.25">
      <c r="A12812">
        <v>164.04</v>
      </c>
      <c r="B12812">
        <v>178.63</v>
      </c>
      <c r="C12812">
        <v>1800</v>
      </c>
      <c r="D12812">
        <v>2.8</v>
      </c>
      <c r="E12812">
        <v>3702.34</v>
      </c>
      <c r="F12812">
        <v>60.852600000000002</v>
      </c>
    </row>
    <row r="12813" spans="1:6" x14ac:dyDescent="0.25">
      <c r="A12813">
        <v>164.04</v>
      </c>
      <c r="B12813">
        <v>178.63</v>
      </c>
      <c r="C12813">
        <v>1800</v>
      </c>
      <c r="D12813">
        <v>3.1</v>
      </c>
      <c r="E12813">
        <v>3576.27</v>
      </c>
      <c r="F12813">
        <v>64.787099999999995</v>
      </c>
    </row>
    <row r="12814" spans="1:6" x14ac:dyDescent="0.25">
      <c r="A12814">
        <v>164.04</v>
      </c>
      <c r="B12814">
        <v>178.63</v>
      </c>
      <c r="C12814">
        <v>1800</v>
      </c>
      <c r="D12814">
        <v>3.4</v>
      </c>
      <c r="E12814">
        <v>3465.83</v>
      </c>
      <c r="F12814">
        <v>68.358500000000006</v>
      </c>
    </row>
    <row r="12815" spans="1:6" x14ac:dyDescent="0.25">
      <c r="A12815">
        <v>164.04</v>
      </c>
      <c r="B12815">
        <v>178.63</v>
      </c>
      <c r="C12815">
        <v>1800</v>
      </c>
      <c r="D12815">
        <v>3.7</v>
      </c>
      <c r="E12815">
        <v>3477.8</v>
      </c>
      <c r="F12815">
        <v>71.271199999999993</v>
      </c>
    </row>
    <row r="12816" spans="1:6" x14ac:dyDescent="0.25">
      <c r="A12816">
        <v>164.04</v>
      </c>
      <c r="B12816">
        <v>178.63</v>
      </c>
      <c r="C12816">
        <v>1800</v>
      </c>
      <c r="D12816">
        <v>4</v>
      </c>
      <c r="E12816">
        <v>3406.45</v>
      </c>
      <c r="F12816">
        <v>73.556399999999996</v>
      </c>
    </row>
    <row r="12817" spans="1:6" x14ac:dyDescent="0.25">
      <c r="A12817">
        <v>164.04</v>
      </c>
      <c r="B12817">
        <v>178.63</v>
      </c>
      <c r="C12817">
        <v>3345.45</v>
      </c>
      <c r="D12817">
        <v>1</v>
      </c>
      <c r="E12817">
        <v>6745.84</v>
      </c>
      <c r="F12817">
        <v>60.063600000000001</v>
      </c>
    </row>
    <row r="12818" spans="1:6" x14ac:dyDescent="0.25">
      <c r="A12818">
        <v>164.04</v>
      </c>
      <c r="B12818">
        <v>178.63</v>
      </c>
      <c r="C12818">
        <v>3345.45</v>
      </c>
      <c r="D12818">
        <v>1.3</v>
      </c>
      <c r="E12818">
        <v>6109.04</v>
      </c>
      <c r="F12818">
        <v>19.363600000000002</v>
      </c>
    </row>
    <row r="12819" spans="1:6" x14ac:dyDescent="0.25">
      <c r="A12819">
        <v>164.04</v>
      </c>
      <c r="B12819">
        <v>178.63</v>
      </c>
      <c r="C12819">
        <v>3345.45</v>
      </c>
      <c r="D12819">
        <v>1.6</v>
      </c>
      <c r="E12819">
        <v>5933.39</v>
      </c>
      <c r="F12819">
        <v>58.347099999999998</v>
      </c>
    </row>
    <row r="12820" spans="1:6" x14ac:dyDescent="0.25">
      <c r="A12820">
        <v>164.04</v>
      </c>
      <c r="B12820">
        <v>178.63</v>
      </c>
      <c r="C12820">
        <v>3345.45</v>
      </c>
      <c r="D12820">
        <v>1.9</v>
      </c>
      <c r="E12820">
        <v>5563.17</v>
      </c>
      <c r="F12820">
        <v>54.973199999999999</v>
      </c>
    </row>
    <row r="12821" spans="1:6" x14ac:dyDescent="0.25">
      <c r="A12821">
        <v>164.04</v>
      </c>
      <c r="B12821">
        <v>178.63</v>
      </c>
      <c r="C12821">
        <v>3345.45</v>
      </c>
      <c r="D12821">
        <v>2.2000000000000002</v>
      </c>
      <c r="E12821">
        <v>5138.8</v>
      </c>
      <c r="F12821">
        <v>52.2196</v>
      </c>
    </row>
    <row r="12822" spans="1:6" x14ac:dyDescent="0.25">
      <c r="A12822">
        <v>164.04</v>
      </c>
      <c r="B12822">
        <v>178.63</v>
      </c>
      <c r="C12822">
        <v>3345.45</v>
      </c>
      <c r="D12822">
        <v>2.5</v>
      </c>
      <c r="E12822">
        <v>4951.49</v>
      </c>
      <c r="F12822">
        <v>50.3643</v>
      </c>
    </row>
    <row r="12823" spans="1:6" x14ac:dyDescent="0.25">
      <c r="A12823">
        <v>164.04</v>
      </c>
      <c r="B12823">
        <v>178.63</v>
      </c>
      <c r="C12823">
        <v>3345.45</v>
      </c>
      <c r="D12823">
        <v>2.8</v>
      </c>
      <c r="E12823">
        <v>4890.63</v>
      </c>
      <c r="F12823">
        <v>56.6813</v>
      </c>
    </row>
    <row r="12824" spans="1:6" x14ac:dyDescent="0.25">
      <c r="A12824">
        <v>164.04</v>
      </c>
      <c r="B12824">
        <v>178.63</v>
      </c>
      <c r="C12824">
        <v>3345.45</v>
      </c>
      <c r="D12824">
        <v>3.1</v>
      </c>
      <c r="E12824">
        <v>4865.45</v>
      </c>
      <c r="F12824">
        <v>55.567799999999998</v>
      </c>
    </row>
    <row r="12825" spans="1:6" x14ac:dyDescent="0.25">
      <c r="A12825">
        <v>164.04</v>
      </c>
      <c r="B12825">
        <v>178.63</v>
      </c>
      <c r="C12825">
        <v>3345.45</v>
      </c>
      <c r="D12825">
        <v>3.4</v>
      </c>
      <c r="E12825">
        <v>4765.5200000000004</v>
      </c>
      <c r="F12825">
        <v>54.2273</v>
      </c>
    </row>
    <row r="12826" spans="1:6" x14ac:dyDescent="0.25">
      <c r="A12826">
        <v>164.04</v>
      </c>
      <c r="B12826">
        <v>178.63</v>
      </c>
      <c r="C12826">
        <v>3345.45</v>
      </c>
      <c r="D12826">
        <v>3.7</v>
      </c>
      <c r="E12826">
        <v>4528.8599999999997</v>
      </c>
      <c r="F12826">
        <v>53.569299999999998</v>
      </c>
    </row>
    <row r="12827" spans="1:6" x14ac:dyDescent="0.25">
      <c r="A12827">
        <v>164.04</v>
      </c>
      <c r="B12827">
        <v>178.63</v>
      </c>
      <c r="C12827">
        <v>3345.45</v>
      </c>
      <c r="D12827">
        <v>4</v>
      </c>
      <c r="E12827">
        <v>4520.3500000000004</v>
      </c>
      <c r="F12827">
        <v>53.111400000000003</v>
      </c>
    </row>
    <row r="12828" spans="1:6" x14ac:dyDescent="0.25">
      <c r="A12828">
        <v>164.04</v>
      </c>
      <c r="B12828">
        <v>178.63</v>
      </c>
      <c r="C12828">
        <v>4890.8999999999996</v>
      </c>
      <c r="D12828">
        <v>1</v>
      </c>
      <c r="E12828">
        <v>8299.5499999999993</v>
      </c>
      <c r="F12828">
        <v>60.063600000000001</v>
      </c>
    </row>
    <row r="12829" spans="1:6" x14ac:dyDescent="0.25">
      <c r="A12829">
        <v>164.04</v>
      </c>
      <c r="B12829">
        <v>178.63</v>
      </c>
      <c r="C12829">
        <v>4890.8999999999996</v>
      </c>
      <c r="D12829">
        <v>1.3</v>
      </c>
      <c r="E12829">
        <v>7959.18</v>
      </c>
      <c r="F12829">
        <v>19.363600000000002</v>
      </c>
    </row>
    <row r="12830" spans="1:6" x14ac:dyDescent="0.25">
      <c r="A12830">
        <v>164.04</v>
      </c>
      <c r="B12830">
        <v>178.63</v>
      </c>
      <c r="C12830">
        <v>4890.8999999999996</v>
      </c>
      <c r="D12830">
        <v>1.6</v>
      </c>
      <c r="E12830">
        <v>7503.03</v>
      </c>
      <c r="F12830">
        <v>58.347099999999998</v>
      </c>
    </row>
    <row r="12831" spans="1:6" x14ac:dyDescent="0.25">
      <c r="A12831">
        <v>164.04</v>
      </c>
      <c r="B12831">
        <v>178.63</v>
      </c>
      <c r="C12831">
        <v>4890.8999999999996</v>
      </c>
      <c r="D12831">
        <v>1.9</v>
      </c>
      <c r="E12831">
        <v>6760.16</v>
      </c>
      <c r="F12831">
        <v>54.973199999999999</v>
      </c>
    </row>
    <row r="12832" spans="1:6" x14ac:dyDescent="0.25">
      <c r="A12832">
        <v>164.04</v>
      </c>
      <c r="B12832">
        <v>178.63</v>
      </c>
      <c r="C12832">
        <v>4890.8999999999996</v>
      </c>
      <c r="D12832">
        <v>2.2000000000000002</v>
      </c>
      <c r="E12832">
        <v>6842.18</v>
      </c>
      <c r="F12832">
        <v>52.2196</v>
      </c>
    </row>
    <row r="12833" spans="1:6" x14ac:dyDescent="0.25">
      <c r="A12833">
        <v>164.04</v>
      </c>
      <c r="B12833">
        <v>178.63</v>
      </c>
      <c r="C12833">
        <v>4890.8999999999996</v>
      </c>
      <c r="D12833">
        <v>2.5</v>
      </c>
      <c r="E12833">
        <v>6335.93</v>
      </c>
      <c r="F12833">
        <v>50.3643</v>
      </c>
    </row>
    <row r="12834" spans="1:6" x14ac:dyDescent="0.25">
      <c r="A12834">
        <v>164.04</v>
      </c>
      <c r="B12834">
        <v>178.63</v>
      </c>
      <c r="C12834">
        <v>4890.8999999999996</v>
      </c>
      <c r="D12834">
        <v>2.8</v>
      </c>
      <c r="E12834">
        <v>6269.1</v>
      </c>
      <c r="F12834">
        <v>56.6813</v>
      </c>
    </row>
    <row r="12835" spans="1:6" x14ac:dyDescent="0.25">
      <c r="A12835">
        <v>164.04</v>
      </c>
      <c r="B12835">
        <v>178.63</v>
      </c>
      <c r="C12835">
        <v>4890.8999999999996</v>
      </c>
      <c r="D12835">
        <v>3.1</v>
      </c>
      <c r="E12835">
        <v>6165.79</v>
      </c>
      <c r="F12835">
        <v>55.567799999999998</v>
      </c>
    </row>
    <row r="12836" spans="1:6" x14ac:dyDescent="0.25">
      <c r="A12836">
        <v>164.04</v>
      </c>
      <c r="B12836">
        <v>178.63</v>
      </c>
      <c r="C12836">
        <v>4890.8999999999996</v>
      </c>
      <c r="D12836">
        <v>3.4</v>
      </c>
      <c r="E12836">
        <v>6001.52</v>
      </c>
      <c r="F12836">
        <v>54.2273</v>
      </c>
    </row>
    <row r="12837" spans="1:6" x14ac:dyDescent="0.25">
      <c r="A12837">
        <v>164.04</v>
      </c>
      <c r="B12837">
        <v>178.63</v>
      </c>
      <c r="C12837">
        <v>4890.8999999999996</v>
      </c>
      <c r="D12837">
        <v>3.7</v>
      </c>
      <c r="E12837">
        <v>5995.83</v>
      </c>
      <c r="F12837">
        <v>53.569299999999998</v>
      </c>
    </row>
    <row r="12838" spans="1:6" x14ac:dyDescent="0.25">
      <c r="A12838">
        <v>164.04</v>
      </c>
      <c r="B12838">
        <v>178.63</v>
      </c>
      <c r="C12838">
        <v>4890.8999999999996</v>
      </c>
      <c r="D12838">
        <v>4</v>
      </c>
      <c r="E12838">
        <v>6020.02</v>
      </c>
      <c r="F12838">
        <v>53.111400000000003</v>
      </c>
    </row>
    <row r="12839" spans="1:6" x14ac:dyDescent="0.25">
      <c r="A12839">
        <v>164.04</v>
      </c>
      <c r="B12839">
        <v>178.63</v>
      </c>
      <c r="C12839">
        <v>6436.35</v>
      </c>
      <c r="D12839">
        <v>1</v>
      </c>
      <c r="E12839">
        <v>8523.0300000000007</v>
      </c>
      <c r="F12839">
        <v>60.063600000000001</v>
      </c>
    </row>
    <row r="12840" spans="1:6" x14ac:dyDescent="0.25">
      <c r="A12840">
        <v>164.04</v>
      </c>
      <c r="B12840">
        <v>178.63</v>
      </c>
      <c r="C12840">
        <v>6436.35</v>
      </c>
      <c r="D12840">
        <v>1.3</v>
      </c>
      <c r="E12840">
        <v>7959.18</v>
      </c>
      <c r="F12840">
        <v>19.363600000000002</v>
      </c>
    </row>
    <row r="12841" spans="1:6" x14ac:dyDescent="0.25">
      <c r="A12841">
        <v>164.04</v>
      </c>
      <c r="B12841">
        <v>178.63</v>
      </c>
      <c r="C12841">
        <v>6436.35</v>
      </c>
      <c r="D12841">
        <v>1.6</v>
      </c>
      <c r="E12841">
        <v>8248.18</v>
      </c>
      <c r="F12841">
        <v>58.347099999999998</v>
      </c>
    </row>
    <row r="12842" spans="1:6" x14ac:dyDescent="0.25">
      <c r="A12842">
        <v>164.04</v>
      </c>
      <c r="B12842">
        <v>178.63</v>
      </c>
      <c r="C12842">
        <v>6436.35</v>
      </c>
      <c r="D12842">
        <v>1.9</v>
      </c>
      <c r="E12842">
        <v>7724.95</v>
      </c>
      <c r="F12842">
        <v>54.973199999999999</v>
      </c>
    </row>
    <row r="12843" spans="1:6" x14ac:dyDescent="0.25">
      <c r="A12843">
        <v>164.04</v>
      </c>
      <c r="B12843">
        <v>178.63</v>
      </c>
      <c r="C12843">
        <v>6436.35</v>
      </c>
      <c r="D12843">
        <v>2.2000000000000002</v>
      </c>
      <c r="E12843">
        <v>7500.18</v>
      </c>
      <c r="F12843">
        <v>52.2196</v>
      </c>
    </row>
    <row r="12844" spans="1:6" x14ac:dyDescent="0.25">
      <c r="A12844">
        <v>164.04</v>
      </c>
      <c r="B12844">
        <v>178.63</v>
      </c>
      <c r="C12844">
        <v>6436.35</v>
      </c>
      <c r="D12844">
        <v>2.5</v>
      </c>
      <c r="E12844">
        <v>7498.37</v>
      </c>
      <c r="F12844">
        <v>50.3643</v>
      </c>
    </row>
    <row r="12845" spans="1:6" x14ac:dyDescent="0.25">
      <c r="A12845">
        <v>164.04</v>
      </c>
      <c r="B12845">
        <v>178.63</v>
      </c>
      <c r="C12845">
        <v>6436.35</v>
      </c>
      <c r="D12845">
        <v>2.8</v>
      </c>
      <c r="E12845">
        <v>7342.18</v>
      </c>
      <c r="F12845">
        <v>56.6813</v>
      </c>
    </row>
    <row r="12846" spans="1:6" x14ac:dyDescent="0.25">
      <c r="A12846">
        <v>164.04</v>
      </c>
      <c r="B12846">
        <v>178.63</v>
      </c>
      <c r="C12846">
        <v>6436.35</v>
      </c>
      <c r="D12846">
        <v>3.1</v>
      </c>
      <c r="E12846">
        <v>7339.91</v>
      </c>
      <c r="F12846">
        <v>55.567799999999998</v>
      </c>
    </row>
    <row r="12847" spans="1:6" x14ac:dyDescent="0.25">
      <c r="A12847">
        <v>164.04</v>
      </c>
      <c r="B12847">
        <v>178.63</v>
      </c>
      <c r="C12847">
        <v>6436.35</v>
      </c>
      <c r="D12847">
        <v>3.4</v>
      </c>
      <c r="E12847">
        <v>7284.15</v>
      </c>
      <c r="F12847">
        <v>54.2273</v>
      </c>
    </row>
    <row r="12848" spans="1:6" x14ac:dyDescent="0.25">
      <c r="A12848">
        <v>164.04</v>
      </c>
      <c r="B12848">
        <v>178.63</v>
      </c>
      <c r="C12848">
        <v>6436.35</v>
      </c>
      <c r="D12848">
        <v>3.7</v>
      </c>
      <c r="E12848">
        <v>7273.44</v>
      </c>
      <c r="F12848">
        <v>53.569299999999998</v>
      </c>
    </row>
    <row r="12849" spans="1:6" x14ac:dyDescent="0.25">
      <c r="A12849">
        <v>164.04</v>
      </c>
      <c r="B12849">
        <v>178.63</v>
      </c>
      <c r="C12849">
        <v>6436.35</v>
      </c>
      <c r="D12849">
        <v>4</v>
      </c>
      <c r="E12849">
        <v>7137.11</v>
      </c>
      <c r="F12849">
        <v>53.111400000000003</v>
      </c>
    </row>
    <row r="12850" spans="1:6" x14ac:dyDescent="0.25">
      <c r="A12850">
        <v>164.04</v>
      </c>
      <c r="B12850">
        <v>178.63</v>
      </c>
      <c r="C12850">
        <v>7981.8</v>
      </c>
      <c r="D12850">
        <v>1</v>
      </c>
      <c r="E12850">
        <v>8523.0300000000007</v>
      </c>
      <c r="F12850">
        <v>60.063600000000001</v>
      </c>
    </row>
    <row r="12851" spans="1:6" x14ac:dyDescent="0.25">
      <c r="A12851">
        <v>164.04</v>
      </c>
      <c r="B12851">
        <v>178.63</v>
      </c>
      <c r="C12851">
        <v>7981.8</v>
      </c>
      <c r="D12851">
        <v>1.3</v>
      </c>
      <c r="E12851">
        <v>7959.18</v>
      </c>
      <c r="F12851">
        <v>19.363600000000002</v>
      </c>
    </row>
    <row r="12852" spans="1:6" x14ac:dyDescent="0.25">
      <c r="A12852">
        <v>164.04</v>
      </c>
      <c r="B12852">
        <v>178.63</v>
      </c>
      <c r="C12852">
        <v>7981.8</v>
      </c>
      <c r="D12852">
        <v>1.6</v>
      </c>
      <c r="E12852">
        <v>8248.18</v>
      </c>
      <c r="F12852">
        <v>58.347099999999998</v>
      </c>
    </row>
    <row r="12853" spans="1:6" x14ac:dyDescent="0.25">
      <c r="A12853">
        <v>164.04</v>
      </c>
      <c r="B12853">
        <v>178.63</v>
      </c>
      <c r="C12853">
        <v>7981.8</v>
      </c>
      <c r="D12853">
        <v>1.9</v>
      </c>
      <c r="E12853">
        <v>7724.95</v>
      </c>
      <c r="F12853">
        <v>54.973199999999999</v>
      </c>
    </row>
    <row r="12854" spans="1:6" x14ac:dyDescent="0.25">
      <c r="A12854">
        <v>164.04</v>
      </c>
      <c r="B12854">
        <v>178.63</v>
      </c>
      <c r="C12854">
        <v>7981.8</v>
      </c>
      <c r="D12854">
        <v>2.2000000000000002</v>
      </c>
      <c r="E12854">
        <v>7500.18</v>
      </c>
      <c r="F12854">
        <v>52.2196</v>
      </c>
    </row>
    <row r="12855" spans="1:6" x14ac:dyDescent="0.25">
      <c r="A12855">
        <v>164.04</v>
      </c>
      <c r="B12855">
        <v>178.63</v>
      </c>
      <c r="C12855">
        <v>7981.8</v>
      </c>
      <c r="D12855">
        <v>2.5</v>
      </c>
      <c r="E12855">
        <v>7754.59</v>
      </c>
      <c r="F12855">
        <v>50.3643</v>
      </c>
    </row>
    <row r="12856" spans="1:6" x14ac:dyDescent="0.25">
      <c r="A12856">
        <v>164.04</v>
      </c>
      <c r="B12856">
        <v>178.63</v>
      </c>
      <c r="C12856">
        <v>7981.8</v>
      </c>
      <c r="D12856">
        <v>2.8</v>
      </c>
      <c r="E12856">
        <v>7342.18</v>
      </c>
      <c r="F12856">
        <v>56.6813</v>
      </c>
    </row>
    <row r="12857" spans="1:6" x14ac:dyDescent="0.25">
      <c r="A12857">
        <v>164.04</v>
      </c>
      <c r="B12857">
        <v>178.63</v>
      </c>
      <c r="C12857">
        <v>7981.8</v>
      </c>
      <c r="D12857">
        <v>3.1</v>
      </c>
      <c r="E12857">
        <v>7339.91</v>
      </c>
      <c r="F12857">
        <v>55.567799999999998</v>
      </c>
    </row>
    <row r="12858" spans="1:6" x14ac:dyDescent="0.25">
      <c r="A12858">
        <v>164.04</v>
      </c>
      <c r="B12858">
        <v>178.63</v>
      </c>
      <c r="C12858">
        <v>7981.8</v>
      </c>
      <c r="D12858">
        <v>3.4</v>
      </c>
      <c r="E12858">
        <v>7816.42</v>
      </c>
      <c r="F12858">
        <v>54.2273</v>
      </c>
    </row>
    <row r="12859" spans="1:6" x14ac:dyDescent="0.25">
      <c r="A12859">
        <v>164.04</v>
      </c>
      <c r="B12859">
        <v>178.63</v>
      </c>
      <c r="C12859">
        <v>7981.8</v>
      </c>
      <c r="D12859">
        <v>3.7</v>
      </c>
      <c r="E12859">
        <v>7867.42</v>
      </c>
      <c r="F12859">
        <v>53.569299999999998</v>
      </c>
    </row>
    <row r="12860" spans="1:6" x14ac:dyDescent="0.25">
      <c r="A12860">
        <v>164.04</v>
      </c>
      <c r="B12860">
        <v>178.63</v>
      </c>
      <c r="C12860">
        <v>7981.8</v>
      </c>
      <c r="D12860">
        <v>4</v>
      </c>
      <c r="E12860">
        <v>7137.11</v>
      </c>
      <c r="F12860">
        <v>53.111400000000003</v>
      </c>
    </row>
    <row r="12861" spans="1:6" x14ac:dyDescent="0.25">
      <c r="A12861">
        <v>164.04</v>
      </c>
      <c r="B12861">
        <v>178.63</v>
      </c>
      <c r="C12861">
        <v>9527.25</v>
      </c>
      <c r="D12861">
        <v>1</v>
      </c>
      <c r="E12861">
        <v>8523.0300000000007</v>
      </c>
      <c r="F12861">
        <v>60.063600000000001</v>
      </c>
    </row>
    <row r="12862" spans="1:6" x14ac:dyDescent="0.25">
      <c r="A12862">
        <v>164.04</v>
      </c>
      <c r="B12862">
        <v>178.63</v>
      </c>
      <c r="C12862">
        <v>9527.25</v>
      </c>
      <c r="D12862">
        <v>1.3</v>
      </c>
      <c r="E12862">
        <v>7959.18</v>
      </c>
      <c r="F12862">
        <v>19.363600000000002</v>
      </c>
    </row>
    <row r="12863" spans="1:6" x14ac:dyDescent="0.25">
      <c r="A12863">
        <v>164.04</v>
      </c>
      <c r="B12863">
        <v>178.63</v>
      </c>
      <c r="C12863">
        <v>9527.25</v>
      </c>
      <c r="D12863">
        <v>1.6</v>
      </c>
      <c r="E12863">
        <v>8248.18</v>
      </c>
      <c r="F12863">
        <v>58.347099999999998</v>
      </c>
    </row>
    <row r="12864" spans="1:6" x14ac:dyDescent="0.25">
      <c r="A12864">
        <v>164.04</v>
      </c>
      <c r="B12864">
        <v>178.63</v>
      </c>
      <c r="C12864">
        <v>9527.25</v>
      </c>
      <c r="D12864">
        <v>1.9</v>
      </c>
      <c r="E12864">
        <v>7724.95</v>
      </c>
      <c r="F12864">
        <v>54.973199999999999</v>
      </c>
    </row>
    <row r="12865" spans="1:6" x14ac:dyDescent="0.25">
      <c r="A12865">
        <v>164.04</v>
      </c>
      <c r="B12865">
        <v>178.63</v>
      </c>
      <c r="C12865">
        <v>9527.25</v>
      </c>
      <c r="D12865">
        <v>2.2000000000000002</v>
      </c>
      <c r="E12865">
        <v>7500.18</v>
      </c>
      <c r="F12865">
        <v>52.2196</v>
      </c>
    </row>
    <row r="12866" spans="1:6" x14ac:dyDescent="0.25">
      <c r="A12866">
        <v>164.04</v>
      </c>
      <c r="B12866">
        <v>178.63</v>
      </c>
      <c r="C12866">
        <v>9527.25</v>
      </c>
      <c r="D12866">
        <v>2.5</v>
      </c>
      <c r="E12866">
        <v>7754.59</v>
      </c>
      <c r="F12866">
        <v>50.3643</v>
      </c>
    </row>
    <row r="12867" spans="1:6" x14ac:dyDescent="0.25">
      <c r="A12867">
        <v>164.04</v>
      </c>
      <c r="B12867">
        <v>178.63</v>
      </c>
      <c r="C12867">
        <v>9527.25</v>
      </c>
      <c r="D12867">
        <v>2.8</v>
      </c>
      <c r="E12867">
        <v>7342.18</v>
      </c>
      <c r="F12867">
        <v>56.6813</v>
      </c>
    </row>
    <row r="12868" spans="1:6" x14ac:dyDescent="0.25">
      <c r="A12868">
        <v>164.04</v>
      </c>
      <c r="B12868">
        <v>178.63</v>
      </c>
      <c r="C12868">
        <v>9527.25</v>
      </c>
      <c r="D12868">
        <v>3.1</v>
      </c>
      <c r="E12868">
        <v>7339.91</v>
      </c>
      <c r="F12868">
        <v>55.567799999999998</v>
      </c>
    </row>
    <row r="12869" spans="1:6" x14ac:dyDescent="0.25">
      <c r="A12869">
        <v>164.04</v>
      </c>
      <c r="B12869">
        <v>178.63</v>
      </c>
      <c r="C12869">
        <v>9527.25</v>
      </c>
      <c r="D12869">
        <v>3.4</v>
      </c>
      <c r="E12869">
        <v>7816.42</v>
      </c>
      <c r="F12869">
        <v>54.2273</v>
      </c>
    </row>
    <row r="12870" spans="1:6" x14ac:dyDescent="0.25">
      <c r="A12870">
        <v>164.04</v>
      </c>
      <c r="B12870">
        <v>178.63</v>
      </c>
      <c r="C12870">
        <v>9527.25</v>
      </c>
      <c r="D12870">
        <v>3.7</v>
      </c>
      <c r="E12870">
        <v>7867.42</v>
      </c>
      <c r="F12870">
        <v>53.569299999999998</v>
      </c>
    </row>
    <row r="12871" spans="1:6" x14ac:dyDescent="0.25">
      <c r="A12871">
        <v>164.04</v>
      </c>
      <c r="B12871">
        <v>178.63</v>
      </c>
      <c r="C12871">
        <v>9527.25</v>
      </c>
      <c r="D12871">
        <v>4</v>
      </c>
      <c r="E12871">
        <v>7137.11</v>
      </c>
      <c r="F12871">
        <v>53.111400000000003</v>
      </c>
    </row>
    <row r="12872" spans="1:6" x14ac:dyDescent="0.25">
      <c r="A12872">
        <v>164.04</v>
      </c>
      <c r="B12872">
        <v>178.63</v>
      </c>
      <c r="C12872">
        <v>11072.7</v>
      </c>
      <c r="D12872">
        <v>1</v>
      </c>
      <c r="E12872">
        <v>8523.0300000000007</v>
      </c>
      <c r="F12872">
        <v>60.063600000000001</v>
      </c>
    </row>
    <row r="12873" spans="1:6" x14ac:dyDescent="0.25">
      <c r="A12873">
        <v>164.04</v>
      </c>
      <c r="B12873">
        <v>178.63</v>
      </c>
      <c r="C12873">
        <v>11072.7</v>
      </c>
      <c r="D12873">
        <v>1.3</v>
      </c>
      <c r="E12873">
        <v>7959.18</v>
      </c>
      <c r="F12873">
        <v>19.363600000000002</v>
      </c>
    </row>
    <row r="12874" spans="1:6" x14ac:dyDescent="0.25">
      <c r="A12874">
        <v>164.04</v>
      </c>
      <c r="B12874">
        <v>178.63</v>
      </c>
      <c r="C12874">
        <v>11072.7</v>
      </c>
      <c r="D12874">
        <v>1.6</v>
      </c>
      <c r="E12874">
        <v>8248.18</v>
      </c>
      <c r="F12874">
        <v>58.347099999999998</v>
      </c>
    </row>
    <row r="12875" spans="1:6" x14ac:dyDescent="0.25">
      <c r="A12875">
        <v>164.04</v>
      </c>
      <c r="B12875">
        <v>178.63</v>
      </c>
      <c r="C12875">
        <v>11072.7</v>
      </c>
      <c r="D12875">
        <v>1.9</v>
      </c>
      <c r="E12875">
        <v>7724.95</v>
      </c>
      <c r="F12875">
        <v>54.973199999999999</v>
      </c>
    </row>
    <row r="12876" spans="1:6" x14ac:dyDescent="0.25">
      <c r="A12876">
        <v>164.04</v>
      </c>
      <c r="B12876">
        <v>178.63</v>
      </c>
      <c r="C12876">
        <v>11072.7</v>
      </c>
      <c r="D12876">
        <v>2.2000000000000002</v>
      </c>
      <c r="E12876">
        <v>7500.18</v>
      </c>
      <c r="F12876">
        <v>52.2196</v>
      </c>
    </row>
    <row r="12877" spans="1:6" x14ac:dyDescent="0.25">
      <c r="A12877">
        <v>164.04</v>
      </c>
      <c r="B12877">
        <v>178.63</v>
      </c>
      <c r="C12877">
        <v>11072.7</v>
      </c>
      <c r="D12877">
        <v>2.5</v>
      </c>
      <c r="E12877">
        <v>7754.59</v>
      </c>
      <c r="F12877">
        <v>50.3643</v>
      </c>
    </row>
    <row r="12878" spans="1:6" x14ac:dyDescent="0.25">
      <c r="A12878">
        <v>164.04</v>
      </c>
      <c r="B12878">
        <v>178.63</v>
      </c>
      <c r="C12878">
        <v>11072.7</v>
      </c>
      <c r="D12878">
        <v>2.8</v>
      </c>
      <c r="E12878">
        <v>7342.18</v>
      </c>
      <c r="F12878">
        <v>56.6813</v>
      </c>
    </row>
    <row r="12879" spans="1:6" x14ac:dyDescent="0.25">
      <c r="A12879">
        <v>164.04</v>
      </c>
      <c r="B12879">
        <v>178.63</v>
      </c>
      <c r="C12879">
        <v>11072.7</v>
      </c>
      <c r="D12879">
        <v>3.1</v>
      </c>
      <c r="E12879">
        <v>7339.91</v>
      </c>
      <c r="F12879">
        <v>55.567799999999998</v>
      </c>
    </row>
    <row r="12880" spans="1:6" x14ac:dyDescent="0.25">
      <c r="A12880">
        <v>164.04</v>
      </c>
      <c r="B12880">
        <v>178.63</v>
      </c>
      <c r="C12880">
        <v>11072.7</v>
      </c>
      <c r="D12880">
        <v>3.4</v>
      </c>
      <c r="E12880">
        <v>7816.42</v>
      </c>
      <c r="F12880">
        <v>54.2273</v>
      </c>
    </row>
    <row r="12881" spans="1:6" x14ac:dyDescent="0.25">
      <c r="A12881">
        <v>164.04</v>
      </c>
      <c r="B12881">
        <v>178.63</v>
      </c>
      <c r="C12881">
        <v>11072.7</v>
      </c>
      <c r="D12881">
        <v>3.7</v>
      </c>
      <c r="E12881">
        <v>7867.42</v>
      </c>
      <c r="F12881">
        <v>53.569299999999998</v>
      </c>
    </row>
    <row r="12882" spans="1:6" x14ac:dyDescent="0.25">
      <c r="A12882">
        <v>164.04</v>
      </c>
      <c r="B12882">
        <v>178.63</v>
      </c>
      <c r="C12882">
        <v>11072.7</v>
      </c>
      <c r="D12882">
        <v>4</v>
      </c>
      <c r="E12882">
        <v>7137.11</v>
      </c>
      <c r="F12882">
        <v>53.111400000000003</v>
      </c>
    </row>
    <row r="12883" spans="1:6" x14ac:dyDescent="0.25">
      <c r="A12883">
        <v>164.04</v>
      </c>
      <c r="B12883">
        <v>178.63</v>
      </c>
      <c r="C12883">
        <v>12618.2</v>
      </c>
      <c r="D12883">
        <v>1</v>
      </c>
      <c r="E12883">
        <v>8523.0300000000007</v>
      </c>
      <c r="F12883">
        <v>60.063600000000001</v>
      </c>
    </row>
    <row r="12884" spans="1:6" x14ac:dyDescent="0.25">
      <c r="A12884">
        <v>164.04</v>
      </c>
      <c r="B12884">
        <v>178.63</v>
      </c>
      <c r="C12884">
        <v>12618.2</v>
      </c>
      <c r="D12884">
        <v>1.3</v>
      </c>
      <c r="E12884">
        <v>7959.18</v>
      </c>
      <c r="F12884">
        <v>19.363600000000002</v>
      </c>
    </row>
    <row r="12885" spans="1:6" x14ac:dyDescent="0.25">
      <c r="A12885">
        <v>164.04</v>
      </c>
      <c r="B12885">
        <v>178.63</v>
      </c>
      <c r="C12885">
        <v>12618.2</v>
      </c>
      <c r="D12885">
        <v>1.6</v>
      </c>
      <c r="E12885">
        <v>8248.18</v>
      </c>
      <c r="F12885">
        <v>58.347099999999998</v>
      </c>
    </row>
    <row r="12886" spans="1:6" x14ac:dyDescent="0.25">
      <c r="A12886">
        <v>164.04</v>
      </c>
      <c r="B12886">
        <v>178.63</v>
      </c>
      <c r="C12886">
        <v>12618.2</v>
      </c>
      <c r="D12886">
        <v>1.9</v>
      </c>
      <c r="E12886">
        <v>7724.95</v>
      </c>
      <c r="F12886">
        <v>54.973199999999999</v>
      </c>
    </row>
    <row r="12887" spans="1:6" x14ac:dyDescent="0.25">
      <c r="A12887">
        <v>164.04</v>
      </c>
      <c r="B12887">
        <v>178.63</v>
      </c>
      <c r="C12887">
        <v>12618.2</v>
      </c>
      <c r="D12887">
        <v>2.2000000000000002</v>
      </c>
      <c r="E12887">
        <v>7500.18</v>
      </c>
      <c r="F12887">
        <v>52.2196</v>
      </c>
    </row>
    <row r="12888" spans="1:6" x14ac:dyDescent="0.25">
      <c r="A12888">
        <v>164.04</v>
      </c>
      <c r="B12888">
        <v>178.63</v>
      </c>
      <c r="C12888">
        <v>12618.2</v>
      </c>
      <c r="D12888">
        <v>2.5</v>
      </c>
      <c r="E12888">
        <v>7754.59</v>
      </c>
      <c r="F12888">
        <v>50.3643</v>
      </c>
    </row>
    <row r="12889" spans="1:6" x14ac:dyDescent="0.25">
      <c r="A12889">
        <v>164.04</v>
      </c>
      <c r="B12889">
        <v>178.63</v>
      </c>
      <c r="C12889">
        <v>12618.2</v>
      </c>
      <c r="D12889">
        <v>2.8</v>
      </c>
      <c r="E12889">
        <v>7342.18</v>
      </c>
      <c r="F12889">
        <v>56.6813</v>
      </c>
    </row>
    <row r="12890" spans="1:6" x14ac:dyDescent="0.25">
      <c r="A12890">
        <v>164.04</v>
      </c>
      <c r="B12890">
        <v>178.63</v>
      </c>
      <c r="C12890">
        <v>12618.2</v>
      </c>
      <c r="D12890">
        <v>3.1</v>
      </c>
      <c r="E12890">
        <v>7339.91</v>
      </c>
      <c r="F12890">
        <v>55.567799999999998</v>
      </c>
    </row>
    <row r="12891" spans="1:6" x14ac:dyDescent="0.25">
      <c r="A12891">
        <v>164.04</v>
      </c>
      <c r="B12891">
        <v>178.63</v>
      </c>
      <c r="C12891">
        <v>12618.2</v>
      </c>
      <c r="D12891">
        <v>3.4</v>
      </c>
      <c r="E12891">
        <v>7816.42</v>
      </c>
      <c r="F12891">
        <v>54.2273</v>
      </c>
    </row>
    <row r="12892" spans="1:6" x14ac:dyDescent="0.25">
      <c r="A12892">
        <v>164.04</v>
      </c>
      <c r="B12892">
        <v>178.63</v>
      </c>
      <c r="C12892">
        <v>12618.2</v>
      </c>
      <c r="D12892">
        <v>3.7</v>
      </c>
      <c r="E12892">
        <v>7867.42</v>
      </c>
      <c r="F12892">
        <v>53.569299999999998</v>
      </c>
    </row>
    <row r="12893" spans="1:6" x14ac:dyDescent="0.25">
      <c r="A12893">
        <v>164.04</v>
      </c>
      <c r="B12893">
        <v>178.63</v>
      </c>
      <c r="C12893">
        <v>12618.2</v>
      </c>
      <c r="D12893">
        <v>4</v>
      </c>
      <c r="E12893">
        <v>7137.11</v>
      </c>
      <c r="F12893">
        <v>53.111400000000003</v>
      </c>
    </row>
    <row r="12894" spans="1:6" x14ac:dyDescent="0.25">
      <c r="A12894">
        <v>164.04</v>
      </c>
      <c r="B12894">
        <v>178.63</v>
      </c>
      <c r="C12894">
        <v>14163.6</v>
      </c>
      <c r="D12894">
        <v>1</v>
      </c>
      <c r="E12894">
        <v>8523.0300000000007</v>
      </c>
      <c r="F12894">
        <v>60.063600000000001</v>
      </c>
    </row>
    <row r="12895" spans="1:6" x14ac:dyDescent="0.25">
      <c r="A12895">
        <v>164.04</v>
      </c>
      <c r="B12895">
        <v>178.63</v>
      </c>
      <c r="C12895">
        <v>14163.6</v>
      </c>
      <c r="D12895">
        <v>1.3</v>
      </c>
      <c r="E12895">
        <v>7959.18</v>
      </c>
      <c r="F12895">
        <v>19.363600000000002</v>
      </c>
    </row>
    <row r="12896" spans="1:6" x14ac:dyDescent="0.25">
      <c r="A12896">
        <v>164.04</v>
      </c>
      <c r="B12896">
        <v>178.63</v>
      </c>
      <c r="C12896">
        <v>14163.6</v>
      </c>
      <c r="D12896">
        <v>1.6</v>
      </c>
      <c r="E12896">
        <v>8248.18</v>
      </c>
      <c r="F12896">
        <v>58.347099999999998</v>
      </c>
    </row>
    <row r="12897" spans="1:6" x14ac:dyDescent="0.25">
      <c r="A12897">
        <v>164.04</v>
      </c>
      <c r="B12897">
        <v>178.63</v>
      </c>
      <c r="C12897">
        <v>14163.6</v>
      </c>
      <c r="D12897">
        <v>1.9</v>
      </c>
      <c r="E12897">
        <v>7724.95</v>
      </c>
      <c r="F12897">
        <v>54.973199999999999</v>
      </c>
    </row>
    <row r="12898" spans="1:6" x14ac:dyDescent="0.25">
      <c r="A12898">
        <v>164.04</v>
      </c>
      <c r="B12898">
        <v>178.63</v>
      </c>
      <c r="C12898">
        <v>14163.6</v>
      </c>
      <c r="D12898">
        <v>2.2000000000000002</v>
      </c>
      <c r="E12898">
        <v>7500.18</v>
      </c>
      <c r="F12898">
        <v>52.2196</v>
      </c>
    </row>
    <row r="12899" spans="1:6" x14ac:dyDescent="0.25">
      <c r="A12899">
        <v>164.04</v>
      </c>
      <c r="B12899">
        <v>178.63</v>
      </c>
      <c r="C12899">
        <v>14163.6</v>
      </c>
      <c r="D12899">
        <v>2.5</v>
      </c>
      <c r="E12899">
        <v>7754.59</v>
      </c>
      <c r="F12899">
        <v>50.3643</v>
      </c>
    </row>
    <row r="12900" spans="1:6" x14ac:dyDescent="0.25">
      <c r="A12900">
        <v>164.04</v>
      </c>
      <c r="B12900">
        <v>178.63</v>
      </c>
      <c r="C12900">
        <v>14163.6</v>
      </c>
      <c r="D12900">
        <v>2.8</v>
      </c>
      <c r="E12900">
        <v>7342.18</v>
      </c>
      <c r="F12900">
        <v>56.6813</v>
      </c>
    </row>
    <row r="12901" spans="1:6" x14ac:dyDescent="0.25">
      <c r="A12901">
        <v>164.04</v>
      </c>
      <c r="B12901">
        <v>178.63</v>
      </c>
      <c r="C12901">
        <v>14163.6</v>
      </c>
      <c r="D12901">
        <v>3.1</v>
      </c>
      <c r="E12901">
        <v>7339.91</v>
      </c>
      <c r="F12901">
        <v>55.567799999999998</v>
      </c>
    </row>
    <row r="12902" spans="1:6" x14ac:dyDescent="0.25">
      <c r="A12902">
        <v>164.04</v>
      </c>
      <c r="B12902">
        <v>178.63</v>
      </c>
      <c r="C12902">
        <v>14163.6</v>
      </c>
      <c r="D12902">
        <v>3.4</v>
      </c>
      <c r="E12902">
        <v>7816.42</v>
      </c>
      <c r="F12902">
        <v>54.2273</v>
      </c>
    </row>
    <row r="12903" spans="1:6" x14ac:dyDescent="0.25">
      <c r="A12903">
        <v>164.04</v>
      </c>
      <c r="B12903">
        <v>178.63</v>
      </c>
      <c r="C12903">
        <v>14163.6</v>
      </c>
      <c r="D12903">
        <v>3.7</v>
      </c>
      <c r="E12903">
        <v>7867.42</v>
      </c>
      <c r="F12903">
        <v>53.569299999999998</v>
      </c>
    </row>
    <row r="12904" spans="1:6" x14ac:dyDescent="0.25">
      <c r="A12904">
        <v>164.04</v>
      </c>
      <c r="B12904">
        <v>178.63</v>
      </c>
      <c r="C12904">
        <v>14163.6</v>
      </c>
      <c r="D12904">
        <v>4</v>
      </c>
      <c r="E12904">
        <v>7137.11</v>
      </c>
      <c r="F12904">
        <v>53.111400000000003</v>
      </c>
    </row>
    <row r="12905" spans="1:6" x14ac:dyDescent="0.25">
      <c r="A12905">
        <v>164.04</v>
      </c>
      <c r="B12905">
        <v>178.63</v>
      </c>
      <c r="C12905">
        <v>15709.1</v>
      </c>
      <c r="D12905">
        <v>1</v>
      </c>
      <c r="E12905">
        <v>8523.0300000000007</v>
      </c>
      <c r="F12905">
        <v>60.063600000000001</v>
      </c>
    </row>
    <row r="12906" spans="1:6" x14ac:dyDescent="0.25">
      <c r="A12906">
        <v>164.04</v>
      </c>
      <c r="B12906">
        <v>178.63</v>
      </c>
      <c r="C12906">
        <v>15709.1</v>
      </c>
      <c r="D12906">
        <v>1.3</v>
      </c>
      <c r="E12906">
        <v>7959.18</v>
      </c>
      <c r="F12906">
        <v>19.363600000000002</v>
      </c>
    </row>
    <row r="12907" spans="1:6" x14ac:dyDescent="0.25">
      <c r="A12907">
        <v>164.04</v>
      </c>
      <c r="B12907">
        <v>178.63</v>
      </c>
      <c r="C12907">
        <v>15709.1</v>
      </c>
      <c r="D12907">
        <v>1.6</v>
      </c>
      <c r="E12907">
        <v>8248.18</v>
      </c>
      <c r="F12907">
        <v>58.347099999999998</v>
      </c>
    </row>
    <row r="12908" spans="1:6" x14ac:dyDescent="0.25">
      <c r="A12908">
        <v>164.04</v>
      </c>
      <c r="B12908">
        <v>178.63</v>
      </c>
      <c r="C12908">
        <v>15709.1</v>
      </c>
      <c r="D12908">
        <v>1.9</v>
      </c>
      <c r="E12908">
        <v>7724.95</v>
      </c>
      <c r="F12908">
        <v>54.973199999999999</v>
      </c>
    </row>
    <row r="12909" spans="1:6" x14ac:dyDescent="0.25">
      <c r="A12909">
        <v>164.04</v>
      </c>
      <c r="B12909">
        <v>178.63</v>
      </c>
      <c r="C12909">
        <v>15709.1</v>
      </c>
      <c r="D12909">
        <v>2.2000000000000002</v>
      </c>
      <c r="E12909">
        <v>7500.18</v>
      </c>
      <c r="F12909">
        <v>52.2196</v>
      </c>
    </row>
    <row r="12910" spans="1:6" x14ac:dyDescent="0.25">
      <c r="A12910">
        <v>164.04</v>
      </c>
      <c r="B12910">
        <v>178.63</v>
      </c>
      <c r="C12910">
        <v>15709.1</v>
      </c>
      <c r="D12910">
        <v>2.5</v>
      </c>
      <c r="E12910">
        <v>7754.59</v>
      </c>
      <c r="F12910">
        <v>50.3643</v>
      </c>
    </row>
    <row r="12911" spans="1:6" x14ac:dyDescent="0.25">
      <c r="A12911">
        <v>164.04</v>
      </c>
      <c r="B12911">
        <v>178.63</v>
      </c>
      <c r="C12911">
        <v>15709.1</v>
      </c>
      <c r="D12911">
        <v>2.8</v>
      </c>
      <c r="E12911">
        <v>7342.18</v>
      </c>
      <c r="F12911">
        <v>56.6813</v>
      </c>
    </row>
    <row r="12912" spans="1:6" x14ac:dyDescent="0.25">
      <c r="A12912">
        <v>164.04</v>
      </c>
      <c r="B12912">
        <v>178.63</v>
      </c>
      <c r="C12912">
        <v>15709.1</v>
      </c>
      <c r="D12912">
        <v>3.1</v>
      </c>
      <c r="E12912">
        <v>7339.91</v>
      </c>
      <c r="F12912">
        <v>55.567799999999998</v>
      </c>
    </row>
    <row r="12913" spans="1:6" x14ac:dyDescent="0.25">
      <c r="A12913">
        <v>164.04</v>
      </c>
      <c r="B12913">
        <v>178.63</v>
      </c>
      <c r="C12913">
        <v>15709.1</v>
      </c>
      <c r="D12913">
        <v>3.4</v>
      </c>
      <c r="E12913">
        <v>7816.42</v>
      </c>
      <c r="F12913">
        <v>54.2273</v>
      </c>
    </row>
    <row r="12914" spans="1:6" x14ac:dyDescent="0.25">
      <c r="A12914">
        <v>164.04</v>
      </c>
      <c r="B12914">
        <v>178.63</v>
      </c>
      <c r="C12914">
        <v>15709.1</v>
      </c>
      <c r="D12914">
        <v>3.7</v>
      </c>
      <c r="E12914">
        <v>7867.42</v>
      </c>
      <c r="F12914">
        <v>53.569299999999998</v>
      </c>
    </row>
    <row r="12915" spans="1:6" x14ac:dyDescent="0.25">
      <c r="A12915">
        <v>164.04</v>
      </c>
      <c r="B12915">
        <v>178.63</v>
      </c>
      <c r="C12915">
        <v>15709.1</v>
      </c>
      <c r="D12915">
        <v>4</v>
      </c>
      <c r="E12915">
        <v>7137.11</v>
      </c>
      <c r="F12915">
        <v>53.111400000000003</v>
      </c>
    </row>
    <row r="12916" spans="1:6" x14ac:dyDescent="0.25">
      <c r="A12916">
        <v>164.04</v>
      </c>
      <c r="B12916">
        <v>178.63</v>
      </c>
      <c r="C12916">
        <v>17254.5</v>
      </c>
      <c r="D12916">
        <v>1</v>
      </c>
      <c r="E12916">
        <v>8523.0300000000007</v>
      </c>
      <c r="F12916">
        <v>60.063600000000001</v>
      </c>
    </row>
    <row r="12917" spans="1:6" x14ac:dyDescent="0.25">
      <c r="A12917">
        <v>164.04</v>
      </c>
      <c r="B12917">
        <v>178.63</v>
      </c>
      <c r="C12917">
        <v>17254.5</v>
      </c>
      <c r="D12917">
        <v>1.3</v>
      </c>
      <c r="E12917">
        <v>7959.18</v>
      </c>
      <c r="F12917">
        <v>19.363600000000002</v>
      </c>
    </row>
    <row r="12918" spans="1:6" x14ac:dyDescent="0.25">
      <c r="A12918">
        <v>164.04</v>
      </c>
      <c r="B12918">
        <v>178.63</v>
      </c>
      <c r="C12918">
        <v>17254.5</v>
      </c>
      <c r="D12918">
        <v>1.6</v>
      </c>
      <c r="E12918">
        <v>8248.18</v>
      </c>
      <c r="F12918">
        <v>58.347099999999998</v>
      </c>
    </row>
    <row r="12919" spans="1:6" x14ac:dyDescent="0.25">
      <c r="A12919">
        <v>164.04</v>
      </c>
      <c r="B12919">
        <v>178.63</v>
      </c>
      <c r="C12919">
        <v>17254.5</v>
      </c>
      <c r="D12919">
        <v>1.9</v>
      </c>
      <c r="E12919">
        <v>7724.95</v>
      </c>
      <c r="F12919">
        <v>54.973199999999999</v>
      </c>
    </row>
    <row r="12920" spans="1:6" x14ac:dyDescent="0.25">
      <c r="A12920">
        <v>164.04</v>
      </c>
      <c r="B12920">
        <v>178.63</v>
      </c>
      <c r="C12920">
        <v>17254.5</v>
      </c>
      <c r="D12920">
        <v>2.2000000000000002</v>
      </c>
      <c r="E12920">
        <v>7500.18</v>
      </c>
      <c r="F12920">
        <v>52.2196</v>
      </c>
    </row>
    <row r="12921" spans="1:6" x14ac:dyDescent="0.25">
      <c r="A12921">
        <v>164.04</v>
      </c>
      <c r="B12921">
        <v>178.63</v>
      </c>
      <c r="C12921">
        <v>17254.5</v>
      </c>
      <c r="D12921">
        <v>2.5</v>
      </c>
      <c r="E12921">
        <v>7754.59</v>
      </c>
      <c r="F12921">
        <v>50.3643</v>
      </c>
    </row>
    <row r="12922" spans="1:6" x14ac:dyDescent="0.25">
      <c r="A12922">
        <v>164.04</v>
      </c>
      <c r="B12922">
        <v>178.63</v>
      </c>
      <c r="C12922">
        <v>17254.5</v>
      </c>
      <c r="D12922">
        <v>2.8</v>
      </c>
      <c r="E12922">
        <v>7342.18</v>
      </c>
      <c r="F12922">
        <v>56.6813</v>
      </c>
    </row>
    <row r="12923" spans="1:6" x14ac:dyDescent="0.25">
      <c r="A12923">
        <v>164.04</v>
      </c>
      <c r="B12923">
        <v>178.63</v>
      </c>
      <c r="C12923">
        <v>17254.5</v>
      </c>
      <c r="D12923">
        <v>3.1</v>
      </c>
      <c r="E12923">
        <v>7339.91</v>
      </c>
      <c r="F12923">
        <v>55.567799999999998</v>
      </c>
    </row>
    <row r="12924" spans="1:6" x14ac:dyDescent="0.25">
      <c r="A12924">
        <v>164.04</v>
      </c>
      <c r="B12924">
        <v>178.63</v>
      </c>
      <c r="C12924">
        <v>17254.5</v>
      </c>
      <c r="D12924">
        <v>3.4</v>
      </c>
      <c r="E12924">
        <v>7816.42</v>
      </c>
      <c r="F12924">
        <v>54.2273</v>
      </c>
    </row>
    <row r="12925" spans="1:6" x14ac:dyDescent="0.25">
      <c r="A12925">
        <v>164.04</v>
      </c>
      <c r="B12925">
        <v>178.63</v>
      </c>
      <c r="C12925">
        <v>17254.5</v>
      </c>
      <c r="D12925">
        <v>3.7</v>
      </c>
      <c r="E12925">
        <v>7867.42</v>
      </c>
      <c r="F12925">
        <v>53.569299999999998</v>
      </c>
    </row>
    <row r="12926" spans="1:6" x14ac:dyDescent="0.25">
      <c r="A12926">
        <v>164.04</v>
      </c>
      <c r="B12926">
        <v>178.63</v>
      </c>
      <c r="C12926">
        <v>17254.5</v>
      </c>
      <c r="D12926">
        <v>4</v>
      </c>
      <c r="E12926">
        <v>7137.11</v>
      </c>
      <c r="F12926">
        <v>53.111400000000003</v>
      </c>
    </row>
    <row r="12927" spans="1:6" x14ac:dyDescent="0.25">
      <c r="A12927">
        <v>164.04</v>
      </c>
      <c r="B12927">
        <v>178.63</v>
      </c>
      <c r="C12927">
        <v>18800</v>
      </c>
      <c r="D12927">
        <v>1</v>
      </c>
      <c r="E12927">
        <v>8523.0300000000007</v>
      </c>
      <c r="F12927">
        <v>60.063600000000001</v>
      </c>
    </row>
    <row r="12928" spans="1:6" x14ac:dyDescent="0.25">
      <c r="A12928">
        <v>164.04</v>
      </c>
      <c r="B12928">
        <v>178.63</v>
      </c>
      <c r="C12928">
        <v>18800</v>
      </c>
      <c r="D12928">
        <v>1.3</v>
      </c>
      <c r="E12928">
        <v>7959.18</v>
      </c>
      <c r="F12928">
        <v>19.363600000000002</v>
      </c>
    </row>
    <row r="12929" spans="1:6" x14ac:dyDescent="0.25">
      <c r="A12929">
        <v>164.04</v>
      </c>
      <c r="B12929">
        <v>178.63</v>
      </c>
      <c r="C12929">
        <v>18800</v>
      </c>
      <c r="D12929">
        <v>1.6</v>
      </c>
      <c r="E12929">
        <v>8248.18</v>
      </c>
      <c r="F12929">
        <v>58.347099999999998</v>
      </c>
    </row>
    <row r="12930" spans="1:6" x14ac:dyDescent="0.25">
      <c r="A12930">
        <v>164.04</v>
      </c>
      <c r="B12930">
        <v>178.63</v>
      </c>
      <c r="C12930">
        <v>18800</v>
      </c>
      <c r="D12930">
        <v>1.9</v>
      </c>
      <c r="E12930">
        <v>7724.95</v>
      </c>
      <c r="F12930">
        <v>54.973199999999999</v>
      </c>
    </row>
    <row r="12931" spans="1:6" x14ac:dyDescent="0.25">
      <c r="A12931">
        <v>164.04</v>
      </c>
      <c r="B12931">
        <v>178.63</v>
      </c>
      <c r="C12931">
        <v>18800</v>
      </c>
      <c r="D12931">
        <v>2.2000000000000002</v>
      </c>
      <c r="E12931">
        <v>7500.18</v>
      </c>
      <c r="F12931">
        <v>52.2196</v>
      </c>
    </row>
    <row r="12932" spans="1:6" x14ac:dyDescent="0.25">
      <c r="A12932">
        <v>164.04</v>
      </c>
      <c r="B12932">
        <v>178.63</v>
      </c>
      <c r="C12932">
        <v>18800</v>
      </c>
      <c r="D12932">
        <v>2.5</v>
      </c>
      <c r="E12932">
        <v>7754.59</v>
      </c>
      <c r="F12932">
        <v>50.3643</v>
      </c>
    </row>
    <row r="12933" spans="1:6" x14ac:dyDescent="0.25">
      <c r="A12933">
        <v>164.04</v>
      </c>
      <c r="B12933">
        <v>178.63</v>
      </c>
      <c r="C12933">
        <v>18800</v>
      </c>
      <c r="D12933">
        <v>2.8</v>
      </c>
      <c r="E12933">
        <v>7342.18</v>
      </c>
      <c r="F12933">
        <v>56.6813</v>
      </c>
    </row>
    <row r="12934" spans="1:6" x14ac:dyDescent="0.25">
      <c r="A12934">
        <v>164.04</v>
      </c>
      <c r="B12934">
        <v>178.63</v>
      </c>
      <c r="C12934">
        <v>18800</v>
      </c>
      <c r="D12934">
        <v>3.1</v>
      </c>
      <c r="E12934">
        <v>7339.91</v>
      </c>
      <c r="F12934">
        <v>55.567799999999998</v>
      </c>
    </row>
    <row r="12935" spans="1:6" x14ac:dyDescent="0.25">
      <c r="A12935">
        <v>164.04</v>
      </c>
      <c r="B12935">
        <v>178.63</v>
      </c>
      <c r="C12935">
        <v>18800</v>
      </c>
      <c r="D12935">
        <v>3.4</v>
      </c>
      <c r="E12935">
        <v>7816.42</v>
      </c>
      <c r="F12935">
        <v>54.2273</v>
      </c>
    </row>
    <row r="12936" spans="1:6" x14ac:dyDescent="0.25">
      <c r="A12936">
        <v>164.04</v>
      </c>
      <c r="B12936">
        <v>178.63</v>
      </c>
      <c r="C12936">
        <v>18800</v>
      </c>
      <c r="D12936">
        <v>3.7</v>
      </c>
      <c r="E12936">
        <v>7867.42</v>
      </c>
      <c r="F12936">
        <v>53.569299999999998</v>
      </c>
    </row>
    <row r="12937" spans="1:6" x14ac:dyDescent="0.25">
      <c r="A12937">
        <v>164.04</v>
      </c>
      <c r="B12937">
        <v>178.63</v>
      </c>
      <c r="C12937">
        <v>18800</v>
      </c>
      <c r="D12937">
        <v>4</v>
      </c>
      <c r="E12937">
        <v>7137.11</v>
      </c>
      <c r="F12937">
        <v>53.111400000000003</v>
      </c>
    </row>
    <row r="12938" spans="1:6" x14ac:dyDescent="0.25">
      <c r="A12938">
        <v>164.04</v>
      </c>
      <c r="B12938">
        <v>182.26</v>
      </c>
      <c r="C12938">
        <v>1800</v>
      </c>
      <c r="D12938">
        <v>1</v>
      </c>
      <c r="E12938">
        <v>5333.32</v>
      </c>
      <c r="F12938">
        <v>60.063600000000001</v>
      </c>
    </row>
    <row r="12939" spans="1:6" x14ac:dyDescent="0.25">
      <c r="A12939">
        <v>164.04</v>
      </c>
      <c r="B12939">
        <v>182.26</v>
      </c>
      <c r="C12939">
        <v>1800</v>
      </c>
      <c r="D12939">
        <v>1.3</v>
      </c>
      <c r="E12939">
        <v>4722.7299999999996</v>
      </c>
      <c r="F12939">
        <v>23.903600000000001</v>
      </c>
    </row>
    <row r="12940" spans="1:6" x14ac:dyDescent="0.25">
      <c r="A12940">
        <v>164.04</v>
      </c>
      <c r="B12940">
        <v>182.26</v>
      </c>
      <c r="C12940">
        <v>1800</v>
      </c>
      <c r="D12940">
        <v>1.6</v>
      </c>
      <c r="E12940">
        <v>4299.8</v>
      </c>
      <c r="F12940">
        <v>53.918999999999997</v>
      </c>
    </row>
    <row r="12941" spans="1:6" x14ac:dyDescent="0.25">
      <c r="A12941">
        <v>164.04</v>
      </c>
      <c r="B12941">
        <v>182.26</v>
      </c>
      <c r="C12941">
        <v>1800</v>
      </c>
      <c r="D12941">
        <v>1.9</v>
      </c>
      <c r="E12941">
        <v>4016.1</v>
      </c>
      <c r="F12941">
        <v>50.161099999999998</v>
      </c>
    </row>
    <row r="12942" spans="1:6" x14ac:dyDescent="0.25">
      <c r="A12942">
        <v>164.04</v>
      </c>
      <c r="B12942">
        <v>182.26</v>
      </c>
      <c r="C12942">
        <v>1800</v>
      </c>
      <c r="D12942">
        <v>2.2000000000000002</v>
      </c>
      <c r="E12942">
        <v>3829</v>
      </c>
      <c r="F12942">
        <v>49.047400000000003</v>
      </c>
    </row>
    <row r="12943" spans="1:6" x14ac:dyDescent="0.25">
      <c r="A12943">
        <v>164.04</v>
      </c>
      <c r="B12943">
        <v>182.26</v>
      </c>
      <c r="C12943">
        <v>1800</v>
      </c>
      <c r="D12943">
        <v>2.5</v>
      </c>
      <c r="E12943">
        <v>3741.71</v>
      </c>
      <c r="F12943">
        <v>56.165599999999998</v>
      </c>
    </row>
    <row r="12944" spans="1:6" x14ac:dyDescent="0.25">
      <c r="A12944">
        <v>164.04</v>
      </c>
      <c r="B12944">
        <v>182.26</v>
      </c>
      <c r="C12944">
        <v>1800</v>
      </c>
      <c r="D12944">
        <v>2.8</v>
      </c>
      <c r="E12944">
        <v>3604.06</v>
      </c>
      <c r="F12944">
        <v>59.366100000000003</v>
      </c>
    </row>
    <row r="12945" spans="1:6" x14ac:dyDescent="0.25">
      <c r="A12945">
        <v>164.04</v>
      </c>
      <c r="B12945">
        <v>182.26</v>
      </c>
      <c r="C12945">
        <v>1800</v>
      </c>
      <c r="D12945">
        <v>3.1</v>
      </c>
      <c r="E12945">
        <v>3494.03</v>
      </c>
      <c r="F12945">
        <v>62.476300000000002</v>
      </c>
    </row>
    <row r="12946" spans="1:6" x14ac:dyDescent="0.25">
      <c r="A12946">
        <v>164.04</v>
      </c>
      <c r="B12946">
        <v>182.26</v>
      </c>
      <c r="C12946">
        <v>1800</v>
      </c>
      <c r="D12946">
        <v>3.4</v>
      </c>
      <c r="E12946">
        <v>3383.06</v>
      </c>
      <c r="F12946">
        <v>66.209199999999996</v>
      </c>
    </row>
    <row r="12947" spans="1:6" x14ac:dyDescent="0.25">
      <c r="A12947">
        <v>164.04</v>
      </c>
      <c r="B12947">
        <v>182.26</v>
      </c>
      <c r="C12947">
        <v>1800</v>
      </c>
      <c r="D12947">
        <v>3.7</v>
      </c>
      <c r="E12947">
        <v>3381.75</v>
      </c>
      <c r="F12947">
        <v>69.335700000000003</v>
      </c>
    </row>
    <row r="12948" spans="1:6" x14ac:dyDescent="0.25">
      <c r="A12948">
        <v>164.04</v>
      </c>
      <c r="B12948">
        <v>182.26</v>
      </c>
      <c r="C12948">
        <v>1800</v>
      </c>
      <c r="D12948">
        <v>4</v>
      </c>
      <c r="E12948">
        <v>3321.58</v>
      </c>
      <c r="F12948">
        <v>69.5167</v>
      </c>
    </row>
    <row r="12949" spans="1:6" x14ac:dyDescent="0.25">
      <c r="A12949">
        <v>164.04</v>
      </c>
      <c r="B12949">
        <v>182.26</v>
      </c>
      <c r="C12949">
        <v>3345.45</v>
      </c>
      <c r="D12949">
        <v>1</v>
      </c>
      <c r="E12949">
        <v>6745.84</v>
      </c>
      <c r="F12949">
        <v>60.063600000000001</v>
      </c>
    </row>
    <row r="12950" spans="1:6" x14ac:dyDescent="0.25">
      <c r="A12950">
        <v>164.04</v>
      </c>
      <c r="B12950">
        <v>182.26</v>
      </c>
      <c r="C12950">
        <v>3345.45</v>
      </c>
      <c r="D12950">
        <v>1.3</v>
      </c>
      <c r="E12950">
        <v>6109.04</v>
      </c>
      <c r="F12950">
        <v>19.363600000000002</v>
      </c>
    </row>
    <row r="12951" spans="1:6" x14ac:dyDescent="0.25">
      <c r="A12951">
        <v>164.04</v>
      </c>
      <c r="B12951">
        <v>182.26</v>
      </c>
      <c r="C12951">
        <v>3345.45</v>
      </c>
      <c r="D12951">
        <v>1.6</v>
      </c>
      <c r="E12951">
        <v>5933.39</v>
      </c>
      <c r="F12951">
        <v>58.347099999999998</v>
      </c>
    </row>
    <row r="12952" spans="1:6" x14ac:dyDescent="0.25">
      <c r="A12952">
        <v>164.04</v>
      </c>
      <c r="B12952">
        <v>182.26</v>
      </c>
      <c r="C12952">
        <v>3345.45</v>
      </c>
      <c r="D12952">
        <v>1.9</v>
      </c>
      <c r="E12952">
        <v>5563.17</v>
      </c>
      <c r="F12952">
        <v>54.973199999999999</v>
      </c>
    </row>
    <row r="12953" spans="1:6" x14ac:dyDescent="0.25">
      <c r="A12953">
        <v>164.04</v>
      </c>
      <c r="B12953">
        <v>182.26</v>
      </c>
      <c r="C12953">
        <v>3345.45</v>
      </c>
      <c r="D12953">
        <v>2.2000000000000002</v>
      </c>
      <c r="E12953">
        <v>5138.8</v>
      </c>
      <c r="F12953">
        <v>52.2196</v>
      </c>
    </row>
    <row r="12954" spans="1:6" x14ac:dyDescent="0.25">
      <c r="A12954">
        <v>164.04</v>
      </c>
      <c r="B12954">
        <v>182.26</v>
      </c>
      <c r="C12954">
        <v>3345.45</v>
      </c>
      <c r="D12954">
        <v>2.5</v>
      </c>
      <c r="E12954">
        <v>4951.49</v>
      </c>
      <c r="F12954">
        <v>50.3643</v>
      </c>
    </row>
    <row r="12955" spans="1:6" x14ac:dyDescent="0.25">
      <c r="A12955">
        <v>164.04</v>
      </c>
      <c r="B12955">
        <v>182.26</v>
      </c>
      <c r="C12955">
        <v>3345.45</v>
      </c>
      <c r="D12955">
        <v>2.8</v>
      </c>
      <c r="E12955">
        <v>4890.63</v>
      </c>
      <c r="F12955">
        <v>56.6813</v>
      </c>
    </row>
    <row r="12956" spans="1:6" x14ac:dyDescent="0.25">
      <c r="A12956">
        <v>164.04</v>
      </c>
      <c r="B12956">
        <v>182.26</v>
      </c>
      <c r="C12956">
        <v>3345.45</v>
      </c>
      <c r="D12956">
        <v>3.1</v>
      </c>
      <c r="E12956">
        <v>4692.1099999999997</v>
      </c>
      <c r="F12956">
        <v>55.567799999999998</v>
      </c>
    </row>
    <row r="12957" spans="1:6" x14ac:dyDescent="0.25">
      <c r="A12957">
        <v>164.04</v>
      </c>
      <c r="B12957">
        <v>182.26</v>
      </c>
      <c r="C12957">
        <v>3345.45</v>
      </c>
      <c r="D12957">
        <v>3.4</v>
      </c>
      <c r="E12957">
        <v>4765.5200000000004</v>
      </c>
      <c r="F12957">
        <v>54.2273</v>
      </c>
    </row>
    <row r="12958" spans="1:6" x14ac:dyDescent="0.25">
      <c r="A12958">
        <v>164.04</v>
      </c>
      <c r="B12958">
        <v>182.26</v>
      </c>
      <c r="C12958">
        <v>3345.45</v>
      </c>
      <c r="D12958">
        <v>3.7</v>
      </c>
      <c r="E12958">
        <v>4528.8599999999997</v>
      </c>
      <c r="F12958">
        <v>53.569299999999998</v>
      </c>
    </row>
    <row r="12959" spans="1:6" x14ac:dyDescent="0.25">
      <c r="A12959">
        <v>164.04</v>
      </c>
      <c r="B12959">
        <v>182.26</v>
      </c>
      <c r="C12959">
        <v>3345.45</v>
      </c>
      <c r="D12959">
        <v>4</v>
      </c>
      <c r="E12959">
        <v>4374.62</v>
      </c>
      <c r="F12959">
        <v>53.111400000000003</v>
      </c>
    </row>
    <row r="12960" spans="1:6" x14ac:dyDescent="0.25">
      <c r="A12960">
        <v>164.04</v>
      </c>
      <c r="B12960">
        <v>182.26</v>
      </c>
      <c r="C12960">
        <v>4890.8999999999996</v>
      </c>
      <c r="D12960">
        <v>1</v>
      </c>
      <c r="E12960">
        <v>8223.67</v>
      </c>
      <c r="F12960">
        <v>60.063600000000001</v>
      </c>
    </row>
    <row r="12961" spans="1:6" x14ac:dyDescent="0.25">
      <c r="A12961">
        <v>164.04</v>
      </c>
      <c r="B12961">
        <v>182.26</v>
      </c>
      <c r="C12961">
        <v>4890.8999999999996</v>
      </c>
      <c r="D12961">
        <v>1.3</v>
      </c>
      <c r="E12961">
        <v>7543.83</v>
      </c>
      <c r="F12961">
        <v>19.363600000000002</v>
      </c>
    </row>
    <row r="12962" spans="1:6" x14ac:dyDescent="0.25">
      <c r="A12962">
        <v>164.04</v>
      </c>
      <c r="B12962">
        <v>182.26</v>
      </c>
      <c r="C12962">
        <v>4890.8999999999996</v>
      </c>
      <c r="D12962">
        <v>1.6</v>
      </c>
      <c r="E12962">
        <v>7202.28</v>
      </c>
      <c r="F12962">
        <v>58.347099999999998</v>
      </c>
    </row>
    <row r="12963" spans="1:6" x14ac:dyDescent="0.25">
      <c r="A12963">
        <v>164.04</v>
      </c>
      <c r="B12963">
        <v>182.26</v>
      </c>
      <c r="C12963">
        <v>4890.8999999999996</v>
      </c>
      <c r="D12963">
        <v>1.9</v>
      </c>
      <c r="E12963">
        <v>6897.9</v>
      </c>
      <c r="F12963">
        <v>54.973199999999999</v>
      </c>
    </row>
    <row r="12964" spans="1:6" x14ac:dyDescent="0.25">
      <c r="A12964">
        <v>164.04</v>
      </c>
      <c r="B12964">
        <v>182.26</v>
      </c>
      <c r="C12964">
        <v>4890.8999999999996</v>
      </c>
      <c r="D12964">
        <v>2.2000000000000002</v>
      </c>
      <c r="E12964">
        <v>6511.31</v>
      </c>
      <c r="F12964">
        <v>52.2196</v>
      </c>
    </row>
    <row r="12965" spans="1:6" x14ac:dyDescent="0.25">
      <c r="A12965">
        <v>164.04</v>
      </c>
      <c r="B12965">
        <v>182.26</v>
      </c>
      <c r="C12965">
        <v>4890.8999999999996</v>
      </c>
      <c r="D12965">
        <v>2.5</v>
      </c>
      <c r="E12965">
        <v>6385.54</v>
      </c>
      <c r="F12965">
        <v>50.3643</v>
      </c>
    </row>
    <row r="12966" spans="1:6" x14ac:dyDescent="0.25">
      <c r="A12966">
        <v>164.04</v>
      </c>
      <c r="B12966">
        <v>182.26</v>
      </c>
      <c r="C12966">
        <v>4890.8999999999996</v>
      </c>
      <c r="D12966">
        <v>2.8</v>
      </c>
      <c r="E12966">
        <v>6209.96</v>
      </c>
      <c r="F12966">
        <v>56.6813</v>
      </c>
    </row>
    <row r="12967" spans="1:6" x14ac:dyDescent="0.25">
      <c r="A12967">
        <v>164.04</v>
      </c>
      <c r="B12967">
        <v>182.26</v>
      </c>
      <c r="C12967">
        <v>4890.8999999999996</v>
      </c>
      <c r="D12967">
        <v>3.1</v>
      </c>
      <c r="E12967">
        <v>6085.27</v>
      </c>
      <c r="F12967">
        <v>55.567799999999998</v>
      </c>
    </row>
    <row r="12968" spans="1:6" x14ac:dyDescent="0.25">
      <c r="A12968">
        <v>164.04</v>
      </c>
      <c r="B12968">
        <v>182.26</v>
      </c>
      <c r="C12968">
        <v>4890.8999999999996</v>
      </c>
      <c r="D12968">
        <v>3.4</v>
      </c>
      <c r="E12968">
        <v>6118.75</v>
      </c>
      <c r="F12968">
        <v>54.2273</v>
      </c>
    </row>
    <row r="12969" spans="1:6" x14ac:dyDescent="0.25">
      <c r="A12969">
        <v>164.04</v>
      </c>
      <c r="B12969">
        <v>182.26</v>
      </c>
      <c r="C12969">
        <v>4890.8999999999996</v>
      </c>
      <c r="D12969">
        <v>3.7</v>
      </c>
      <c r="E12969">
        <v>6032.12</v>
      </c>
      <c r="F12969">
        <v>53.569299999999998</v>
      </c>
    </row>
    <row r="12970" spans="1:6" x14ac:dyDescent="0.25">
      <c r="A12970">
        <v>164.04</v>
      </c>
      <c r="B12970">
        <v>182.26</v>
      </c>
      <c r="C12970">
        <v>4890.8999999999996</v>
      </c>
      <c r="D12970">
        <v>4</v>
      </c>
      <c r="E12970">
        <v>5891.2</v>
      </c>
      <c r="F12970">
        <v>53.111400000000003</v>
      </c>
    </row>
    <row r="12971" spans="1:6" x14ac:dyDescent="0.25">
      <c r="A12971">
        <v>164.04</v>
      </c>
      <c r="B12971">
        <v>182.26</v>
      </c>
      <c r="C12971">
        <v>6436.35</v>
      </c>
      <c r="D12971">
        <v>1</v>
      </c>
      <c r="E12971">
        <v>8523.0300000000007</v>
      </c>
      <c r="F12971">
        <v>60.063600000000001</v>
      </c>
    </row>
    <row r="12972" spans="1:6" x14ac:dyDescent="0.25">
      <c r="A12972">
        <v>164.04</v>
      </c>
      <c r="B12972">
        <v>182.26</v>
      </c>
      <c r="C12972">
        <v>6436.35</v>
      </c>
      <c r="D12972">
        <v>1.3</v>
      </c>
      <c r="E12972">
        <v>7959.18</v>
      </c>
      <c r="F12972">
        <v>19.363600000000002</v>
      </c>
    </row>
    <row r="12973" spans="1:6" x14ac:dyDescent="0.25">
      <c r="A12973">
        <v>164.04</v>
      </c>
      <c r="B12973">
        <v>182.26</v>
      </c>
      <c r="C12973">
        <v>6436.35</v>
      </c>
      <c r="D12973">
        <v>1.6</v>
      </c>
      <c r="E12973">
        <v>8248.18</v>
      </c>
      <c r="F12973">
        <v>58.347099999999998</v>
      </c>
    </row>
    <row r="12974" spans="1:6" x14ac:dyDescent="0.25">
      <c r="A12974">
        <v>164.04</v>
      </c>
      <c r="B12974">
        <v>182.26</v>
      </c>
      <c r="C12974">
        <v>6436.35</v>
      </c>
      <c r="D12974">
        <v>1.9</v>
      </c>
      <c r="E12974">
        <v>7724.95</v>
      </c>
      <c r="F12974">
        <v>54.973199999999999</v>
      </c>
    </row>
    <row r="12975" spans="1:6" x14ac:dyDescent="0.25">
      <c r="A12975">
        <v>164.04</v>
      </c>
      <c r="B12975">
        <v>182.26</v>
      </c>
      <c r="C12975">
        <v>6436.35</v>
      </c>
      <c r="D12975">
        <v>2.2000000000000002</v>
      </c>
      <c r="E12975">
        <v>7500.18</v>
      </c>
      <c r="F12975">
        <v>52.2196</v>
      </c>
    </row>
    <row r="12976" spans="1:6" x14ac:dyDescent="0.25">
      <c r="A12976">
        <v>164.04</v>
      </c>
      <c r="B12976">
        <v>182.26</v>
      </c>
      <c r="C12976">
        <v>6436.35</v>
      </c>
      <c r="D12976">
        <v>2.5</v>
      </c>
      <c r="E12976">
        <v>7498.37</v>
      </c>
      <c r="F12976">
        <v>50.3643</v>
      </c>
    </row>
    <row r="12977" spans="1:6" x14ac:dyDescent="0.25">
      <c r="A12977">
        <v>164.04</v>
      </c>
      <c r="B12977">
        <v>182.26</v>
      </c>
      <c r="C12977">
        <v>6436.35</v>
      </c>
      <c r="D12977">
        <v>2.8</v>
      </c>
      <c r="E12977">
        <v>7342.18</v>
      </c>
      <c r="F12977">
        <v>56.6813</v>
      </c>
    </row>
    <row r="12978" spans="1:6" x14ac:dyDescent="0.25">
      <c r="A12978">
        <v>164.04</v>
      </c>
      <c r="B12978">
        <v>182.26</v>
      </c>
      <c r="C12978">
        <v>6436.35</v>
      </c>
      <c r="D12978">
        <v>3.1</v>
      </c>
      <c r="E12978">
        <v>7339.91</v>
      </c>
      <c r="F12978">
        <v>55.567799999999998</v>
      </c>
    </row>
    <row r="12979" spans="1:6" x14ac:dyDescent="0.25">
      <c r="A12979">
        <v>164.04</v>
      </c>
      <c r="B12979">
        <v>182.26</v>
      </c>
      <c r="C12979">
        <v>6436.35</v>
      </c>
      <c r="D12979">
        <v>3.4</v>
      </c>
      <c r="E12979">
        <v>7340.56</v>
      </c>
      <c r="F12979">
        <v>54.2273</v>
      </c>
    </row>
    <row r="12980" spans="1:6" x14ac:dyDescent="0.25">
      <c r="A12980">
        <v>164.04</v>
      </c>
      <c r="B12980">
        <v>182.26</v>
      </c>
      <c r="C12980">
        <v>6436.35</v>
      </c>
      <c r="D12980">
        <v>3.7</v>
      </c>
      <c r="E12980">
        <v>7241.89</v>
      </c>
      <c r="F12980">
        <v>53.569299999999998</v>
      </c>
    </row>
    <row r="12981" spans="1:6" x14ac:dyDescent="0.25">
      <c r="A12981">
        <v>164.04</v>
      </c>
      <c r="B12981">
        <v>182.26</v>
      </c>
      <c r="C12981">
        <v>6436.35</v>
      </c>
      <c r="D12981">
        <v>4</v>
      </c>
      <c r="E12981">
        <v>7137.11</v>
      </c>
      <c r="F12981">
        <v>53.111400000000003</v>
      </c>
    </row>
    <row r="12982" spans="1:6" x14ac:dyDescent="0.25">
      <c r="A12982">
        <v>164.04</v>
      </c>
      <c r="B12982">
        <v>182.26</v>
      </c>
      <c r="C12982">
        <v>7981.8</v>
      </c>
      <c r="D12982">
        <v>1</v>
      </c>
      <c r="E12982">
        <v>8523.0300000000007</v>
      </c>
      <c r="F12982">
        <v>60.063600000000001</v>
      </c>
    </row>
    <row r="12983" spans="1:6" x14ac:dyDescent="0.25">
      <c r="A12983">
        <v>164.04</v>
      </c>
      <c r="B12983">
        <v>182.26</v>
      </c>
      <c r="C12983">
        <v>7981.8</v>
      </c>
      <c r="D12983">
        <v>1.3</v>
      </c>
      <c r="E12983">
        <v>7959.18</v>
      </c>
      <c r="F12983">
        <v>19.363600000000002</v>
      </c>
    </row>
    <row r="12984" spans="1:6" x14ac:dyDescent="0.25">
      <c r="A12984">
        <v>164.04</v>
      </c>
      <c r="B12984">
        <v>182.26</v>
      </c>
      <c r="C12984">
        <v>7981.8</v>
      </c>
      <c r="D12984">
        <v>1.6</v>
      </c>
      <c r="E12984">
        <v>8248.18</v>
      </c>
      <c r="F12984">
        <v>58.347099999999998</v>
      </c>
    </row>
    <row r="12985" spans="1:6" x14ac:dyDescent="0.25">
      <c r="A12985">
        <v>164.04</v>
      </c>
      <c r="B12985">
        <v>182.26</v>
      </c>
      <c r="C12985">
        <v>7981.8</v>
      </c>
      <c r="D12985">
        <v>1.9</v>
      </c>
      <c r="E12985">
        <v>7724.95</v>
      </c>
      <c r="F12985">
        <v>54.973199999999999</v>
      </c>
    </row>
    <row r="12986" spans="1:6" x14ac:dyDescent="0.25">
      <c r="A12986">
        <v>164.04</v>
      </c>
      <c r="B12986">
        <v>182.26</v>
      </c>
      <c r="C12986">
        <v>7981.8</v>
      </c>
      <c r="D12986">
        <v>2.2000000000000002</v>
      </c>
      <c r="E12986">
        <v>7500.18</v>
      </c>
      <c r="F12986">
        <v>52.2196</v>
      </c>
    </row>
    <row r="12987" spans="1:6" x14ac:dyDescent="0.25">
      <c r="A12987">
        <v>164.04</v>
      </c>
      <c r="B12987">
        <v>182.26</v>
      </c>
      <c r="C12987">
        <v>7981.8</v>
      </c>
      <c r="D12987">
        <v>2.5</v>
      </c>
      <c r="E12987">
        <v>7754.59</v>
      </c>
      <c r="F12987">
        <v>50.3643</v>
      </c>
    </row>
    <row r="12988" spans="1:6" x14ac:dyDescent="0.25">
      <c r="A12988">
        <v>164.04</v>
      </c>
      <c r="B12988">
        <v>182.26</v>
      </c>
      <c r="C12988">
        <v>7981.8</v>
      </c>
      <c r="D12988">
        <v>2.8</v>
      </c>
      <c r="E12988">
        <v>7342.18</v>
      </c>
      <c r="F12988">
        <v>56.6813</v>
      </c>
    </row>
    <row r="12989" spans="1:6" x14ac:dyDescent="0.25">
      <c r="A12989">
        <v>164.04</v>
      </c>
      <c r="B12989">
        <v>182.26</v>
      </c>
      <c r="C12989">
        <v>7981.8</v>
      </c>
      <c r="D12989">
        <v>3.1</v>
      </c>
      <c r="E12989">
        <v>7339.91</v>
      </c>
      <c r="F12989">
        <v>55.567799999999998</v>
      </c>
    </row>
    <row r="12990" spans="1:6" x14ac:dyDescent="0.25">
      <c r="A12990">
        <v>164.04</v>
      </c>
      <c r="B12990">
        <v>182.26</v>
      </c>
      <c r="C12990">
        <v>7981.8</v>
      </c>
      <c r="D12990">
        <v>3.4</v>
      </c>
      <c r="E12990">
        <v>7816.42</v>
      </c>
      <c r="F12990">
        <v>54.2273</v>
      </c>
    </row>
    <row r="12991" spans="1:6" x14ac:dyDescent="0.25">
      <c r="A12991">
        <v>164.04</v>
      </c>
      <c r="B12991">
        <v>182.26</v>
      </c>
      <c r="C12991">
        <v>7981.8</v>
      </c>
      <c r="D12991">
        <v>3.7</v>
      </c>
      <c r="E12991">
        <v>7867.42</v>
      </c>
      <c r="F12991">
        <v>53.569299999999998</v>
      </c>
    </row>
    <row r="12992" spans="1:6" x14ac:dyDescent="0.25">
      <c r="A12992">
        <v>164.04</v>
      </c>
      <c r="B12992">
        <v>182.26</v>
      </c>
      <c r="C12992">
        <v>7981.8</v>
      </c>
      <c r="D12992">
        <v>4</v>
      </c>
      <c r="E12992">
        <v>7137.11</v>
      </c>
      <c r="F12992">
        <v>53.111400000000003</v>
      </c>
    </row>
    <row r="12993" spans="1:6" x14ac:dyDescent="0.25">
      <c r="A12993">
        <v>164.04</v>
      </c>
      <c r="B12993">
        <v>182.26</v>
      </c>
      <c r="C12993">
        <v>9527.25</v>
      </c>
      <c r="D12993">
        <v>1</v>
      </c>
      <c r="E12993">
        <v>8523.0300000000007</v>
      </c>
      <c r="F12993">
        <v>60.063600000000001</v>
      </c>
    </row>
    <row r="12994" spans="1:6" x14ac:dyDescent="0.25">
      <c r="A12994">
        <v>164.04</v>
      </c>
      <c r="B12994">
        <v>182.26</v>
      </c>
      <c r="C12994">
        <v>9527.25</v>
      </c>
      <c r="D12994">
        <v>1.3</v>
      </c>
      <c r="E12994">
        <v>7959.18</v>
      </c>
      <c r="F12994">
        <v>19.363600000000002</v>
      </c>
    </row>
    <row r="12995" spans="1:6" x14ac:dyDescent="0.25">
      <c r="A12995">
        <v>164.04</v>
      </c>
      <c r="B12995">
        <v>182.26</v>
      </c>
      <c r="C12995">
        <v>9527.25</v>
      </c>
      <c r="D12995">
        <v>1.6</v>
      </c>
      <c r="E12995">
        <v>8248.18</v>
      </c>
      <c r="F12995">
        <v>58.347099999999998</v>
      </c>
    </row>
    <row r="12996" spans="1:6" x14ac:dyDescent="0.25">
      <c r="A12996">
        <v>164.04</v>
      </c>
      <c r="B12996">
        <v>182.26</v>
      </c>
      <c r="C12996">
        <v>9527.25</v>
      </c>
      <c r="D12996">
        <v>1.9</v>
      </c>
      <c r="E12996">
        <v>7724.95</v>
      </c>
      <c r="F12996">
        <v>54.973199999999999</v>
      </c>
    </row>
    <row r="12997" spans="1:6" x14ac:dyDescent="0.25">
      <c r="A12997">
        <v>164.04</v>
      </c>
      <c r="B12997">
        <v>182.26</v>
      </c>
      <c r="C12997">
        <v>9527.25</v>
      </c>
      <c r="D12997">
        <v>2.2000000000000002</v>
      </c>
      <c r="E12997">
        <v>7500.18</v>
      </c>
      <c r="F12997">
        <v>52.2196</v>
      </c>
    </row>
    <row r="12998" spans="1:6" x14ac:dyDescent="0.25">
      <c r="A12998">
        <v>164.04</v>
      </c>
      <c r="B12998">
        <v>182.26</v>
      </c>
      <c r="C12998">
        <v>9527.25</v>
      </c>
      <c r="D12998">
        <v>2.5</v>
      </c>
      <c r="E12998">
        <v>7754.59</v>
      </c>
      <c r="F12998">
        <v>50.3643</v>
      </c>
    </row>
    <row r="12999" spans="1:6" x14ac:dyDescent="0.25">
      <c r="A12999">
        <v>164.04</v>
      </c>
      <c r="B12999">
        <v>182.26</v>
      </c>
      <c r="C12999">
        <v>9527.25</v>
      </c>
      <c r="D12999">
        <v>2.8</v>
      </c>
      <c r="E12999">
        <v>7342.18</v>
      </c>
      <c r="F12999">
        <v>56.6813</v>
      </c>
    </row>
    <row r="13000" spans="1:6" x14ac:dyDescent="0.25">
      <c r="A13000">
        <v>164.04</v>
      </c>
      <c r="B13000">
        <v>182.26</v>
      </c>
      <c r="C13000">
        <v>9527.25</v>
      </c>
      <c r="D13000">
        <v>3.1</v>
      </c>
      <c r="E13000">
        <v>7339.91</v>
      </c>
      <c r="F13000">
        <v>55.567799999999998</v>
      </c>
    </row>
    <row r="13001" spans="1:6" x14ac:dyDescent="0.25">
      <c r="A13001">
        <v>164.04</v>
      </c>
      <c r="B13001">
        <v>182.26</v>
      </c>
      <c r="C13001">
        <v>9527.25</v>
      </c>
      <c r="D13001">
        <v>3.4</v>
      </c>
      <c r="E13001">
        <v>7816.42</v>
      </c>
      <c r="F13001">
        <v>54.2273</v>
      </c>
    </row>
    <row r="13002" spans="1:6" x14ac:dyDescent="0.25">
      <c r="A13002">
        <v>164.04</v>
      </c>
      <c r="B13002">
        <v>182.26</v>
      </c>
      <c r="C13002">
        <v>9527.25</v>
      </c>
      <c r="D13002">
        <v>3.7</v>
      </c>
      <c r="E13002">
        <v>7867.42</v>
      </c>
      <c r="F13002">
        <v>53.569299999999998</v>
      </c>
    </row>
    <row r="13003" spans="1:6" x14ac:dyDescent="0.25">
      <c r="A13003">
        <v>164.04</v>
      </c>
      <c r="B13003">
        <v>182.26</v>
      </c>
      <c r="C13003">
        <v>9527.25</v>
      </c>
      <c r="D13003">
        <v>4</v>
      </c>
      <c r="E13003">
        <v>7137.11</v>
      </c>
      <c r="F13003">
        <v>53.111400000000003</v>
      </c>
    </row>
    <row r="13004" spans="1:6" x14ac:dyDescent="0.25">
      <c r="A13004">
        <v>164.04</v>
      </c>
      <c r="B13004">
        <v>182.26</v>
      </c>
      <c r="C13004">
        <v>11072.7</v>
      </c>
      <c r="D13004">
        <v>1</v>
      </c>
      <c r="E13004">
        <v>8523.0300000000007</v>
      </c>
      <c r="F13004">
        <v>60.063600000000001</v>
      </c>
    </row>
    <row r="13005" spans="1:6" x14ac:dyDescent="0.25">
      <c r="A13005">
        <v>164.04</v>
      </c>
      <c r="B13005">
        <v>182.26</v>
      </c>
      <c r="C13005">
        <v>11072.7</v>
      </c>
      <c r="D13005">
        <v>1.3</v>
      </c>
      <c r="E13005">
        <v>7959.18</v>
      </c>
      <c r="F13005">
        <v>19.363600000000002</v>
      </c>
    </row>
    <row r="13006" spans="1:6" x14ac:dyDescent="0.25">
      <c r="A13006">
        <v>164.04</v>
      </c>
      <c r="B13006">
        <v>182.26</v>
      </c>
      <c r="C13006">
        <v>11072.7</v>
      </c>
      <c r="D13006">
        <v>1.6</v>
      </c>
      <c r="E13006">
        <v>8248.18</v>
      </c>
      <c r="F13006">
        <v>58.347099999999998</v>
      </c>
    </row>
    <row r="13007" spans="1:6" x14ac:dyDescent="0.25">
      <c r="A13007">
        <v>164.04</v>
      </c>
      <c r="B13007">
        <v>182.26</v>
      </c>
      <c r="C13007">
        <v>11072.7</v>
      </c>
      <c r="D13007">
        <v>1.9</v>
      </c>
      <c r="E13007">
        <v>7724.95</v>
      </c>
      <c r="F13007">
        <v>54.973199999999999</v>
      </c>
    </row>
    <row r="13008" spans="1:6" x14ac:dyDescent="0.25">
      <c r="A13008">
        <v>164.04</v>
      </c>
      <c r="B13008">
        <v>182.26</v>
      </c>
      <c r="C13008">
        <v>11072.7</v>
      </c>
      <c r="D13008">
        <v>2.2000000000000002</v>
      </c>
      <c r="E13008">
        <v>7500.18</v>
      </c>
      <c r="F13008">
        <v>52.2196</v>
      </c>
    </row>
    <row r="13009" spans="1:6" x14ac:dyDescent="0.25">
      <c r="A13009">
        <v>164.04</v>
      </c>
      <c r="B13009">
        <v>182.26</v>
      </c>
      <c r="C13009">
        <v>11072.7</v>
      </c>
      <c r="D13009">
        <v>2.5</v>
      </c>
      <c r="E13009">
        <v>7754.59</v>
      </c>
      <c r="F13009">
        <v>50.3643</v>
      </c>
    </row>
    <row r="13010" spans="1:6" x14ac:dyDescent="0.25">
      <c r="A13010">
        <v>164.04</v>
      </c>
      <c r="B13010">
        <v>182.26</v>
      </c>
      <c r="C13010">
        <v>11072.7</v>
      </c>
      <c r="D13010">
        <v>2.8</v>
      </c>
      <c r="E13010">
        <v>7342.18</v>
      </c>
      <c r="F13010">
        <v>56.6813</v>
      </c>
    </row>
    <row r="13011" spans="1:6" x14ac:dyDescent="0.25">
      <c r="A13011">
        <v>164.04</v>
      </c>
      <c r="B13011">
        <v>182.26</v>
      </c>
      <c r="C13011">
        <v>11072.7</v>
      </c>
      <c r="D13011">
        <v>3.1</v>
      </c>
      <c r="E13011">
        <v>7339.91</v>
      </c>
      <c r="F13011">
        <v>55.567799999999998</v>
      </c>
    </row>
    <row r="13012" spans="1:6" x14ac:dyDescent="0.25">
      <c r="A13012">
        <v>164.04</v>
      </c>
      <c r="B13012">
        <v>182.26</v>
      </c>
      <c r="C13012">
        <v>11072.7</v>
      </c>
      <c r="D13012">
        <v>3.4</v>
      </c>
      <c r="E13012">
        <v>7816.42</v>
      </c>
      <c r="F13012">
        <v>54.2273</v>
      </c>
    </row>
    <row r="13013" spans="1:6" x14ac:dyDescent="0.25">
      <c r="A13013">
        <v>164.04</v>
      </c>
      <c r="B13013">
        <v>182.26</v>
      </c>
      <c r="C13013">
        <v>11072.7</v>
      </c>
      <c r="D13013">
        <v>3.7</v>
      </c>
      <c r="E13013">
        <v>7867.42</v>
      </c>
      <c r="F13013">
        <v>53.569299999999998</v>
      </c>
    </row>
    <row r="13014" spans="1:6" x14ac:dyDescent="0.25">
      <c r="A13014">
        <v>164.04</v>
      </c>
      <c r="B13014">
        <v>182.26</v>
      </c>
      <c r="C13014">
        <v>11072.7</v>
      </c>
      <c r="D13014">
        <v>4</v>
      </c>
      <c r="E13014">
        <v>7137.11</v>
      </c>
      <c r="F13014">
        <v>53.111400000000003</v>
      </c>
    </row>
    <row r="13015" spans="1:6" x14ac:dyDescent="0.25">
      <c r="A13015">
        <v>164.04</v>
      </c>
      <c r="B13015">
        <v>182.26</v>
      </c>
      <c r="C13015">
        <v>12618.2</v>
      </c>
      <c r="D13015">
        <v>1</v>
      </c>
      <c r="E13015">
        <v>8523.0300000000007</v>
      </c>
      <c r="F13015">
        <v>60.063600000000001</v>
      </c>
    </row>
    <row r="13016" spans="1:6" x14ac:dyDescent="0.25">
      <c r="A13016">
        <v>164.04</v>
      </c>
      <c r="B13016">
        <v>182.26</v>
      </c>
      <c r="C13016">
        <v>12618.2</v>
      </c>
      <c r="D13016">
        <v>1.3</v>
      </c>
      <c r="E13016">
        <v>7959.18</v>
      </c>
      <c r="F13016">
        <v>19.363600000000002</v>
      </c>
    </row>
    <row r="13017" spans="1:6" x14ac:dyDescent="0.25">
      <c r="A13017">
        <v>164.04</v>
      </c>
      <c r="B13017">
        <v>182.26</v>
      </c>
      <c r="C13017">
        <v>12618.2</v>
      </c>
      <c r="D13017">
        <v>1.6</v>
      </c>
      <c r="E13017">
        <v>8248.18</v>
      </c>
      <c r="F13017">
        <v>58.347099999999998</v>
      </c>
    </row>
    <row r="13018" spans="1:6" x14ac:dyDescent="0.25">
      <c r="A13018">
        <v>164.04</v>
      </c>
      <c r="B13018">
        <v>182.26</v>
      </c>
      <c r="C13018">
        <v>12618.2</v>
      </c>
      <c r="D13018">
        <v>1.9</v>
      </c>
      <c r="E13018">
        <v>7724.95</v>
      </c>
      <c r="F13018">
        <v>54.973199999999999</v>
      </c>
    </row>
    <row r="13019" spans="1:6" x14ac:dyDescent="0.25">
      <c r="A13019">
        <v>164.04</v>
      </c>
      <c r="B13019">
        <v>182.26</v>
      </c>
      <c r="C13019">
        <v>12618.2</v>
      </c>
      <c r="D13019">
        <v>2.2000000000000002</v>
      </c>
      <c r="E13019">
        <v>7500.18</v>
      </c>
      <c r="F13019">
        <v>52.2196</v>
      </c>
    </row>
    <row r="13020" spans="1:6" x14ac:dyDescent="0.25">
      <c r="A13020">
        <v>164.04</v>
      </c>
      <c r="B13020">
        <v>182.26</v>
      </c>
      <c r="C13020">
        <v>12618.2</v>
      </c>
      <c r="D13020">
        <v>2.5</v>
      </c>
      <c r="E13020">
        <v>7754.59</v>
      </c>
      <c r="F13020">
        <v>50.3643</v>
      </c>
    </row>
    <row r="13021" spans="1:6" x14ac:dyDescent="0.25">
      <c r="A13021">
        <v>164.04</v>
      </c>
      <c r="B13021">
        <v>182.26</v>
      </c>
      <c r="C13021">
        <v>12618.2</v>
      </c>
      <c r="D13021">
        <v>2.8</v>
      </c>
      <c r="E13021">
        <v>7342.18</v>
      </c>
      <c r="F13021">
        <v>56.6813</v>
      </c>
    </row>
    <row r="13022" spans="1:6" x14ac:dyDescent="0.25">
      <c r="A13022">
        <v>164.04</v>
      </c>
      <c r="B13022">
        <v>182.26</v>
      </c>
      <c r="C13022">
        <v>12618.2</v>
      </c>
      <c r="D13022">
        <v>3.1</v>
      </c>
      <c r="E13022">
        <v>7339.91</v>
      </c>
      <c r="F13022">
        <v>55.567799999999998</v>
      </c>
    </row>
    <row r="13023" spans="1:6" x14ac:dyDescent="0.25">
      <c r="A13023">
        <v>164.04</v>
      </c>
      <c r="B13023">
        <v>182.26</v>
      </c>
      <c r="C13023">
        <v>12618.2</v>
      </c>
      <c r="D13023">
        <v>3.4</v>
      </c>
      <c r="E13023">
        <v>7816.42</v>
      </c>
      <c r="F13023">
        <v>54.2273</v>
      </c>
    </row>
    <row r="13024" spans="1:6" x14ac:dyDescent="0.25">
      <c r="A13024">
        <v>164.04</v>
      </c>
      <c r="B13024">
        <v>182.26</v>
      </c>
      <c r="C13024">
        <v>12618.2</v>
      </c>
      <c r="D13024">
        <v>3.7</v>
      </c>
      <c r="E13024">
        <v>7867.42</v>
      </c>
      <c r="F13024">
        <v>53.569299999999998</v>
      </c>
    </row>
    <row r="13025" spans="1:6" x14ac:dyDescent="0.25">
      <c r="A13025">
        <v>164.04</v>
      </c>
      <c r="B13025">
        <v>182.26</v>
      </c>
      <c r="C13025">
        <v>12618.2</v>
      </c>
      <c r="D13025">
        <v>4</v>
      </c>
      <c r="E13025">
        <v>7137.11</v>
      </c>
      <c r="F13025">
        <v>53.111400000000003</v>
      </c>
    </row>
    <row r="13026" spans="1:6" x14ac:dyDescent="0.25">
      <c r="A13026">
        <v>164.04</v>
      </c>
      <c r="B13026">
        <v>182.26</v>
      </c>
      <c r="C13026">
        <v>14163.6</v>
      </c>
      <c r="D13026">
        <v>1</v>
      </c>
      <c r="E13026">
        <v>8523.0300000000007</v>
      </c>
      <c r="F13026">
        <v>60.063600000000001</v>
      </c>
    </row>
    <row r="13027" spans="1:6" x14ac:dyDescent="0.25">
      <c r="A13027">
        <v>164.04</v>
      </c>
      <c r="B13027">
        <v>182.26</v>
      </c>
      <c r="C13027">
        <v>14163.6</v>
      </c>
      <c r="D13027">
        <v>1.3</v>
      </c>
      <c r="E13027">
        <v>7959.18</v>
      </c>
      <c r="F13027">
        <v>19.363600000000002</v>
      </c>
    </row>
    <row r="13028" spans="1:6" x14ac:dyDescent="0.25">
      <c r="A13028">
        <v>164.04</v>
      </c>
      <c r="B13028">
        <v>182.26</v>
      </c>
      <c r="C13028">
        <v>14163.6</v>
      </c>
      <c r="D13028">
        <v>1.6</v>
      </c>
      <c r="E13028">
        <v>8248.18</v>
      </c>
      <c r="F13028">
        <v>58.347099999999998</v>
      </c>
    </row>
    <row r="13029" spans="1:6" x14ac:dyDescent="0.25">
      <c r="A13029">
        <v>164.04</v>
      </c>
      <c r="B13029">
        <v>182.26</v>
      </c>
      <c r="C13029">
        <v>14163.6</v>
      </c>
      <c r="D13029">
        <v>1.9</v>
      </c>
      <c r="E13029">
        <v>7724.95</v>
      </c>
      <c r="F13029">
        <v>54.973199999999999</v>
      </c>
    </row>
    <row r="13030" spans="1:6" x14ac:dyDescent="0.25">
      <c r="A13030">
        <v>164.04</v>
      </c>
      <c r="B13030">
        <v>182.26</v>
      </c>
      <c r="C13030">
        <v>14163.6</v>
      </c>
      <c r="D13030">
        <v>2.2000000000000002</v>
      </c>
      <c r="E13030">
        <v>7500.18</v>
      </c>
      <c r="F13030">
        <v>52.2196</v>
      </c>
    </row>
    <row r="13031" spans="1:6" x14ac:dyDescent="0.25">
      <c r="A13031">
        <v>164.04</v>
      </c>
      <c r="B13031">
        <v>182.26</v>
      </c>
      <c r="C13031">
        <v>14163.6</v>
      </c>
      <c r="D13031">
        <v>2.5</v>
      </c>
      <c r="E13031">
        <v>7754.59</v>
      </c>
      <c r="F13031">
        <v>50.3643</v>
      </c>
    </row>
    <row r="13032" spans="1:6" x14ac:dyDescent="0.25">
      <c r="A13032">
        <v>164.04</v>
      </c>
      <c r="B13032">
        <v>182.26</v>
      </c>
      <c r="C13032">
        <v>14163.6</v>
      </c>
      <c r="D13032">
        <v>2.8</v>
      </c>
      <c r="E13032">
        <v>7342.18</v>
      </c>
      <c r="F13032">
        <v>56.6813</v>
      </c>
    </row>
    <row r="13033" spans="1:6" x14ac:dyDescent="0.25">
      <c r="A13033">
        <v>164.04</v>
      </c>
      <c r="B13033">
        <v>182.26</v>
      </c>
      <c r="C13033">
        <v>14163.6</v>
      </c>
      <c r="D13033">
        <v>3.1</v>
      </c>
      <c r="E13033">
        <v>7339.91</v>
      </c>
      <c r="F13033">
        <v>55.567799999999998</v>
      </c>
    </row>
    <row r="13034" spans="1:6" x14ac:dyDescent="0.25">
      <c r="A13034">
        <v>164.04</v>
      </c>
      <c r="B13034">
        <v>182.26</v>
      </c>
      <c r="C13034">
        <v>14163.6</v>
      </c>
      <c r="D13034">
        <v>3.4</v>
      </c>
      <c r="E13034">
        <v>7816.42</v>
      </c>
      <c r="F13034">
        <v>54.2273</v>
      </c>
    </row>
    <row r="13035" spans="1:6" x14ac:dyDescent="0.25">
      <c r="A13035">
        <v>164.04</v>
      </c>
      <c r="B13035">
        <v>182.26</v>
      </c>
      <c r="C13035">
        <v>14163.6</v>
      </c>
      <c r="D13035">
        <v>3.7</v>
      </c>
      <c r="E13035">
        <v>7867.42</v>
      </c>
      <c r="F13035">
        <v>53.569299999999998</v>
      </c>
    </row>
    <row r="13036" spans="1:6" x14ac:dyDescent="0.25">
      <c r="A13036">
        <v>164.04</v>
      </c>
      <c r="B13036">
        <v>182.26</v>
      </c>
      <c r="C13036">
        <v>14163.6</v>
      </c>
      <c r="D13036">
        <v>4</v>
      </c>
      <c r="E13036">
        <v>7137.11</v>
      </c>
      <c r="F13036">
        <v>53.111400000000003</v>
      </c>
    </row>
    <row r="13037" spans="1:6" x14ac:dyDescent="0.25">
      <c r="A13037">
        <v>164.04</v>
      </c>
      <c r="B13037">
        <v>182.26</v>
      </c>
      <c r="C13037">
        <v>15709.1</v>
      </c>
      <c r="D13037">
        <v>1</v>
      </c>
      <c r="E13037">
        <v>8523.0300000000007</v>
      </c>
      <c r="F13037">
        <v>60.063600000000001</v>
      </c>
    </row>
    <row r="13038" spans="1:6" x14ac:dyDescent="0.25">
      <c r="A13038">
        <v>164.04</v>
      </c>
      <c r="B13038">
        <v>182.26</v>
      </c>
      <c r="C13038">
        <v>15709.1</v>
      </c>
      <c r="D13038">
        <v>1.3</v>
      </c>
      <c r="E13038">
        <v>7959.18</v>
      </c>
      <c r="F13038">
        <v>19.363600000000002</v>
      </c>
    </row>
    <row r="13039" spans="1:6" x14ac:dyDescent="0.25">
      <c r="A13039">
        <v>164.04</v>
      </c>
      <c r="B13039">
        <v>182.26</v>
      </c>
      <c r="C13039">
        <v>15709.1</v>
      </c>
      <c r="D13039">
        <v>1.6</v>
      </c>
      <c r="E13039">
        <v>8248.18</v>
      </c>
      <c r="F13039">
        <v>58.347099999999998</v>
      </c>
    </row>
    <row r="13040" spans="1:6" x14ac:dyDescent="0.25">
      <c r="A13040">
        <v>164.04</v>
      </c>
      <c r="B13040">
        <v>182.26</v>
      </c>
      <c r="C13040">
        <v>15709.1</v>
      </c>
      <c r="D13040">
        <v>1.9</v>
      </c>
      <c r="E13040">
        <v>7724.95</v>
      </c>
      <c r="F13040">
        <v>54.973199999999999</v>
      </c>
    </row>
    <row r="13041" spans="1:6" x14ac:dyDescent="0.25">
      <c r="A13041">
        <v>164.04</v>
      </c>
      <c r="B13041">
        <v>182.26</v>
      </c>
      <c r="C13041">
        <v>15709.1</v>
      </c>
      <c r="D13041">
        <v>2.2000000000000002</v>
      </c>
      <c r="E13041">
        <v>7500.18</v>
      </c>
      <c r="F13041">
        <v>52.2196</v>
      </c>
    </row>
    <row r="13042" spans="1:6" x14ac:dyDescent="0.25">
      <c r="A13042">
        <v>164.04</v>
      </c>
      <c r="B13042">
        <v>182.26</v>
      </c>
      <c r="C13042">
        <v>15709.1</v>
      </c>
      <c r="D13042">
        <v>2.5</v>
      </c>
      <c r="E13042">
        <v>7754.59</v>
      </c>
      <c r="F13042">
        <v>50.3643</v>
      </c>
    </row>
    <row r="13043" spans="1:6" x14ac:dyDescent="0.25">
      <c r="A13043">
        <v>164.04</v>
      </c>
      <c r="B13043">
        <v>182.26</v>
      </c>
      <c r="C13043">
        <v>15709.1</v>
      </c>
      <c r="D13043">
        <v>2.8</v>
      </c>
      <c r="E13043">
        <v>7342.18</v>
      </c>
      <c r="F13043">
        <v>56.6813</v>
      </c>
    </row>
    <row r="13044" spans="1:6" x14ac:dyDescent="0.25">
      <c r="A13044">
        <v>164.04</v>
      </c>
      <c r="B13044">
        <v>182.26</v>
      </c>
      <c r="C13044">
        <v>15709.1</v>
      </c>
      <c r="D13044">
        <v>3.1</v>
      </c>
      <c r="E13044">
        <v>7339.91</v>
      </c>
      <c r="F13044">
        <v>55.567799999999998</v>
      </c>
    </row>
    <row r="13045" spans="1:6" x14ac:dyDescent="0.25">
      <c r="A13045">
        <v>164.04</v>
      </c>
      <c r="B13045">
        <v>182.26</v>
      </c>
      <c r="C13045">
        <v>15709.1</v>
      </c>
      <c r="D13045">
        <v>3.4</v>
      </c>
      <c r="E13045">
        <v>7816.42</v>
      </c>
      <c r="F13045">
        <v>54.2273</v>
      </c>
    </row>
    <row r="13046" spans="1:6" x14ac:dyDescent="0.25">
      <c r="A13046">
        <v>164.04</v>
      </c>
      <c r="B13046">
        <v>182.26</v>
      </c>
      <c r="C13046">
        <v>15709.1</v>
      </c>
      <c r="D13046">
        <v>3.7</v>
      </c>
      <c r="E13046">
        <v>7867.42</v>
      </c>
      <c r="F13046">
        <v>53.569299999999998</v>
      </c>
    </row>
    <row r="13047" spans="1:6" x14ac:dyDescent="0.25">
      <c r="A13047">
        <v>164.04</v>
      </c>
      <c r="B13047">
        <v>182.26</v>
      </c>
      <c r="C13047">
        <v>15709.1</v>
      </c>
      <c r="D13047">
        <v>4</v>
      </c>
      <c r="E13047">
        <v>7137.11</v>
      </c>
      <c r="F13047">
        <v>53.111400000000003</v>
      </c>
    </row>
    <row r="13048" spans="1:6" x14ac:dyDescent="0.25">
      <c r="A13048">
        <v>164.04</v>
      </c>
      <c r="B13048">
        <v>182.26</v>
      </c>
      <c r="C13048">
        <v>17254.5</v>
      </c>
      <c r="D13048">
        <v>1</v>
      </c>
      <c r="E13048">
        <v>8523.0300000000007</v>
      </c>
      <c r="F13048">
        <v>60.063600000000001</v>
      </c>
    </row>
    <row r="13049" spans="1:6" x14ac:dyDescent="0.25">
      <c r="A13049">
        <v>164.04</v>
      </c>
      <c r="B13049">
        <v>182.26</v>
      </c>
      <c r="C13049">
        <v>17254.5</v>
      </c>
      <c r="D13049">
        <v>1.3</v>
      </c>
      <c r="E13049">
        <v>7959.18</v>
      </c>
      <c r="F13049">
        <v>19.363600000000002</v>
      </c>
    </row>
    <row r="13050" spans="1:6" x14ac:dyDescent="0.25">
      <c r="A13050">
        <v>164.04</v>
      </c>
      <c r="B13050">
        <v>182.26</v>
      </c>
      <c r="C13050">
        <v>17254.5</v>
      </c>
      <c r="D13050">
        <v>1.6</v>
      </c>
      <c r="E13050">
        <v>8248.18</v>
      </c>
      <c r="F13050">
        <v>58.347099999999998</v>
      </c>
    </row>
    <row r="13051" spans="1:6" x14ac:dyDescent="0.25">
      <c r="A13051">
        <v>164.04</v>
      </c>
      <c r="B13051">
        <v>182.26</v>
      </c>
      <c r="C13051">
        <v>17254.5</v>
      </c>
      <c r="D13051">
        <v>1.9</v>
      </c>
      <c r="E13051">
        <v>7724.95</v>
      </c>
      <c r="F13051">
        <v>54.973199999999999</v>
      </c>
    </row>
    <row r="13052" spans="1:6" x14ac:dyDescent="0.25">
      <c r="A13052">
        <v>164.04</v>
      </c>
      <c r="B13052">
        <v>182.26</v>
      </c>
      <c r="C13052">
        <v>17254.5</v>
      </c>
      <c r="D13052">
        <v>2.2000000000000002</v>
      </c>
      <c r="E13052">
        <v>7500.18</v>
      </c>
      <c r="F13052">
        <v>52.2196</v>
      </c>
    </row>
    <row r="13053" spans="1:6" x14ac:dyDescent="0.25">
      <c r="A13053">
        <v>164.04</v>
      </c>
      <c r="B13053">
        <v>182.26</v>
      </c>
      <c r="C13053">
        <v>17254.5</v>
      </c>
      <c r="D13053">
        <v>2.5</v>
      </c>
      <c r="E13053">
        <v>7754.59</v>
      </c>
      <c r="F13053">
        <v>50.3643</v>
      </c>
    </row>
    <row r="13054" spans="1:6" x14ac:dyDescent="0.25">
      <c r="A13054">
        <v>164.04</v>
      </c>
      <c r="B13054">
        <v>182.26</v>
      </c>
      <c r="C13054">
        <v>17254.5</v>
      </c>
      <c r="D13054">
        <v>2.8</v>
      </c>
      <c r="E13054">
        <v>7342.18</v>
      </c>
      <c r="F13054">
        <v>56.6813</v>
      </c>
    </row>
    <row r="13055" spans="1:6" x14ac:dyDescent="0.25">
      <c r="A13055">
        <v>164.04</v>
      </c>
      <c r="B13055">
        <v>182.26</v>
      </c>
      <c r="C13055">
        <v>17254.5</v>
      </c>
      <c r="D13055">
        <v>3.1</v>
      </c>
      <c r="E13055">
        <v>7339.91</v>
      </c>
      <c r="F13055">
        <v>55.567799999999998</v>
      </c>
    </row>
    <row r="13056" spans="1:6" x14ac:dyDescent="0.25">
      <c r="A13056">
        <v>164.04</v>
      </c>
      <c r="B13056">
        <v>182.26</v>
      </c>
      <c r="C13056">
        <v>17254.5</v>
      </c>
      <c r="D13056">
        <v>3.4</v>
      </c>
      <c r="E13056">
        <v>7816.42</v>
      </c>
      <c r="F13056">
        <v>54.2273</v>
      </c>
    </row>
    <row r="13057" spans="1:6" x14ac:dyDescent="0.25">
      <c r="A13057">
        <v>164.04</v>
      </c>
      <c r="B13057">
        <v>182.26</v>
      </c>
      <c r="C13057">
        <v>17254.5</v>
      </c>
      <c r="D13057">
        <v>3.7</v>
      </c>
      <c r="E13057">
        <v>7867.42</v>
      </c>
      <c r="F13057">
        <v>53.569299999999998</v>
      </c>
    </row>
    <row r="13058" spans="1:6" x14ac:dyDescent="0.25">
      <c r="A13058">
        <v>164.04</v>
      </c>
      <c r="B13058">
        <v>182.26</v>
      </c>
      <c r="C13058">
        <v>17254.5</v>
      </c>
      <c r="D13058">
        <v>4</v>
      </c>
      <c r="E13058">
        <v>7137.11</v>
      </c>
      <c r="F13058">
        <v>53.111400000000003</v>
      </c>
    </row>
    <row r="13059" spans="1:6" x14ac:dyDescent="0.25">
      <c r="A13059">
        <v>164.04</v>
      </c>
      <c r="B13059">
        <v>182.26</v>
      </c>
      <c r="C13059">
        <v>18800</v>
      </c>
      <c r="D13059">
        <v>1</v>
      </c>
      <c r="E13059">
        <v>8523.0300000000007</v>
      </c>
      <c r="F13059">
        <v>60.063600000000001</v>
      </c>
    </row>
    <row r="13060" spans="1:6" x14ac:dyDescent="0.25">
      <c r="A13060">
        <v>164.04</v>
      </c>
      <c r="B13060">
        <v>182.26</v>
      </c>
      <c r="C13060">
        <v>18800</v>
      </c>
      <c r="D13060">
        <v>1.3</v>
      </c>
      <c r="E13060">
        <v>7959.18</v>
      </c>
      <c r="F13060">
        <v>19.363600000000002</v>
      </c>
    </row>
    <row r="13061" spans="1:6" x14ac:dyDescent="0.25">
      <c r="A13061">
        <v>164.04</v>
      </c>
      <c r="B13061">
        <v>182.26</v>
      </c>
      <c r="C13061">
        <v>18800</v>
      </c>
      <c r="D13061">
        <v>1.6</v>
      </c>
      <c r="E13061">
        <v>8248.18</v>
      </c>
      <c r="F13061">
        <v>58.347099999999998</v>
      </c>
    </row>
    <row r="13062" spans="1:6" x14ac:dyDescent="0.25">
      <c r="A13062">
        <v>164.04</v>
      </c>
      <c r="B13062">
        <v>182.26</v>
      </c>
      <c r="C13062">
        <v>18800</v>
      </c>
      <c r="D13062">
        <v>1.9</v>
      </c>
      <c r="E13062">
        <v>7724.95</v>
      </c>
      <c r="F13062">
        <v>54.973199999999999</v>
      </c>
    </row>
    <row r="13063" spans="1:6" x14ac:dyDescent="0.25">
      <c r="A13063">
        <v>164.04</v>
      </c>
      <c r="B13063">
        <v>182.26</v>
      </c>
      <c r="C13063">
        <v>18800</v>
      </c>
      <c r="D13063">
        <v>2.2000000000000002</v>
      </c>
      <c r="E13063">
        <v>7500.18</v>
      </c>
      <c r="F13063">
        <v>52.2196</v>
      </c>
    </row>
    <row r="13064" spans="1:6" x14ac:dyDescent="0.25">
      <c r="A13064">
        <v>164.04</v>
      </c>
      <c r="B13064">
        <v>182.26</v>
      </c>
      <c r="C13064">
        <v>18800</v>
      </c>
      <c r="D13064">
        <v>2.5</v>
      </c>
      <c r="E13064">
        <v>7754.59</v>
      </c>
      <c r="F13064">
        <v>50.3643</v>
      </c>
    </row>
    <row r="13065" spans="1:6" x14ac:dyDescent="0.25">
      <c r="A13065">
        <v>164.04</v>
      </c>
      <c r="B13065">
        <v>182.26</v>
      </c>
      <c r="C13065">
        <v>18800</v>
      </c>
      <c r="D13065">
        <v>2.8</v>
      </c>
      <c r="E13065">
        <v>7342.18</v>
      </c>
      <c r="F13065">
        <v>56.6813</v>
      </c>
    </row>
    <row r="13066" spans="1:6" x14ac:dyDescent="0.25">
      <c r="A13066">
        <v>164.04</v>
      </c>
      <c r="B13066">
        <v>182.26</v>
      </c>
      <c r="C13066">
        <v>18800</v>
      </c>
      <c r="D13066">
        <v>3.1</v>
      </c>
      <c r="E13066">
        <v>7339.91</v>
      </c>
      <c r="F13066">
        <v>55.567799999999998</v>
      </c>
    </row>
    <row r="13067" spans="1:6" x14ac:dyDescent="0.25">
      <c r="A13067">
        <v>164.04</v>
      </c>
      <c r="B13067">
        <v>182.26</v>
      </c>
      <c r="C13067">
        <v>18800</v>
      </c>
      <c r="D13067">
        <v>3.4</v>
      </c>
      <c r="E13067">
        <v>7816.42</v>
      </c>
      <c r="F13067">
        <v>54.2273</v>
      </c>
    </row>
    <row r="13068" spans="1:6" x14ac:dyDescent="0.25">
      <c r="A13068">
        <v>164.04</v>
      </c>
      <c r="B13068">
        <v>182.26</v>
      </c>
      <c r="C13068">
        <v>18800</v>
      </c>
      <c r="D13068">
        <v>3.7</v>
      </c>
      <c r="E13068">
        <v>7867.42</v>
      </c>
      <c r="F13068">
        <v>53.569299999999998</v>
      </c>
    </row>
    <row r="13069" spans="1:6" x14ac:dyDescent="0.25">
      <c r="A13069">
        <v>164.04</v>
      </c>
      <c r="B13069">
        <v>182.26</v>
      </c>
      <c r="C13069">
        <v>18800</v>
      </c>
      <c r="D13069">
        <v>4</v>
      </c>
      <c r="E13069">
        <v>7137.11</v>
      </c>
      <c r="F13069">
        <v>53.111400000000003</v>
      </c>
    </row>
    <row r="13070" spans="1:6" x14ac:dyDescent="0.25">
      <c r="A13070">
        <v>164.04</v>
      </c>
      <c r="B13070">
        <v>185.89</v>
      </c>
      <c r="C13070">
        <v>1800</v>
      </c>
      <c r="D13070">
        <v>1</v>
      </c>
      <c r="E13070">
        <v>5333.32</v>
      </c>
      <c r="F13070">
        <v>60.063600000000001</v>
      </c>
    </row>
    <row r="13071" spans="1:6" x14ac:dyDescent="0.25">
      <c r="A13071">
        <v>164.04</v>
      </c>
      <c r="B13071">
        <v>185.89</v>
      </c>
      <c r="C13071">
        <v>1800</v>
      </c>
      <c r="D13071">
        <v>1.3</v>
      </c>
      <c r="E13071">
        <v>4722.7299999999996</v>
      </c>
      <c r="F13071">
        <v>23.903600000000001</v>
      </c>
    </row>
    <row r="13072" spans="1:6" x14ac:dyDescent="0.25">
      <c r="A13072">
        <v>164.04</v>
      </c>
      <c r="B13072">
        <v>185.89</v>
      </c>
      <c r="C13072">
        <v>1800</v>
      </c>
      <c r="D13072">
        <v>1.6</v>
      </c>
      <c r="E13072">
        <v>4316.37</v>
      </c>
      <c r="F13072">
        <v>53.918999999999997</v>
      </c>
    </row>
    <row r="13073" spans="1:6" x14ac:dyDescent="0.25">
      <c r="A13073">
        <v>164.04</v>
      </c>
      <c r="B13073">
        <v>185.89</v>
      </c>
      <c r="C13073">
        <v>1800</v>
      </c>
      <c r="D13073">
        <v>1.9</v>
      </c>
      <c r="E13073">
        <v>4022.76</v>
      </c>
      <c r="F13073">
        <v>50.161099999999998</v>
      </c>
    </row>
    <row r="13074" spans="1:6" x14ac:dyDescent="0.25">
      <c r="A13074">
        <v>164.04</v>
      </c>
      <c r="B13074">
        <v>185.89</v>
      </c>
      <c r="C13074">
        <v>1800</v>
      </c>
      <c r="D13074">
        <v>2.2000000000000002</v>
      </c>
      <c r="E13074">
        <v>3824.63</v>
      </c>
      <c r="F13074">
        <v>46.006300000000003</v>
      </c>
    </row>
    <row r="13075" spans="1:6" x14ac:dyDescent="0.25">
      <c r="A13075">
        <v>164.04</v>
      </c>
      <c r="B13075">
        <v>185.89</v>
      </c>
      <c r="C13075">
        <v>1800</v>
      </c>
      <c r="D13075">
        <v>2.5</v>
      </c>
      <c r="E13075">
        <v>3656.74</v>
      </c>
      <c r="F13075">
        <v>56.165599999999998</v>
      </c>
    </row>
    <row r="13076" spans="1:6" x14ac:dyDescent="0.25">
      <c r="A13076">
        <v>164.04</v>
      </c>
      <c r="B13076">
        <v>185.89</v>
      </c>
      <c r="C13076">
        <v>1800</v>
      </c>
      <c r="D13076">
        <v>2.8</v>
      </c>
      <c r="E13076">
        <v>3530.64</v>
      </c>
      <c r="F13076">
        <v>57.195399999999999</v>
      </c>
    </row>
    <row r="13077" spans="1:6" x14ac:dyDescent="0.25">
      <c r="A13077">
        <v>164.04</v>
      </c>
      <c r="B13077">
        <v>185.89</v>
      </c>
      <c r="C13077">
        <v>1800</v>
      </c>
      <c r="D13077">
        <v>3.1</v>
      </c>
      <c r="E13077">
        <v>3424.56</v>
      </c>
      <c r="F13077">
        <v>59.580100000000002</v>
      </c>
    </row>
    <row r="13078" spans="1:6" x14ac:dyDescent="0.25">
      <c r="A13078">
        <v>164.04</v>
      </c>
      <c r="B13078">
        <v>185.89</v>
      </c>
      <c r="C13078">
        <v>1800</v>
      </c>
      <c r="D13078">
        <v>3.4</v>
      </c>
      <c r="E13078">
        <v>3394.38</v>
      </c>
      <c r="F13078">
        <v>63.457999999999998</v>
      </c>
    </row>
    <row r="13079" spans="1:6" x14ac:dyDescent="0.25">
      <c r="A13079">
        <v>164.04</v>
      </c>
      <c r="B13079">
        <v>185.89</v>
      </c>
      <c r="C13079">
        <v>1800</v>
      </c>
      <c r="D13079">
        <v>3.7</v>
      </c>
      <c r="E13079">
        <v>3287.46</v>
      </c>
      <c r="F13079">
        <v>66.801199999999994</v>
      </c>
    </row>
    <row r="13080" spans="1:6" x14ac:dyDescent="0.25">
      <c r="A13080">
        <v>164.04</v>
      </c>
      <c r="B13080">
        <v>185.89</v>
      </c>
      <c r="C13080">
        <v>1800</v>
      </c>
      <c r="D13080">
        <v>4</v>
      </c>
      <c r="E13080">
        <v>3238.46</v>
      </c>
      <c r="F13080">
        <v>67.524299999999997</v>
      </c>
    </row>
    <row r="13081" spans="1:6" x14ac:dyDescent="0.25">
      <c r="A13081">
        <v>164.04</v>
      </c>
      <c r="B13081">
        <v>185.89</v>
      </c>
      <c r="C13081">
        <v>3345.45</v>
      </c>
      <c r="D13081">
        <v>1</v>
      </c>
      <c r="E13081">
        <v>6745.84</v>
      </c>
      <c r="F13081">
        <v>60.063600000000001</v>
      </c>
    </row>
    <row r="13082" spans="1:6" x14ac:dyDescent="0.25">
      <c r="A13082">
        <v>164.04</v>
      </c>
      <c r="B13082">
        <v>185.89</v>
      </c>
      <c r="C13082">
        <v>3345.45</v>
      </c>
      <c r="D13082">
        <v>1.3</v>
      </c>
      <c r="E13082">
        <v>6109.04</v>
      </c>
      <c r="F13082">
        <v>19.363600000000002</v>
      </c>
    </row>
    <row r="13083" spans="1:6" x14ac:dyDescent="0.25">
      <c r="A13083">
        <v>164.04</v>
      </c>
      <c r="B13083">
        <v>185.89</v>
      </c>
      <c r="C13083">
        <v>3345.45</v>
      </c>
      <c r="D13083">
        <v>1.6</v>
      </c>
      <c r="E13083">
        <v>5933.39</v>
      </c>
      <c r="F13083">
        <v>58.347099999999998</v>
      </c>
    </row>
    <row r="13084" spans="1:6" x14ac:dyDescent="0.25">
      <c r="A13084">
        <v>164.04</v>
      </c>
      <c r="B13084">
        <v>185.89</v>
      </c>
      <c r="C13084">
        <v>3345.45</v>
      </c>
      <c r="D13084">
        <v>1.9</v>
      </c>
      <c r="E13084">
        <v>5563.17</v>
      </c>
      <c r="F13084">
        <v>54.973199999999999</v>
      </c>
    </row>
    <row r="13085" spans="1:6" x14ac:dyDescent="0.25">
      <c r="A13085">
        <v>164.04</v>
      </c>
      <c r="B13085">
        <v>185.89</v>
      </c>
      <c r="C13085">
        <v>3345.45</v>
      </c>
      <c r="D13085">
        <v>2.2000000000000002</v>
      </c>
      <c r="E13085">
        <v>5062.42</v>
      </c>
      <c r="F13085">
        <v>52.2196</v>
      </c>
    </row>
    <row r="13086" spans="1:6" x14ac:dyDescent="0.25">
      <c r="A13086">
        <v>164.04</v>
      </c>
      <c r="B13086">
        <v>185.89</v>
      </c>
      <c r="C13086">
        <v>3345.45</v>
      </c>
      <c r="D13086">
        <v>2.5</v>
      </c>
      <c r="E13086">
        <v>4951.49</v>
      </c>
      <c r="F13086">
        <v>50.3643</v>
      </c>
    </row>
    <row r="13087" spans="1:6" x14ac:dyDescent="0.25">
      <c r="A13087">
        <v>164.04</v>
      </c>
      <c r="B13087">
        <v>185.89</v>
      </c>
      <c r="C13087">
        <v>3345.45</v>
      </c>
      <c r="D13087">
        <v>2.8</v>
      </c>
      <c r="E13087">
        <v>4890.63</v>
      </c>
      <c r="F13087">
        <v>56.6813</v>
      </c>
    </row>
    <row r="13088" spans="1:6" x14ac:dyDescent="0.25">
      <c r="A13088">
        <v>164.04</v>
      </c>
      <c r="B13088">
        <v>185.89</v>
      </c>
      <c r="C13088">
        <v>3345.45</v>
      </c>
      <c r="D13088">
        <v>3.1</v>
      </c>
      <c r="E13088">
        <v>4639.37</v>
      </c>
      <c r="F13088">
        <v>55.567799999999998</v>
      </c>
    </row>
    <row r="13089" spans="1:6" x14ac:dyDescent="0.25">
      <c r="A13089">
        <v>164.04</v>
      </c>
      <c r="B13089">
        <v>185.89</v>
      </c>
      <c r="C13089">
        <v>3345.45</v>
      </c>
      <c r="D13089">
        <v>3.4</v>
      </c>
      <c r="E13089">
        <v>4552.8999999999996</v>
      </c>
      <c r="F13089">
        <v>54.2273</v>
      </c>
    </row>
    <row r="13090" spans="1:6" x14ac:dyDescent="0.25">
      <c r="A13090">
        <v>164.04</v>
      </c>
      <c r="B13090">
        <v>185.89</v>
      </c>
      <c r="C13090">
        <v>3345.45</v>
      </c>
      <c r="D13090">
        <v>3.7</v>
      </c>
      <c r="E13090">
        <v>4528.8599999999997</v>
      </c>
      <c r="F13090">
        <v>53.569299999999998</v>
      </c>
    </row>
    <row r="13091" spans="1:6" x14ac:dyDescent="0.25">
      <c r="A13091">
        <v>164.04</v>
      </c>
      <c r="B13091">
        <v>185.89</v>
      </c>
      <c r="C13091">
        <v>3345.45</v>
      </c>
      <c r="D13091">
        <v>4</v>
      </c>
      <c r="E13091">
        <v>4481.87</v>
      </c>
      <c r="F13091">
        <v>53.111400000000003</v>
      </c>
    </row>
    <row r="13092" spans="1:6" x14ac:dyDescent="0.25">
      <c r="A13092">
        <v>164.04</v>
      </c>
      <c r="B13092">
        <v>185.89</v>
      </c>
      <c r="C13092">
        <v>4890.8999999999996</v>
      </c>
      <c r="D13092">
        <v>1</v>
      </c>
      <c r="E13092">
        <v>8223.67</v>
      </c>
      <c r="F13092">
        <v>60.063600000000001</v>
      </c>
    </row>
    <row r="13093" spans="1:6" x14ac:dyDescent="0.25">
      <c r="A13093">
        <v>164.04</v>
      </c>
      <c r="B13093">
        <v>185.89</v>
      </c>
      <c r="C13093">
        <v>4890.8999999999996</v>
      </c>
      <c r="D13093">
        <v>1.3</v>
      </c>
      <c r="E13093">
        <v>7549.1</v>
      </c>
      <c r="F13093">
        <v>19.363600000000002</v>
      </c>
    </row>
    <row r="13094" spans="1:6" x14ac:dyDescent="0.25">
      <c r="A13094">
        <v>164.04</v>
      </c>
      <c r="B13094">
        <v>185.89</v>
      </c>
      <c r="C13094">
        <v>4890.8999999999996</v>
      </c>
      <c r="D13094">
        <v>1.6</v>
      </c>
      <c r="E13094">
        <v>7203.83</v>
      </c>
      <c r="F13094">
        <v>58.347099999999998</v>
      </c>
    </row>
    <row r="13095" spans="1:6" x14ac:dyDescent="0.25">
      <c r="A13095">
        <v>164.04</v>
      </c>
      <c r="B13095">
        <v>185.89</v>
      </c>
      <c r="C13095">
        <v>4890.8999999999996</v>
      </c>
      <c r="D13095">
        <v>1.9</v>
      </c>
      <c r="E13095">
        <v>6928.57</v>
      </c>
      <c r="F13095">
        <v>54.973199999999999</v>
      </c>
    </row>
    <row r="13096" spans="1:6" x14ac:dyDescent="0.25">
      <c r="A13096">
        <v>164.04</v>
      </c>
      <c r="B13096">
        <v>185.89</v>
      </c>
      <c r="C13096">
        <v>4890.8999999999996</v>
      </c>
      <c r="D13096">
        <v>2.2000000000000002</v>
      </c>
      <c r="E13096">
        <v>6487.7</v>
      </c>
      <c r="F13096">
        <v>52.2196</v>
      </c>
    </row>
    <row r="13097" spans="1:6" x14ac:dyDescent="0.25">
      <c r="A13097">
        <v>164.04</v>
      </c>
      <c r="B13097">
        <v>185.89</v>
      </c>
      <c r="C13097">
        <v>4890.8999999999996</v>
      </c>
      <c r="D13097">
        <v>2.5</v>
      </c>
      <c r="E13097">
        <v>6317.74</v>
      </c>
      <c r="F13097">
        <v>50.3643</v>
      </c>
    </row>
    <row r="13098" spans="1:6" x14ac:dyDescent="0.25">
      <c r="A13098">
        <v>164.04</v>
      </c>
      <c r="B13098">
        <v>185.89</v>
      </c>
      <c r="C13098">
        <v>4890.8999999999996</v>
      </c>
      <c r="D13098">
        <v>2.8</v>
      </c>
      <c r="E13098">
        <v>6209.96</v>
      </c>
      <c r="F13098">
        <v>56.6813</v>
      </c>
    </row>
    <row r="13099" spans="1:6" x14ac:dyDescent="0.25">
      <c r="A13099">
        <v>164.04</v>
      </c>
      <c r="B13099">
        <v>185.89</v>
      </c>
      <c r="C13099">
        <v>4890.8999999999996</v>
      </c>
      <c r="D13099">
        <v>3.1</v>
      </c>
      <c r="E13099">
        <v>6085.27</v>
      </c>
      <c r="F13099">
        <v>55.567799999999998</v>
      </c>
    </row>
    <row r="13100" spans="1:6" x14ac:dyDescent="0.25">
      <c r="A13100">
        <v>164.04</v>
      </c>
      <c r="B13100">
        <v>185.89</v>
      </c>
      <c r="C13100">
        <v>4890.8999999999996</v>
      </c>
      <c r="D13100">
        <v>3.4</v>
      </c>
      <c r="E13100">
        <v>6118.75</v>
      </c>
      <c r="F13100">
        <v>54.2273</v>
      </c>
    </row>
    <row r="13101" spans="1:6" x14ac:dyDescent="0.25">
      <c r="A13101">
        <v>164.04</v>
      </c>
      <c r="B13101">
        <v>185.89</v>
      </c>
      <c r="C13101">
        <v>4890.8999999999996</v>
      </c>
      <c r="D13101">
        <v>3.7</v>
      </c>
      <c r="E13101">
        <v>6030.15</v>
      </c>
      <c r="F13101">
        <v>53.569299999999998</v>
      </c>
    </row>
    <row r="13102" spans="1:6" x14ac:dyDescent="0.25">
      <c r="A13102">
        <v>164.04</v>
      </c>
      <c r="B13102">
        <v>185.89</v>
      </c>
      <c r="C13102">
        <v>4890.8999999999996</v>
      </c>
      <c r="D13102">
        <v>4</v>
      </c>
      <c r="E13102">
        <v>5853.22</v>
      </c>
      <c r="F13102">
        <v>53.111400000000003</v>
      </c>
    </row>
    <row r="13103" spans="1:6" x14ac:dyDescent="0.25">
      <c r="A13103">
        <v>164.04</v>
      </c>
      <c r="B13103">
        <v>185.89</v>
      </c>
      <c r="C13103">
        <v>6436.35</v>
      </c>
      <c r="D13103">
        <v>1</v>
      </c>
      <c r="E13103">
        <v>8523.0300000000007</v>
      </c>
      <c r="F13103">
        <v>60.063600000000001</v>
      </c>
    </row>
    <row r="13104" spans="1:6" x14ac:dyDescent="0.25">
      <c r="A13104">
        <v>164.04</v>
      </c>
      <c r="B13104">
        <v>185.89</v>
      </c>
      <c r="C13104">
        <v>6436.35</v>
      </c>
      <c r="D13104">
        <v>1.3</v>
      </c>
      <c r="E13104">
        <v>7959.18</v>
      </c>
      <c r="F13104">
        <v>19.363600000000002</v>
      </c>
    </row>
    <row r="13105" spans="1:6" x14ac:dyDescent="0.25">
      <c r="A13105">
        <v>164.04</v>
      </c>
      <c r="B13105">
        <v>185.89</v>
      </c>
      <c r="C13105">
        <v>6436.35</v>
      </c>
      <c r="D13105">
        <v>1.6</v>
      </c>
      <c r="E13105">
        <v>8248.18</v>
      </c>
      <c r="F13105">
        <v>58.347099999999998</v>
      </c>
    </row>
    <row r="13106" spans="1:6" x14ac:dyDescent="0.25">
      <c r="A13106">
        <v>164.04</v>
      </c>
      <c r="B13106">
        <v>185.89</v>
      </c>
      <c r="C13106">
        <v>6436.35</v>
      </c>
      <c r="D13106">
        <v>1.9</v>
      </c>
      <c r="E13106">
        <v>7724.95</v>
      </c>
      <c r="F13106">
        <v>54.973199999999999</v>
      </c>
    </row>
    <row r="13107" spans="1:6" x14ac:dyDescent="0.25">
      <c r="A13107">
        <v>164.04</v>
      </c>
      <c r="B13107">
        <v>185.89</v>
      </c>
      <c r="C13107">
        <v>6436.35</v>
      </c>
      <c r="D13107">
        <v>2.2000000000000002</v>
      </c>
      <c r="E13107">
        <v>7500.18</v>
      </c>
      <c r="F13107">
        <v>52.2196</v>
      </c>
    </row>
    <row r="13108" spans="1:6" x14ac:dyDescent="0.25">
      <c r="A13108">
        <v>164.04</v>
      </c>
      <c r="B13108">
        <v>185.89</v>
      </c>
      <c r="C13108">
        <v>6436.35</v>
      </c>
      <c r="D13108">
        <v>2.5</v>
      </c>
      <c r="E13108">
        <v>7498.37</v>
      </c>
      <c r="F13108">
        <v>50.3643</v>
      </c>
    </row>
    <row r="13109" spans="1:6" x14ac:dyDescent="0.25">
      <c r="A13109">
        <v>164.04</v>
      </c>
      <c r="B13109">
        <v>185.89</v>
      </c>
      <c r="C13109">
        <v>6436.35</v>
      </c>
      <c r="D13109">
        <v>2.8</v>
      </c>
      <c r="E13109">
        <v>7342.18</v>
      </c>
      <c r="F13109">
        <v>56.6813</v>
      </c>
    </row>
    <row r="13110" spans="1:6" x14ac:dyDescent="0.25">
      <c r="A13110">
        <v>164.04</v>
      </c>
      <c r="B13110">
        <v>185.89</v>
      </c>
      <c r="C13110">
        <v>6436.35</v>
      </c>
      <c r="D13110">
        <v>3.1</v>
      </c>
      <c r="E13110">
        <v>7339.91</v>
      </c>
      <c r="F13110">
        <v>55.567799999999998</v>
      </c>
    </row>
    <row r="13111" spans="1:6" x14ac:dyDescent="0.25">
      <c r="A13111">
        <v>164.04</v>
      </c>
      <c r="B13111">
        <v>185.89</v>
      </c>
      <c r="C13111">
        <v>6436.35</v>
      </c>
      <c r="D13111">
        <v>3.4</v>
      </c>
      <c r="E13111">
        <v>7292.6</v>
      </c>
      <c r="F13111">
        <v>54.2273</v>
      </c>
    </row>
    <row r="13112" spans="1:6" x14ac:dyDescent="0.25">
      <c r="A13112">
        <v>164.04</v>
      </c>
      <c r="B13112">
        <v>185.89</v>
      </c>
      <c r="C13112">
        <v>6436.35</v>
      </c>
      <c r="D13112">
        <v>3.7</v>
      </c>
      <c r="E13112">
        <v>7252.64</v>
      </c>
      <c r="F13112">
        <v>53.569299999999998</v>
      </c>
    </row>
    <row r="13113" spans="1:6" x14ac:dyDescent="0.25">
      <c r="A13113">
        <v>164.04</v>
      </c>
      <c r="B13113">
        <v>185.89</v>
      </c>
      <c r="C13113">
        <v>6436.35</v>
      </c>
      <c r="D13113">
        <v>4</v>
      </c>
      <c r="E13113">
        <v>7137.11</v>
      </c>
      <c r="F13113">
        <v>53.111400000000003</v>
      </c>
    </row>
    <row r="13114" spans="1:6" x14ac:dyDescent="0.25">
      <c r="A13114">
        <v>164.04</v>
      </c>
      <c r="B13114">
        <v>185.89</v>
      </c>
      <c r="C13114">
        <v>7981.8</v>
      </c>
      <c r="D13114">
        <v>1</v>
      </c>
      <c r="E13114">
        <v>8523.0300000000007</v>
      </c>
      <c r="F13114">
        <v>60.063600000000001</v>
      </c>
    </row>
    <row r="13115" spans="1:6" x14ac:dyDescent="0.25">
      <c r="A13115">
        <v>164.04</v>
      </c>
      <c r="B13115">
        <v>185.89</v>
      </c>
      <c r="C13115">
        <v>7981.8</v>
      </c>
      <c r="D13115">
        <v>1.3</v>
      </c>
      <c r="E13115">
        <v>7959.18</v>
      </c>
      <c r="F13115">
        <v>19.363600000000002</v>
      </c>
    </row>
    <row r="13116" spans="1:6" x14ac:dyDescent="0.25">
      <c r="A13116">
        <v>164.04</v>
      </c>
      <c r="B13116">
        <v>185.89</v>
      </c>
      <c r="C13116">
        <v>7981.8</v>
      </c>
      <c r="D13116">
        <v>1.6</v>
      </c>
      <c r="E13116">
        <v>8248.18</v>
      </c>
      <c r="F13116">
        <v>58.347099999999998</v>
      </c>
    </row>
    <row r="13117" spans="1:6" x14ac:dyDescent="0.25">
      <c r="A13117">
        <v>164.04</v>
      </c>
      <c r="B13117">
        <v>185.89</v>
      </c>
      <c r="C13117">
        <v>7981.8</v>
      </c>
      <c r="D13117">
        <v>1.9</v>
      </c>
      <c r="E13117">
        <v>7724.95</v>
      </c>
      <c r="F13117">
        <v>54.973199999999999</v>
      </c>
    </row>
    <row r="13118" spans="1:6" x14ac:dyDescent="0.25">
      <c r="A13118">
        <v>164.04</v>
      </c>
      <c r="B13118">
        <v>185.89</v>
      </c>
      <c r="C13118">
        <v>7981.8</v>
      </c>
      <c r="D13118">
        <v>2.2000000000000002</v>
      </c>
      <c r="E13118">
        <v>7500.18</v>
      </c>
      <c r="F13118">
        <v>52.2196</v>
      </c>
    </row>
    <row r="13119" spans="1:6" x14ac:dyDescent="0.25">
      <c r="A13119">
        <v>164.04</v>
      </c>
      <c r="B13119">
        <v>185.89</v>
      </c>
      <c r="C13119">
        <v>7981.8</v>
      </c>
      <c r="D13119">
        <v>2.5</v>
      </c>
      <c r="E13119">
        <v>7754.59</v>
      </c>
      <c r="F13119">
        <v>50.3643</v>
      </c>
    </row>
    <row r="13120" spans="1:6" x14ac:dyDescent="0.25">
      <c r="A13120">
        <v>164.04</v>
      </c>
      <c r="B13120">
        <v>185.89</v>
      </c>
      <c r="C13120">
        <v>7981.8</v>
      </c>
      <c r="D13120">
        <v>2.8</v>
      </c>
      <c r="E13120">
        <v>7342.18</v>
      </c>
      <c r="F13120">
        <v>56.6813</v>
      </c>
    </row>
    <row r="13121" spans="1:6" x14ac:dyDescent="0.25">
      <c r="A13121">
        <v>164.04</v>
      </c>
      <c r="B13121">
        <v>185.89</v>
      </c>
      <c r="C13121">
        <v>7981.8</v>
      </c>
      <c r="D13121">
        <v>3.1</v>
      </c>
      <c r="E13121">
        <v>7339.91</v>
      </c>
      <c r="F13121">
        <v>55.567799999999998</v>
      </c>
    </row>
    <row r="13122" spans="1:6" x14ac:dyDescent="0.25">
      <c r="A13122">
        <v>164.04</v>
      </c>
      <c r="B13122">
        <v>185.89</v>
      </c>
      <c r="C13122">
        <v>7981.8</v>
      </c>
      <c r="D13122">
        <v>3.4</v>
      </c>
      <c r="E13122">
        <v>7816.42</v>
      </c>
      <c r="F13122">
        <v>54.2273</v>
      </c>
    </row>
    <row r="13123" spans="1:6" x14ac:dyDescent="0.25">
      <c r="A13123">
        <v>164.04</v>
      </c>
      <c r="B13123">
        <v>185.89</v>
      </c>
      <c r="C13123">
        <v>7981.8</v>
      </c>
      <c r="D13123">
        <v>3.7</v>
      </c>
      <c r="E13123">
        <v>7867.42</v>
      </c>
      <c r="F13123">
        <v>53.569299999999998</v>
      </c>
    </row>
    <row r="13124" spans="1:6" x14ac:dyDescent="0.25">
      <c r="A13124">
        <v>164.04</v>
      </c>
      <c r="B13124">
        <v>185.89</v>
      </c>
      <c r="C13124">
        <v>7981.8</v>
      </c>
      <c r="D13124">
        <v>4</v>
      </c>
      <c r="E13124">
        <v>7137.11</v>
      </c>
      <c r="F13124">
        <v>53.111400000000003</v>
      </c>
    </row>
    <row r="13125" spans="1:6" x14ac:dyDescent="0.25">
      <c r="A13125">
        <v>164.04</v>
      </c>
      <c r="B13125">
        <v>185.89</v>
      </c>
      <c r="C13125">
        <v>9527.25</v>
      </c>
      <c r="D13125">
        <v>1</v>
      </c>
      <c r="E13125">
        <v>8523.0300000000007</v>
      </c>
      <c r="F13125">
        <v>60.063600000000001</v>
      </c>
    </row>
    <row r="13126" spans="1:6" x14ac:dyDescent="0.25">
      <c r="A13126">
        <v>164.04</v>
      </c>
      <c r="B13126">
        <v>185.89</v>
      </c>
      <c r="C13126">
        <v>9527.25</v>
      </c>
      <c r="D13126">
        <v>1.3</v>
      </c>
      <c r="E13126">
        <v>7959.18</v>
      </c>
      <c r="F13126">
        <v>19.363600000000002</v>
      </c>
    </row>
    <row r="13127" spans="1:6" x14ac:dyDescent="0.25">
      <c r="A13127">
        <v>164.04</v>
      </c>
      <c r="B13127">
        <v>185.89</v>
      </c>
      <c r="C13127">
        <v>9527.25</v>
      </c>
      <c r="D13127">
        <v>1.6</v>
      </c>
      <c r="E13127">
        <v>8248.18</v>
      </c>
      <c r="F13127">
        <v>58.347099999999998</v>
      </c>
    </row>
    <row r="13128" spans="1:6" x14ac:dyDescent="0.25">
      <c r="A13128">
        <v>164.04</v>
      </c>
      <c r="B13128">
        <v>185.89</v>
      </c>
      <c r="C13128">
        <v>9527.25</v>
      </c>
      <c r="D13128">
        <v>1.9</v>
      </c>
      <c r="E13128">
        <v>7724.95</v>
      </c>
      <c r="F13128">
        <v>54.973199999999999</v>
      </c>
    </row>
    <row r="13129" spans="1:6" x14ac:dyDescent="0.25">
      <c r="A13129">
        <v>164.04</v>
      </c>
      <c r="B13129">
        <v>185.89</v>
      </c>
      <c r="C13129">
        <v>9527.25</v>
      </c>
      <c r="D13129">
        <v>2.2000000000000002</v>
      </c>
      <c r="E13129">
        <v>7500.18</v>
      </c>
      <c r="F13129">
        <v>52.2196</v>
      </c>
    </row>
    <row r="13130" spans="1:6" x14ac:dyDescent="0.25">
      <c r="A13130">
        <v>164.04</v>
      </c>
      <c r="B13130">
        <v>185.89</v>
      </c>
      <c r="C13130">
        <v>9527.25</v>
      </c>
      <c r="D13130">
        <v>2.5</v>
      </c>
      <c r="E13130">
        <v>7754.59</v>
      </c>
      <c r="F13130">
        <v>50.3643</v>
      </c>
    </row>
    <row r="13131" spans="1:6" x14ac:dyDescent="0.25">
      <c r="A13131">
        <v>164.04</v>
      </c>
      <c r="B13131">
        <v>185.89</v>
      </c>
      <c r="C13131">
        <v>9527.25</v>
      </c>
      <c r="D13131">
        <v>2.8</v>
      </c>
      <c r="E13131">
        <v>7342.18</v>
      </c>
      <c r="F13131">
        <v>56.6813</v>
      </c>
    </row>
    <row r="13132" spans="1:6" x14ac:dyDescent="0.25">
      <c r="A13132">
        <v>164.04</v>
      </c>
      <c r="B13132">
        <v>185.89</v>
      </c>
      <c r="C13132">
        <v>9527.25</v>
      </c>
      <c r="D13132">
        <v>3.1</v>
      </c>
      <c r="E13132">
        <v>7339.91</v>
      </c>
      <c r="F13132">
        <v>55.567799999999998</v>
      </c>
    </row>
    <row r="13133" spans="1:6" x14ac:dyDescent="0.25">
      <c r="A13133">
        <v>164.04</v>
      </c>
      <c r="B13133">
        <v>185.89</v>
      </c>
      <c r="C13133">
        <v>9527.25</v>
      </c>
      <c r="D13133">
        <v>3.4</v>
      </c>
      <c r="E13133">
        <v>7816.42</v>
      </c>
      <c r="F13133">
        <v>54.2273</v>
      </c>
    </row>
    <row r="13134" spans="1:6" x14ac:dyDescent="0.25">
      <c r="A13134">
        <v>164.04</v>
      </c>
      <c r="B13134">
        <v>185.89</v>
      </c>
      <c r="C13134">
        <v>9527.25</v>
      </c>
      <c r="D13134">
        <v>3.7</v>
      </c>
      <c r="E13134">
        <v>7867.42</v>
      </c>
      <c r="F13134">
        <v>53.569299999999998</v>
      </c>
    </row>
    <row r="13135" spans="1:6" x14ac:dyDescent="0.25">
      <c r="A13135">
        <v>164.04</v>
      </c>
      <c r="B13135">
        <v>185.89</v>
      </c>
      <c r="C13135">
        <v>9527.25</v>
      </c>
      <c r="D13135">
        <v>4</v>
      </c>
      <c r="E13135">
        <v>7137.11</v>
      </c>
      <c r="F13135">
        <v>53.111400000000003</v>
      </c>
    </row>
    <row r="13136" spans="1:6" x14ac:dyDescent="0.25">
      <c r="A13136">
        <v>164.04</v>
      </c>
      <c r="B13136">
        <v>185.89</v>
      </c>
      <c r="C13136">
        <v>11072.7</v>
      </c>
      <c r="D13136">
        <v>1</v>
      </c>
      <c r="E13136">
        <v>8523.0300000000007</v>
      </c>
      <c r="F13136">
        <v>60.063600000000001</v>
      </c>
    </row>
    <row r="13137" spans="1:6" x14ac:dyDescent="0.25">
      <c r="A13137">
        <v>164.04</v>
      </c>
      <c r="B13137">
        <v>185.89</v>
      </c>
      <c r="C13137">
        <v>11072.7</v>
      </c>
      <c r="D13137">
        <v>1.3</v>
      </c>
      <c r="E13137">
        <v>7959.18</v>
      </c>
      <c r="F13137">
        <v>19.363600000000002</v>
      </c>
    </row>
    <row r="13138" spans="1:6" x14ac:dyDescent="0.25">
      <c r="A13138">
        <v>164.04</v>
      </c>
      <c r="B13138">
        <v>185.89</v>
      </c>
      <c r="C13138">
        <v>11072.7</v>
      </c>
      <c r="D13138">
        <v>1.6</v>
      </c>
      <c r="E13138">
        <v>8248.18</v>
      </c>
      <c r="F13138">
        <v>58.347099999999998</v>
      </c>
    </row>
    <row r="13139" spans="1:6" x14ac:dyDescent="0.25">
      <c r="A13139">
        <v>164.04</v>
      </c>
      <c r="B13139">
        <v>185.89</v>
      </c>
      <c r="C13139">
        <v>11072.7</v>
      </c>
      <c r="D13139">
        <v>1.9</v>
      </c>
      <c r="E13139">
        <v>7724.95</v>
      </c>
      <c r="F13139">
        <v>54.973199999999999</v>
      </c>
    </row>
    <row r="13140" spans="1:6" x14ac:dyDescent="0.25">
      <c r="A13140">
        <v>164.04</v>
      </c>
      <c r="B13140">
        <v>185.89</v>
      </c>
      <c r="C13140">
        <v>11072.7</v>
      </c>
      <c r="D13140">
        <v>2.2000000000000002</v>
      </c>
      <c r="E13140">
        <v>7500.18</v>
      </c>
      <c r="F13140">
        <v>52.2196</v>
      </c>
    </row>
    <row r="13141" spans="1:6" x14ac:dyDescent="0.25">
      <c r="A13141">
        <v>164.04</v>
      </c>
      <c r="B13141">
        <v>185.89</v>
      </c>
      <c r="C13141">
        <v>11072.7</v>
      </c>
      <c r="D13141">
        <v>2.5</v>
      </c>
      <c r="E13141">
        <v>7754.59</v>
      </c>
      <c r="F13141">
        <v>50.3643</v>
      </c>
    </row>
    <row r="13142" spans="1:6" x14ac:dyDescent="0.25">
      <c r="A13142">
        <v>164.04</v>
      </c>
      <c r="B13142">
        <v>185.89</v>
      </c>
      <c r="C13142">
        <v>11072.7</v>
      </c>
      <c r="D13142">
        <v>2.8</v>
      </c>
      <c r="E13142">
        <v>7342.18</v>
      </c>
      <c r="F13142">
        <v>56.6813</v>
      </c>
    </row>
    <row r="13143" spans="1:6" x14ac:dyDescent="0.25">
      <c r="A13143">
        <v>164.04</v>
      </c>
      <c r="B13143">
        <v>185.89</v>
      </c>
      <c r="C13143">
        <v>11072.7</v>
      </c>
      <c r="D13143">
        <v>3.1</v>
      </c>
      <c r="E13143">
        <v>7339.91</v>
      </c>
      <c r="F13143">
        <v>55.567799999999998</v>
      </c>
    </row>
    <row r="13144" spans="1:6" x14ac:dyDescent="0.25">
      <c r="A13144">
        <v>164.04</v>
      </c>
      <c r="B13144">
        <v>185.89</v>
      </c>
      <c r="C13144">
        <v>11072.7</v>
      </c>
      <c r="D13144">
        <v>3.4</v>
      </c>
      <c r="E13144">
        <v>7816.42</v>
      </c>
      <c r="F13144">
        <v>54.2273</v>
      </c>
    </row>
    <row r="13145" spans="1:6" x14ac:dyDescent="0.25">
      <c r="A13145">
        <v>164.04</v>
      </c>
      <c r="B13145">
        <v>185.89</v>
      </c>
      <c r="C13145">
        <v>11072.7</v>
      </c>
      <c r="D13145">
        <v>3.7</v>
      </c>
      <c r="E13145">
        <v>7867.42</v>
      </c>
      <c r="F13145">
        <v>53.569299999999998</v>
      </c>
    </row>
    <row r="13146" spans="1:6" x14ac:dyDescent="0.25">
      <c r="A13146">
        <v>164.04</v>
      </c>
      <c r="B13146">
        <v>185.89</v>
      </c>
      <c r="C13146">
        <v>11072.7</v>
      </c>
      <c r="D13146">
        <v>4</v>
      </c>
      <c r="E13146">
        <v>7137.11</v>
      </c>
      <c r="F13146">
        <v>53.111400000000003</v>
      </c>
    </row>
    <row r="13147" spans="1:6" x14ac:dyDescent="0.25">
      <c r="A13147">
        <v>164.04</v>
      </c>
      <c r="B13147">
        <v>185.89</v>
      </c>
      <c r="C13147">
        <v>12618.2</v>
      </c>
      <c r="D13147">
        <v>1</v>
      </c>
      <c r="E13147">
        <v>8523.0300000000007</v>
      </c>
      <c r="F13147">
        <v>60.063600000000001</v>
      </c>
    </row>
    <row r="13148" spans="1:6" x14ac:dyDescent="0.25">
      <c r="A13148">
        <v>164.04</v>
      </c>
      <c r="B13148">
        <v>185.89</v>
      </c>
      <c r="C13148">
        <v>12618.2</v>
      </c>
      <c r="D13148">
        <v>1.3</v>
      </c>
      <c r="E13148">
        <v>7959.18</v>
      </c>
      <c r="F13148">
        <v>19.363600000000002</v>
      </c>
    </row>
    <row r="13149" spans="1:6" x14ac:dyDescent="0.25">
      <c r="A13149">
        <v>164.04</v>
      </c>
      <c r="B13149">
        <v>185.89</v>
      </c>
      <c r="C13149">
        <v>12618.2</v>
      </c>
      <c r="D13149">
        <v>1.6</v>
      </c>
      <c r="E13149">
        <v>8248.18</v>
      </c>
      <c r="F13149">
        <v>58.347099999999998</v>
      </c>
    </row>
    <row r="13150" spans="1:6" x14ac:dyDescent="0.25">
      <c r="A13150">
        <v>164.04</v>
      </c>
      <c r="B13150">
        <v>185.89</v>
      </c>
      <c r="C13150">
        <v>12618.2</v>
      </c>
      <c r="D13150">
        <v>1.9</v>
      </c>
      <c r="E13150">
        <v>7724.95</v>
      </c>
      <c r="F13150">
        <v>54.973199999999999</v>
      </c>
    </row>
    <row r="13151" spans="1:6" x14ac:dyDescent="0.25">
      <c r="A13151">
        <v>164.04</v>
      </c>
      <c r="B13151">
        <v>185.89</v>
      </c>
      <c r="C13151">
        <v>12618.2</v>
      </c>
      <c r="D13151">
        <v>2.2000000000000002</v>
      </c>
      <c r="E13151">
        <v>7500.18</v>
      </c>
      <c r="F13151">
        <v>52.2196</v>
      </c>
    </row>
    <row r="13152" spans="1:6" x14ac:dyDescent="0.25">
      <c r="A13152">
        <v>164.04</v>
      </c>
      <c r="B13152">
        <v>185.89</v>
      </c>
      <c r="C13152">
        <v>12618.2</v>
      </c>
      <c r="D13152">
        <v>2.5</v>
      </c>
      <c r="E13152">
        <v>7754.59</v>
      </c>
      <c r="F13152">
        <v>50.3643</v>
      </c>
    </row>
    <row r="13153" spans="1:6" x14ac:dyDescent="0.25">
      <c r="A13153">
        <v>164.04</v>
      </c>
      <c r="B13153">
        <v>185.89</v>
      </c>
      <c r="C13153">
        <v>12618.2</v>
      </c>
      <c r="D13153">
        <v>2.8</v>
      </c>
      <c r="E13153">
        <v>7342.18</v>
      </c>
      <c r="F13153">
        <v>56.6813</v>
      </c>
    </row>
    <row r="13154" spans="1:6" x14ac:dyDescent="0.25">
      <c r="A13154">
        <v>164.04</v>
      </c>
      <c r="B13154">
        <v>185.89</v>
      </c>
      <c r="C13154">
        <v>12618.2</v>
      </c>
      <c r="D13154">
        <v>3.1</v>
      </c>
      <c r="E13154">
        <v>7339.91</v>
      </c>
      <c r="F13154">
        <v>55.567799999999998</v>
      </c>
    </row>
    <row r="13155" spans="1:6" x14ac:dyDescent="0.25">
      <c r="A13155">
        <v>164.04</v>
      </c>
      <c r="B13155">
        <v>185.89</v>
      </c>
      <c r="C13155">
        <v>12618.2</v>
      </c>
      <c r="D13155">
        <v>3.4</v>
      </c>
      <c r="E13155">
        <v>7816.42</v>
      </c>
      <c r="F13155">
        <v>54.2273</v>
      </c>
    </row>
    <row r="13156" spans="1:6" x14ac:dyDescent="0.25">
      <c r="A13156">
        <v>164.04</v>
      </c>
      <c r="B13156">
        <v>185.89</v>
      </c>
      <c r="C13156">
        <v>12618.2</v>
      </c>
      <c r="D13156">
        <v>3.7</v>
      </c>
      <c r="E13156">
        <v>7867.42</v>
      </c>
      <c r="F13156">
        <v>53.569299999999998</v>
      </c>
    </row>
    <row r="13157" spans="1:6" x14ac:dyDescent="0.25">
      <c r="A13157">
        <v>164.04</v>
      </c>
      <c r="B13157">
        <v>185.89</v>
      </c>
      <c r="C13157">
        <v>12618.2</v>
      </c>
      <c r="D13157">
        <v>4</v>
      </c>
      <c r="E13157">
        <v>7137.11</v>
      </c>
      <c r="F13157">
        <v>53.111400000000003</v>
      </c>
    </row>
    <row r="13158" spans="1:6" x14ac:dyDescent="0.25">
      <c r="A13158">
        <v>164.04</v>
      </c>
      <c r="B13158">
        <v>185.89</v>
      </c>
      <c r="C13158">
        <v>14163.6</v>
      </c>
      <c r="D13158">
        <v>1</v>
      </c>
      <c r="E13158">
        <v>8523.0300000000007</v>
      </c>
      <c r="F13158">
        <v>60.063600000000001</v>
      </c>
    </row>
    <row r="13159" spans="1:6" x14ac:dyDescent="0.25">
      <c r="A13159">
        <v>164.04</v>
      </c>
      <c r="B13159">
        <v>185.89</v>
      </c>
      <c r="C13159">
        <v>14163.6</v>
      </c>
      <c r="D13159">
        <v>1.3</v>
      </c>
      <c r="E13159">
        <v>7959.18</v>
      </c>
      <c r="F13159">
        <v>19.363600000000002</v>
      </c>
    </row>
    <row r="13160" spans="1:6" x14ac:dyDescent="0.25">
      <c r="A13160">
        <v>164.04</v>
      </c>
      <c r="B13160">
        <v>185.89</v>
      </c>
      <c r="C13160">
        <v>14163.6</v>
      </c>
      <c r="D13160">
        <v>1.6</v>
      </c>
      <c r="E13160">
        <v>8248.18</v>
      </c>
      <c r="F13160">
        <v>58.347099999999998</v>
      </c>
    </row>
    <row r="13161" spans="1:6" x14ac:dyDescent="0.25">
      <c r="A13161">
        <v>164.04</v>
      </c>
      <c r="B13161">
        <v>185.89</v>
      </c>
      <c r="C13161">
        <v>14163.6</v>
      </c>
      <c r="D13161">
        <v>1.9</v>
      </c>
      <c r="E13161">
        <v>7724.95</v>
      </c>
      <c r="F13161">
        <v>54.973199999999999</v>
      </c>
    </row>
    <row r="13162" spans="1:6" x14ac:dyDescent="0.25">
      <c r="A13162">
        <v>164.04</v>
      </c>
      <c r="B13162">
        <v>185.89</v>
      </c>
      <c r="C13162">
        <v>14163.6</v>
      </c>
      <c r="D13162">
        <v>2.2000000000000002</v>
      </c>
      <c r="E13162">
        <v>7500.18</v>
      </c>
      <c r="F13162">
        <v>52.2196</v>
      </c>
    </row>
    <row r="13163" spans="1:6" x14ac:dyDescent="0.25">
      <c r="A13163">
        <v>164.04</v>
      </c>
      <c r="B13163">
        <v>185.89</v>
      </c>
      <c r="C13163">
        <v>14163.6</v>
      </c>
      <c r="D13163">
        <v>2.5</v>
      </c>
      <c r="E13163">
        <v>7754.59</v>
      </c>
      <c r="F13163">
        <v>50.3643</v>
      </c>
    </row>
    <row r="13164" spans="1:6" x14ac:dyDescent="0.25">
      <c r="A13164">
        <v>164.04</v>
      </c>
      <c r="B13164">
        <v>185.89</v>
      </c>
      <c r="C13164">
        <v>14163.6</v>
      </c>
      <c r="D13164">
        <v>2.8</v>
      </c>
      <c r="E13164">
        <v>7342.18</v>
      </c>
      <c r="F13164">
        <v>56.6813</v>
      </c>
    </row>
    <row r="13165" spans="1:6" x14ac:dyDescent="0.25">
      <c r="A13165">
        <v>164.04</v>
      </c>
      <c r="B13165">
        <v>185.89</v>
      </c>
      <c r="C13165">
        <v>14163.6</v>
      </c>
      <c r="D13165">
        <v>3.1</v>
      </c>
      <c r="E13165">
        <v>7339.91</v>
      </c>
      <c r="F13165">
        <v>55.567799999999998</v>
      </c>
    </row>
    <row r="13166" spans="1:6" x14ac:dyDescent="0.25">
      <c r="A13166">
        <v>164.04</v>
      </c>
      <c r="B13166">
        <v>185.89</v>
      </c>
      <c r="C13166">
        <v>14163.6</v>
      </c>
      <c r="D13166">
        <v>3.4</v>
      </c>
      <c r="E13166">
        <v>7816.42</v>
      </c>
      <c r="F13166">
        <v>54.2273</v>
      </c>
    </row>
    <row r="13167" spans="1:6" x14ac:dyDescent="0.25">
      <c r="A13167">
        <v>164.04</v>
      </c>
      <c r="B13167">
        <v>185.89</v>
      </c>
      <c r="C13167">
        <v>14163.6</v>
      </c>
      <c r="D13167">
        <v>3.7</v>
      </c>
      <c r="E13167">
        <v>7867.42</v>
      </c>
      <c r="F13167">
        <v>53.569299999999998</v>
      </c>
    </row>
    <row r="13168" spans="1:6" x14ac:dyDescent="0.25">
      <c r="A13168">
        <v>164.04</v>
      </c>
      <c r="B13168">
        <v>185.89</v>
      </c>
      <c r="C13168">
        <v>14163.6</v>
      </c>
      <c r="D13168">
        <v>4</v>
      </c>
      <c r="E13168">
        <v>7137.11</v>
      </c>
      <c r="F13168">
        <v>53.111400000000003</v>
      </c>
    </row>
    <row r="13169" spans="1:6" x14ac:dyDescent="0.25">
      <c r="A13169">
        <v>164.04</v>
      </c>
      <c r="B13169">
        <v>185.89</v>
      </c>
      <c r="C13169">
        <v>15709.1</v>
      </c>
      <c r="D13169">
        <v>1</v>
      </c>
      <c r="E13169">
        <v>8523.0300000000007</v>
      </c>
      <c r="F13169">
        <v>60.063600000000001</v>
      </c>
    </row>
    <row r="13170" spans="1:6" x14ac:dyDescent="0.25">
      <c r="A13170">
        <v>164.04</v>
      </c>
      <c r="B13170">
        <v>185.89</v>
      </c>
      <c r="C13170">
        <v>15709.1</v>
      </c>
      <c r="D13170">
        <v>1.3</v>
      </c>
      <c r="E13170">
        <v>7959.18</v>
      </c>
      <c r="F13170">
        <v>19.363600000000002</v>
      </c>
    </row>
    <row r="13171" spans="1:6" x14ac:dyDescent="0.25">
      <c r="A13171">
        <v>164.04</v>
      </c>
      <c r="B13171">
        <v>185.89</v>
      </c>
      <c r="C13171">
        <v>15709.1</v>
      </c>
      <c r="D13171">
        <v>1.6</v>
      </c>
      <c r="E13171">
        <v>8248.18</v>
      </c>
      <c r="F13171">
        <v>58.347099999999998</v>
      </c>
    </row>
    <row r="13172" spans="1:6" x14ac:dyDescent="0.25">
      <c r="A13172">
        <v>164.04</v>
      </c>
      <c r="B13172">
        <v>185.89</v>
      </c>
      <c r="C13172">
        <v>15709.1</v>
      </c>
      <c r="D13172">
        <v>1.9</v>
      </c>
      <c r="E13172">
        <v>7724.95</v>
      </c>
      <c r="F13172">
        <v>54.973199999999999</v>
      </c>
    </row>
    <row r="13173" spans="1:6" x14ac:dyDescent="0.25">
      <c r="A13173">
        <v>164.04</v>
      </c>
      <c r="B13173">
        <v>185.89</v>
      </c>
      <c r="C13173">
        <v>15709.1</v>
      </c>
      <c r="D13173">
        <v>2.2000000000000002</v>
      </c>
      <c r="E13173">
        <v>7500.18</v>
      </c>
      <c r="F13173">
        <v>52.2196</v>
      </c>
    </row>
    <row r="13174" spans="1:6" x14ac:dyDescent="0.25">
      <c r="A13174">
        <v>164.04</v>
      </c>
      <c r="B13174">
        <v>185.89</v>
      </c>
      <c r="C13174">
        <v>15709.1</v>
      </c>
      <c r="D13174">
        <v>2.5</v>
      </c>
      <c r="E13174">
        <v>7754.59</v>
      </c>
      <c r="F13174">
        <v>50.3643</v>
      </c>
    </row>
    <row r="13175" spans="1:6" x14ac:dyDescent="0.25">
      <c r="A13175">
        <v>164.04</v>
      </c>
      <c r="B13175">
        <v>185.89</v>
      </c>
      <c r="C13175">
        <v>15709.1</v>
      </c>
      <c r="D13175">
        <v>2.8</v>
      </c>
      <c r="E13175">
        <v>7342.18</v>
      </c>
      <c r="F13175">
        <v>56.6813</v>
      </c>
    </row>
    <row r="13176" spans="1:6" x14ac:dyDescent="0.25">
      <c r="A13176">
        <v>164.04</v>
      </c>
      <c r="B13176">
        <v>185.89</v>
      </c>
      <c r="C13176">
        <v>15709.1</v>
      </c>
      <c r="D13176">
        <v>3.1</v>
      </c>
      <c r="E13176">
        <v>7339.91</v>
      </c>
      <c r="F13176">
        <v>55.567799999999998</v>
      </c>
    </row>
    <row r="13177" spans="1:6" x14ac:dyDescent="0.25">
      <c r="A13177">
        <v>164.04</v>
      </c>
      <c r="B13177">
        <v>185.89</v>
      </c>
      <c r="C13177">
        <v>15709.1</v>
      </c>
      <c r="D13177">
        <v>3.4</v>
      </c>
      <c r="E13177">
        <v>7816.42</v>
      </c>
      <c r="F13177">
        <v>54.2273</v>
      </c>
    </row>
    <row r="13178" spans="1:6" x14ac:dyDescent="0.25">
      <c r="A13178">
        <v>164.04</v>
      </c>
      <c r="B13178">
        <v>185.89</v>
      </c>
      <c r="C13178">
        <v>15709.1</v>
      </c>
      <c r="D13178">
        <v>3.7</v>
      </c>
      <c r="E13178">
        <v>7867.42</v>
      </c>
      <c r="F13178">
        <v>53.569299999999998</v>
      </c>
    </row>
    <row r="13179" spans="1:6" x14ac:dyDescent="0.25">
      <c r="A13179">
        <v>164.04</v>
      </c>
      <c r="B13179">
        <v>185.89</v>
      </c>
      <c r="C13179">
        <v>15709.1</v>
      </c>
      <c r="D13179">
        <v>4</v>
      </c>
      <c r="E13179">
        <v>7137.11</v>
      </c>
      <c r="F13179">
        <v>53.111400000000003</v>
      </c>
    </row>
    <row r="13180" spans="1:6" x14ac:dyDescent="0.25">
      <c r="A13180">
        <v>164.04</v>
      </c>
      <c r="B13180">
        <v>185.89</v>
      </c>
      <c r="C13180">
        <v>17254.5</v>
      </c>
      <c r="D13180">
        <v>1</v>
      </c>
      <c r="E13180">
        <v>8523.0300000000007</v>
      </c>
      <c r="F13180">
        <v>60.063600000000001</v>
      </c>
    </row>
    <row r="13181" spans="1:6" x14ac:dyDescent="0.25">
      <c r="A13181">
        <v>164.04</v>
      </c>
      <c r="B13181">
        <v>185.89</v>
      </c>
      <c r="C13181">
        <v>17254.5</v>
      </c>
      <c r="D13181">
        <v>1.3</v>
      </c>
      <c r="E13181">
        <v>7959.18</v>
      </c>
      <c r="F13181">
        <v>19.363600000000002</v>
      </c>
    </row>
    <row r="13182" spans="1:6" x14ac:dyDescent="0.25">
      <c r="A13182">
        <v>164.04</v>
      </c>
      <c r="B13182">
        <v>185.89</v>
      </c>
      <c r="C13182">
        <v>17254.5</v>
      </c>
      <c r="D13182">
        <v>1.6</v>
      </c>
      <c r="E13182">
        <v>8248.18</v>
      </c>
      <c r="F13182">
        <v>58.347099999999998</v>
      </c>
    </row>
    <row r="13183" spans="1:6" x14ac:dyDescent="0.25">
      <c r="A13183">
        <v>164.04</v>
      </c>
      <c r="B13183">
        <v>185.89</v>
      </c>
      <c r="C13183">
        <v>17254.5</v>
      </c>
      <c r="D13183">
        <v>1.9</v>
      </c>
      <c r="E13183">
        <v>7724.95</v>
      </c>
      <c r="F13183">
        <v>54.973199999999999</v>
      </c>
    </row>
    <row r="13184" spans="1:6" x14ac:dyDescent="0.25">
      <c r="A13184">
        <v>164.04</v>
      </c>
      <c r="B13184">
        <v>185.89</v>
      </c>
      <c r="C13184">
        <v>17254.5</v>
      </c>
      <c r="D13184">
        <v>2.2000000000000002</v>
      </c>
      <c r="E13184">
        <v>7500.18</v>
      </c>
      <c r="F13184">
        <v>52.2196</v>
      </c>
    </row>
    <row r="13185" spans="1:6" x14ac:dyDescent="0.25">
      <c r="A13185">
        <v>164.04</v>
      </c>
      <c r="B13185">
        <v>185.89</v>
      </c>
      <c r="C13185">
        <v>17254.5</v>
      </c>
      <c r="D13185">
        <v>2.5</v>
      </c>
      <c r="E13185">
        <v>7754.59</v>
      </c>
      <c r="F13185">
        <v>50.3643</v>
      </c>
    </row>
    <row r="13186" spans="1:6" x14ac:dyDescent="0.25">
      <c r="A13186">
        <v>164.04</v>
      </c>
      <c r="B13186">
        <v>185.89</v>
      </c>
      <c r="C13186">
        <v>17254.5</v>
      </c>
      <c r="D13186">
        <v>2.8</v>
      </c>
      <c r="E13186">
        <v>7342.18</v>
      </c>
      <c r="F13186">
        <v>56.6813</v>
      </c>
    </row>
    <row r="13187" spans="1:6" x14ac:dyDescent="0.25">
      <c r="A13187">
        <v>164.04</v>
      </c>
      <c r="B13187">
        <v>185.89</v>
      </c>
      <c r="C13187">
        <v>17254.5</v>
      </c>
      <c r="D13187">
        <v>3.1</v>
      </c>
      <c r="E13187">
        <v>7339.91</v>
      </c>
      <c r="F13187">
        <v>55.567799999999998</v>
      </c>
    </row>
    <row r="13188" spans="1:6" x14ac:dyDescent="0.25">
      <c r="A13188">
        <v>164.04</v>
      </c>
      <c r="B13188">
        <v>185.89</v>
      </c>
      <c r="C13188">
        <v>17254.5</v>
      </c>
      <c r="D13188">
        <v>3.4</v>
      </c>
      <c r="E13188">
        <v>7816.42</v>
      </c>
      <c r="F13188">
        <v>54.2273</v>
      </c>
    </row>
    <row r="13189" spans="1:6" x14ac:dyDescent="0.25">
      <c r="A13189">
        <v>164.04</v>
      </c>
      <c r="B13189">
        <v>185.89</v>
      </c>
      <c r="C13189">
        <v>17254.5</v>
      </c>
      <c r="D13189">
        <v>3.7</v>
      </c>
      <c r="E13189">
        <v>7867.42</v>
      </c>
      <c r="F13189">
        <v>53.569299999999998</v>
      </c>
    </row>
    <row r="13190" spans="1:6" x14ac:dyDescent="0.25">
      <c r="A13190">
        <v>164.04</v>
      </c>
      <c r="B13190">
        <v>185.89</v>
      </c>
      <c r="C13190">
        <v>17254.5</v>
      </c>
      <c r="D13190">
        <v>4</v>
      </c>
      <c r="E13190">
        <v>7137.11</v>
      </c>
      <c r="F13190">
        <v>53.111400000000003</v>
      </c>
    </row>
    <row r="13191" spans="1:6" x14ac:dyDescent="0.25">
      <c r="A13191">
        <v>164.04</v>
      </c>
      <c r="B13191">
        <v>185.89</v>
      </c>
      <c r="C13191">
        <v>18800</v>
      </c>
      <c r="D13191">
        <v>1</v>
      </c>
      <c r="E13191">
        <v>8523.0300000000007</v>
      </c>
      <c r="F13191">
        <v>60.063600000000001</v>
      </c>
    </row>
    <row r="13192" spans="1:6" x14ac:dyDescent="0.25">
      <c r="A13192">
        <v>164.04</v>
      </c>
      <c r="B13192">
        <v>185.89</v>
      </c>
      <c r="C13192">
        <v>18800</v>
      </c>
      <c r="D13192">
        <v>1.3</v>
      </c>
      <c r="E13192">
        <v>7959.18</v>
      </c>
      <c r="F13192">
        <v>19.363600000000002</v>
      </c>
    </row>
    <row r="13193" spans="1:6" x14ac:dyDescent="0.25">
      <c r="A13193">
        <v>164.04</v>
      </c>
      <c r="B13193">
        <v>185.89</v>
      </c>
      <c r="C13193">
        <v>18800</v>
      </c>
      <c r="D13193">
        <v>1.6</v>
      </c>
      <c r="E13193">
        <v>8248.18</v>
      </c>
      <c r="F13193">
        <v>58.347099999999998</v>
      </c>
    </row>
    <row r="13194" spans="1:6" x14ac:dyDescent="0.25">
      <c r="A13194">
        <v>164.04</v>
      </c>
      <c r="B13194">
        <v>185.89</v>
      </c>
      <c r="C13194">
        <v>18800</v>
      </c>
      <c r="D13194">
        <v>1.9</v>
      </c>
      <c r="E13194">
        <v>7724.95</v>
      </c>
      <c r="F13194">
        <v>54.973199999999999</v>
      </c>
    </row>
    <row r="13195" spans="1:6" x14ac:dyDescent="0.25">
      <c r="A13195">
        <v>164.04</v>
      </c>
      <c r="B13195">
        <v>185.89</v>
      </c>
      <c r="C13195">
        <v>18800</v>
      </c>
      <c r="D13195">
        <v>2.2000000000000002</v>
      </c>
      <c r="E13195">
        <v>7500.18</v>
      </c>
      <c r="F13195">
        <v>52.2196</v>
      </c>
    </row>
    <row r="13196" spans="1:6" x14ac:dyDescent="0.25">
      <c r="A13196">
        <v>164.04</v>
      </c>
      <c r="B13196">
        <v>185.89</v>
      </c>
      <c r="C13196">
        <v>18800</v>
      </c>
      <c r="D13196">
        <v>2.5</v>
      </c>
      <c r="E13196">
        <v>7754.59</v>
      </c>
      <c r="F13196">
        <v>50.3643</v>
      </c>
    </row>
    <row r="13197" spans="1:6" x14ac:dyDescent="0.25">
      <c r="A13197">
        <v>164.04</v>
      </c>
      <c r="B13197">
        <v>185.89</v>
      </c>
      <c r="C13197">
        <v>18800</v>
      </c>
      <c r="D13197">
        <v>2.8</v>
      </c>
      <c r="E13197">
        <v>7342.18</v>
      </c>
      <c r="F13197">
        <v>56.6813</v>
      </c>
    </row>
    <row r="13198" spans="1:6" x14ac:dyDescent="0.25">
      <c r="A13198">
        <v>164.04</v>
      </c>
      <c r="B13198">
        <v>185.89</v>
      </c>
      <c r="C13198">
        <v>18800</v>
      </c>
      <c r="D13198">
        <v>3.1</v>
      </c>
      <c r="E13198">
        <v>7339.91</v>
      </c>
      <c r="F13198">
        <v>55.567799999999998</v>
      </c>
    </row>
    <row r="13199" spans="1:6" x14ac:dyDescent="0.25">
      <c r="A13199">
        <v>164.04</v>
      </c>
      <c r="B13199">
        <v>185.89</v>
      </c>
      <c r="C13199">
        <v>18800</v>
      </c>
      <c r="D13199">
        <v>3.4</v>
      </c>
      <c r="E13199">
        <v>7816.42</v>
      </c>
      <c r="F13199">
        <v>54.2273</v>
      </c>
    </row>
    <row r="13200" spans="1:6" x14ac:dyDescent="0.25">
      <c r="A13200">
        <v>164.04</v>
      </c>
      <c r="B13200">
        <v>185.89</v>
      </c>
      <c r="C13200">
        <v>18800</v>
      </c>
      <c r="D13200">
        <v>3.7</v>
      </c>
      <c r="E13200">
        <v>7867.42</v>
      </c>
      <c r="F13200">
        <v>53.569299999999998</v>
      </c>
    </row>
    <row r="13201" spans="1:6" x14ac:dyDescent="0.25">
      <c r="A13201">
        <v>164.04</v>
      </c>
      <c r="B13201">
        <v>185.89</v>
      </c>
      <c r="C13201">
        <v>18800</v>
      </c>
      <c r="D13201">
        <v>4</v>
      </c>
      <c r="E13201">
        <v>7137.11</v>
      </c>
      <c r="F13201">
        <v>53.111400000000003</v>
      </c>
    </row>
    <row r="13202" spans="1:6" x14ac:dyDescent="0.25">
      <c r="A13202">
        <v>164.04</v>
      </c>
      <c r="B13202">
        <v>189.52</v>
      </c>
      <c r="C13202">
        <v>1800</v>
      </c>
      <c r="D13202">
        <v>1</v>
      </c>
      <c r="E13202">
        <v>5333.32</v>
      </c>
      <c r="F13202">
        <v>60.063600000000001</v>
      </c>
    </row>
    <row r="13203" spans="1:6" x14ac:dyDescent="0.25">
      <c r="A13203">
        <v>164.04</v>
      </c>
      <c r="B13203">
        <v>189.52</v>
      </c>
      <c r="C13203">
        <v>1800</v>
      </c>
      <c r="D13203">
        <v>1.3</v>
      </c>
      <c r="E13203">
        <v>4722.7299999999996</v>
      </c>
      <c r="F13203">
        <v>23.903600000000001</v>
      </c>
    </row>
    <row r="13204" spans="1:6" x14ac:dyDescent="0.25">
      <c r="A13204">
        <v>164.04</v>
      </c>
      <c r="B13204">
        <v>189.52</v>
      </c>
      <c r="C13204">
        <v>1800</v>
      </c>
      <c r="D13204">
        <v>1.6</v>
      </c>
      <c r="E13204">
        <v>4319.08</v>
      </c>
      <c r="F13204">
        <v>53.918999999999997</v>
      </c>
    </row>
    <row r="13205" spans="1:6" x14ac:dyDescent="0.25">
      <c r="A13205">
        <v>164.04</v>
      </c>
      <c r="B13205">
        <v>189.52</v>
      </c>
      <c r="C13205">
        <v>1800</v>
      </c>
      <c r="D13205">
        <v>1.9</v>
      </c>
      <c r="E13205">
        <v>4030.55</v>
      </c>
      <c r="F13205">
        <v>50.161099999999998</v>
      </c>
    </row>
    <row r="13206" spans="1:6" x14ac:dyDescent="0.25">
      <c r="A13206">
        <v>164.04</v>
      </c>
      <c r="B13206">
        <v>189.52</v>
      </c>
      <c r="C13206">
        <v>1800</v>
      </c>
      <c r="D13206">
        <v>2.2000000000000002</v>
      </c>
      <c r="E13206">
        <v>3823.87</v>
      </c>
      <c r="F13206">
        <v>45.844200000000001</v>
      </c>
    </row>
    <row r="13207" spans="1:6" x14ac:dyDescent="0.25">
      <c r="A13207">
        <v>164.04</v>
      </c>
      <c r="B13207">
        <v>189.52</v>
      </c>
      <c r="C13207">
        <v>1800</v>
      </c>
      <c r="D13207">
        <v>2.5</v>
      </c>
      <c r="E13207">
        <v>3602.15</v>
      </c>
      <c r="F13207">
        <v>56.165599999999998</v>
      </c>
    </row>
    <row r="13208" spans="1:6" x14ac:dyDescent="0.25">
      <c r="A13208">
        <v>164.04</v>
      </c>
      <c r="B13208">
        <v>189.52</v>
      </c>
      <c r="C13208">
        <v>1800</v>
      </c>
      <c r="D13208">
        <v>2.8</v>
      </c>
      <c r="E13208">
        <v>3535.2</v>
      </c>
      <c r="F13208">
        <v>54.323599999999999</v>
      </c>
    </row>
    <row r="13209" spans="1:6" x14ac:dyDescent="0.25">
      <c r="A13209">
        <v>164.04</v>
      </c>
      <c r="B13209">
        <v>189.52</v>
      </c>
      <c r="C13209">
        <v>1800</v>
      </c>
      <c r="D13209">
        <v>3.1</v>
      </c>
      <c r="E13209">
        <v>3426.32</v>
      </c>
      <c r="F13209">
        <v>57.230800000000002</v>
      </c>
    </row>
    <row r="13210" spans="1:6" x14ac:dyDescent="0.25">
      <c r="A13210">
        <v>164.04</v>
      </c>
      <c r="B13210">
        <v>189.52</v>
      </c>
      <c r="C13210">
        <v>1800</v>
      </c>
      <c r="D13210">
        <v>3.4</v>
      </c>
      <c r="E13210">
        <v>3316.37</v>
      </c>
      <c r="F13210">
        <v>60.2742</v>
      </c>
    </row>
    <row r="13211" spans="1:6" x14ac:dyDescent="0.25">
      <c r="A13211">
        <v>164.04</v>
      </c>
      <c r="B13211">
        <v>189.52</v>
      </c>
      <c r="C13211">
        <v>1800</v>
      </c>
      <c r="D13211">
        <v>3.7</v>
      </c>
      <c r="E13211">
        <v>3227.96</v>
      </c>
      <c r="F13211">
        <v>63.793399999999998</v>
      </c>
    </row>
    <row r="13212" spans="1:6" x14ac:dyDescent="0.25">
      <c r="A13212">
        <v>164.04</v>
      </c>
      <c r="B13212">
        <v>189.52</v>
      </c>
      <c r="C13212">
        <v>1800</v>
      </c>
      <c r="D13212">
        <v>4</v>
      </c>
      <c r="E13212">
        <v>3176.62</v>
      </c>
      <c r="F13212">
        <v>65.063599999999994</v>
      </c>
    </row>
    <row r="13213" spans="1:6" x14ac:dyDescent="0.25">
      <c r="A13213">
        <v>164.04</v>
      </c>
      <c r="B13213">
        <v>189.52</v>
      </c>
      <c r="C13213">
        <v>3345.45</v>
      </c>
      <c r="D13213">
        <v>1</v>
      </c>
      <c r="E13213">
        <v>6745.84</v>
      </c>
      <c r="F13213">
        <v>60.063600000000001</v>
      </c>
    </row>
    <row r="13214" spans="1:6" x14ac:dyDescent="0.25">
      <c r="A13214">
        <v>164.04</v>
      </c>
      <c r="B13214">
        <v>189.52</v>
      </c>
      <c r="C13214">
        <v>3345.45</v>
      </c>
      <c r="D13214">
        <v>1.3</v>
      </c>
      <c r="E13214">
        <v>6109.04</v>
      </c>
      <c r="F13214">
        <v>19.363600000000002</v>
      </c>
    </row>
    <row r="13215" spans="1:6" x14ac:dyDescent="0.25">
      <c r="A13215">
        <v>164.04</v>
      </c>
      <c r="B13215">
        <v>189.52</v>
      </c>
      <c r="C13215">
        <v>3345.45</v>
      </c>
      <c r="D13215">
        <v>1.6</v>
      </c>
      <c r="E13215">
        <v>5821.33</v>
      </c>
      <c r="F13215">
        <v>58.347099999999998</v>
      </c>
    </row>
    <row r="13216" spans="1:6" x14ac:dyDescent="0.25">
      <c r="A13216">
        <v>164.04</v>
      </c>
      <c r="B13216">
        <v>189.52</v>
      </c>
      <c r="C13216">
        <v>3345.45</v>
      </c>
      <c r="D13216">
        <v>1.9</v>
      </c>
      <c r="E13216">
        <v>5451.67</v>
      </c>
      <c r="F13216">
        <v>54.973199999999999</v>
      </c>
    </row>
    <row r="13217" spans="1:6" x14ac:dyDescent="0.25">
      <c r="A13217">
        <v>164.04</v>
      </c>
      <c r="B13217">
        <v>189.52</v>
      </c>
      <c r="C13217">
        <v>3345.45</v>
      </c>
      <c r="D13217">
        <v>2.2000000000000002</v>
      </c>
      <c r="E13217">
        <v>5062.42</v>
      </c>
      <c r="F13217">
        <v>52.2196</v>
      </c>
    </row>
    <row r="13218" spans="1:6" x14ac:dyDescent="0.25">
      <c r="A13218">
        <v>164.04</v>
      </c>
      <c r="B13218">
        <v>189.52</v>
      </c>
      <c r="C13218">
        <v>3345.45</v>
      </c>
      <c r="D13218">
        <v>2.5</v>
      </c>
      <c r="E13218">
        <v>4883.03</v>
      </c>
      <c r="F13218">
        <v>50.3643</v>
      </c>
    </row>
    <row r="13219" spans="1:6" x14ac:dyDescent="0.25">
      <c r="A13219">
        <v>164.04</v>
      </c>
      <c r="B13219">
        <v>189.52</v>
      </c>
      <c r="C13219">
        <v>3345.45</v>
      </c>
      <c r="D13219">
        <v>2.8</v>
      </c>
      <c r="E13219">
        <v>4890.63</v>
      </c>
      <c r="F13219">
        <v>56.6813</v>
      </c>
    </row>
    <row r="13220" spans="1:6" x14ac:dyDescent="0.25">
      <c r="A13220">
        <v>164.04</v>
      </c>
      <c r="B13220">
        <v>189.52</v>
      </c>
      <c r="C13220">
        <v>3345.45</v>
      </c>
      <c r="D13220">
        <v>3.1</v>
      </c>
      <c r="E13220">
        <v>4639.37</v>
      </c>
      <c r="F13220">
        <v>55.567799999999998</v>
      </c>
    </row>
    <row r="13221" spans="1:6" x14ac:dyDescent="0.25">
      <c r="A13221">
        <v>164.04</v>
      </c>
      <c r="B13221">
        <v>189.52</v>
      </c>
      <c r="C13221">
        <v>3345.45</v>
      </c>
      <c r="D13221">
        <v>3.4</v>
      </c>
      <c r="E13221">
        <v>4551.45</v>
      </c>
      <c r="F13221">
        <v>54.2273</v>
      </c>
    </row>
    <row r="13222" spans="1:6" x14ac:dyDescent="0.25">
      <c r="A13222">
        <v>164.04</v>
      </c>
      <c r="B13222">
        <v>189.52</v>
      </c>
      <c r="C13222">
        <v>3345.45</v>
      </c>
      <c r="D13222">
        <v>3.7</v>
      </c>
      <c r="E13222">
        <v>4528.8599999999997</v>
      </c>
      <c r="F13222">
        <v>53.569299999999998</v>
      </c>
    </row>
    <row r="13223" spans="1:6" x14ac:dyDescent="0.25">
      <c r="A13223">
        <v>164.04</v>
      </c>
      <c r="B13223">
        <v>189.52</v>
      </c>
      <c r="C13223">
        <v>3345.45</v>
      </c>
      <c r="D13223">
        <v>4</v>
      </c>
      <c r="E13223">
        <v>4481.87</v>
      </c>
      <c r="F13223">
        <v>53.111400000000003</v>
      </c>
    </row>
    <row r="13224" spans="1:6" x14ac:dyDescent="0.25">
      <c r="A13224">
        <v>164.04</v>
      </c>
      <c r="B13224">
        <v>189.52</v>
      </c>
      <c r="C13224">
        <v>4890.8999999999996</v>
      </c>
      <c r="D13224">
        <v>1</v>
      </c>
      <c r="E13224">
        <v>8223.67</v>
      </c>
      <c r="F13224">
        <v>60.063600000000001</v>
      </c>
    </row>
    <row r="13225" spans="1:6" x14ac:dyDescent="0.25">
      <c r="A13225">
        <v>164.04</v>
      </c>
      <c r="B13225">
        <v>189.52</v>
      </c>
      <c r="C13225">
        <v>4890.8999999999996</v>
      </c>
      <c r="D13225">
        <v>1.3</v>
      </c>
      <c r="E13225">
        <v>7537.45</v>
      </c>
      <c r="F13225">
        <v>19.363600000000002</v>
      </c>
    </row>
    <row r="13226" spans="1:6" x14ac:dyDescent="0.25">
      <c r="A13226">
        <v>164.04</v>
      </c>
      <c r="B13226">
        <v>189.52</v>
      </c>
      <c r="C13226">
        <v>4890.8999999999996</v>
      </c>
      <c r="D13226">
        <v>1.6</v>
      </c>
      <c r="E13226">
        <v>7135.46</v>
      </c>
      <c r="F13226">
        <v>58.347099999999998</v>
      </c>
    </row>
    <row r="13227" spans="1:6" x14ac:dyDescent="0.25">
      <c r="A13227">
        <v>164.04</v>
      </c>
      <c r="B13227">
        <v>189.52</v>
      </c>
      <c r="C13227">
        <v>4890.8999999999996</v>
      </c>
      <c r="D13227">
        <v>1.9</v>
      </c>
      <c r="E13227">
        <v>6882.09</v>
      </c>
      <c r="F13227">
        <v>54.973199999999999</v>
      </c>
    </row>
    <row r="13228" spans="1:6" x14ac:dyDescent="0.25">
      <c r="A13228">
        <v>164.04</v>
      </c>
      <c r="B13228">
        <v>189.52</v>
      </c>
      <c r="C13228">
        <v>4890.8999999999996</v>
      </c>
      <c r="D13228">
        <v>2.2000000000000002</v>
      </c>
      <c r="E13228">
        <v>6500.55</v>
      </c>
      <c r="F13228">
        <v>52.2196</v>
      </c>
    </row>
    <row r="13229" spans="1:6" x14ac:dyDescent="0.25">
      <c r="A13229">
        <v>164.04</v>
      </c>
      <c r="B13229">
        <v>189.52</v>
      </c>
      <c r="C13229">
        <v>4890.8999999999996</v>
      </c>
      <c r="D13229">
        <v>2.5</v>
      </c>
      <c r="E13229">
        <v>6317.74</v>
      </c>
      <c r="F13229">
        <v>50.3643</v>
      </c>
    </row>
    <row r="13230" spans="1:6" x14ac:dyDescent="0.25">
      <c r="A13230">
        <v>164.04</v>
      </c>
      <c r="B13230">
        <v>189.52</v>
      </c>
      <c r="C13230">
        <v>4890.8999999999996</v>
      </c>
      <c r="D13230">
        <v>2.8</v>
      </c>
      <c r="E13230">
        <v>6209.96</v>
      </c>
      <c r="F13230">
        <v>56.6813</v>
      </c>
    </row>
    <row r="13231" spans="1:6" x14ac:dyDescent="0.25">
      <c r="A13231">
        <v>164.04</v>
      </c>
      <c r="B13231">
        <v>189.52</v>
      </c>
      <c r="C13231">
        <v>4890.8999999999996</v>
      </c>
      <c r="D13231">
        <v>3.1</v>
      </c>
      <c r="E13231">
        <v>6085.27</v>
      </c>
      <c r="F13231">
        <v>55.567799999999998</v>
      </c>
    </row>
    <row r="13232" spans="1:6" x14ac:dyDescent="0.25">
      <c r="A13232">
        <v>164.04</v>
      </c>
      <c r="B13232">
        <v>189.52</v>
      </c>
      <c r="C13232">
        <v>4890.8999999999996</v>
      </c>
      <c r="D13232">
        <v>3.4</v>
      </c>
      <c r="E13232">
        <v>6118.75</v>
      </c>
      <c r="F13232">
        <v>54.2273</v>
      </c>
    </row>
    <row r="13233" spans="1:6" x14ac:dyDescent="0.25">
      <c r="A13233">
        <v>164.04</v>
      </c>
      <c r="B13233">
        <v>189.52</v>
      </c>
      <c r="C13233">
        <v>4890.8999999999996</v>
      </c>
      <c r="D13233">
        <v>3.7</v>
      </c>
      <c r="E13233">
        <v>6030.15</v>
      </c>
      <c r="F13233">
        <v>53.569299999999998</v>
      </c>
    </row>
    <row r="13234" spans="1:6" x14ac:dyDescent="0.25">
      <c r="A13234">
        <v>164.04</v>
      </c>
      <c r="B13234">
        <v>189.52</v>
      </c>
      <c r="C13234">
        <v>4890.8999999999996</v>
      </c>
      <c r="D13234">
        <v>4</v>
      </c>
      <c r="E13234">
        <v>5839.64</v>
      </c>
      <c r="F13234">
        <v>53.111400000000003</v>
      </c>
    </row>
    <row r="13235" spans="1:6" x14ac:dyDescent="0.25">
      <c r="A13235">
        <v>164.04</v>
      </c>
      <c r="B13235">
        <v>189.52</v>
      </c>
      <c r="C13235">
        <v>6436.35</v>
      </c>
      <c r="D13235">
        <v>1</v>
      </c>
      <c r="E13235">
        <v>8523.0300000000007</v>
      </c>
      <c r="F13235">
        <v>60.063600000000001</v>
      </c>
    </row>
    <row r="13236" spans="1:6" x14ac:dyDescent="0.25">
      <c r="A13236">
        <v>164.04</v>
      </c>
      <c r="B13236">
        <v>189.52</v>
      </c>
      <c r="C13236">
        <v>6436.35</v>
      </c>
      <c r="D13236">
        <v>1.3</v>
      </c>
      <c r="E13236">
        <v>7959.18</v>
      </c>
      <c r="F13236">
        <v>19.363600000000002</v>
      </c>
    </row>
    <row r="13237" spans="1:6" x14ac:dyDescent="0.25">
      <c r="A13237">
        <v>164.04</v>
      </c>
      <c r="B13237">
        <v>189.52</v>
      </c>
      <c r="C13237">
        <v>6436.35</v>
      </c>
      <c r="D13237">
        <v>1.6</v>
      </c>
      <c r="E13237">
        <v>8248.18</v>
      </c>
      <c r="F13237">
        <v>58.347099999999998</v>
      </c>
    </row>
    <row r="13238" spans="1:6" x14ac:dyDescent="0.25">
      <c r="A13238">
        <v>164.04</v>
      </c>
      <c r="B13238">
        <v>189.52</v>
      </c>
      <c r="C13238">
        <v>6436.35</v>
      </c>
      <c r="D13238">
        <v>1.9</v>
      </c>
      <c r="E13238">
        <v>7724.95</v>
      </c>
      <c r="F13238">
        <v>54.973199999999999</v>
      </c>
    </row>
    <row r="13239" spans="1:6" x14ac:dyDescent="0.25">
      <c r="A13239">
        <v>164.04</v>
      </c>
      <c r="B13239">
        <v>189.52</v>
      </c>
      <c r="C13239">
        <v>6436.35</v>
      </c>
      <c r="D13239">
        <v>2.2000000000000002</v>
      </c>
      <c r="E13239">
        <v>7500.18</v>
      </c>
      <c r="F13239">
        <v>52.2196</v>
      </c>
    </row>
    <row r="13240" spans="1:6" x14ac:dyDescent="0.25">
      <c r="A13240">
        <v>164.04</v>
      </c>
      <c r="B13240">
        <v>189.52</v>
      </c>
      <c r="C13240">
        <v>6436.35</v>
      </c>
      <c r="D13240">
        <v>2.5</v>
      </c>
      <c r="E13240">
        <v>7498.37</v>
      </c>
      <c r="F13240">
        <v>50.3643</v>
      </c>
    </row>
    <row r="13241" spans="1:6" x14ac:dyDescent="0.25">
      <c r="A13241">
        <v>164.04</v>
      </c>
      <c r="B13241">
        <v>189.52</v>
      </c>
      <c r="C13241">
        <v>6436.35</v>
      </c>
      <c r="D13241">
        <v>2.8</v>
      </c>
      <c r="E13241">
        <v>7342.18</v>
      </c>
      <c r="F13241">
        <v>56.6813</v>
      </c>
    </row>
    <row r="13242" spans="1:6" x14ac:dyDescent="0.25">
      <c r="A13242">
        <v>164.04</v>
      </c>
      <c r="B13242">
        <v>189.52</v>
      </c>
      <c r="C13242">
        <v>6436.35</v>
      </c>
      <c r="D13242">
        <v>3.1</v>
      </c>
      <c r="E13242">
        <v>7339.91</v>
      </c>
      <c r="F13242">
        <v>55.567799999999998</v>
      </c>
    </row>
    <row r="13243" spans="1:6" x14ac:dyDescent="0.25">
      <c r="A13243">
        <v>164.04</v>
      </c>
      <c r="B13243">
        <v>189.52</v>
      </c>
      <c r="C13243">
        <v>6436.35</v>
      </c>
      <c r="D13243">
        <v>3.4</v>
      </c>
      <c r="E13243">
        <v>7258.3</v>
      </c>
      <c r="F13243">
        <v>54.2273</v>
      </c>
    </row>
    <row r="13244" spans="1:6" x14ac:dyDescent="0.25">
      <c r="A13244">
        <v>164.04</v>
      </c>
      <c r="B13244">
        <v>189.52</v>
      </c>
      <c r="C13244">
        <v>6436.35</v>
      </c>
      <c r="D13244">
        <v>3.7</v>
      </c>
      <c r="E13244">
        <v>7301.05</v>
      </c>
      <c r="F13244">
        <v>53.569299999999998</v>
      </c>
    </row>
    <row r="13245" spans="1:6" x14ac:dyDescent="0.25">
      <c r="A13245">
        <v>164.04</v>
      </c>
      <c r="B13245">
        <v>189.52</v>
      </c>
      <c r="C13245">
        <v>6436.35</v>
      </c>
      <c r="D13245">
        <v>4</v>
      </c>
      <c r="E13245">
        <v>7137.11</v>
      </c>
      <c r="F13245">
        <v>53.111400000000003</v>
      </c>
    </row>
    <row r="13246" spans="1:6" x14ac:dyDescent="0.25">
      <c r="A13246">
        <v>164.04</v>
      </c>
      <c r="B13246">
        <v>189.52</v>
      </c>
      <c r="C13246">
        <v>7981.8</v>
      </c>
      <c r="D13246">
        <v>1</v>
      </c>
      <c r="E13246">
        <v>8523.0300000000007</v>
      </c>
      <c r="F13246">
        <v>60.063600000000001</v>
      </c>
    </row>
    <row r="13247" spans="1:6" x14ac:dyDescent="0.25">
      <c r="A13247">
        <v>164.04</v>
      </c>
      <c r="B13247">
        <v>189.52</v>
      </c>
      <c r="C13247">
        <v>7981.8</v>
      </c>
      <c r="D13247">
        <v>1.3</v>
      </c>
      <c r="E13247">
        <v>7959.18</v>
      </c>
      <c r="F13247">
        <v>19.363600000000002</v>
      </c>
    </row>
    <row r="13248" spans="1:6" x14ac:dyDescent="0.25">
      <c r="A13248">
        <v>164.04</v>
      </c>
      <c r="B13248">
        <v>189.52</v>
      </c>
      <c r="C13248">
        <v>7981.8</v>
      </c>
      <c r="D13248">
        <v>1.6</v>
      </c>
      <c r="E13248">
        <v>8248.18</v>
      </c>
      <c r="F13248">
        <v>58.347099999999998</v>
      </c>
    </row>
    <row r="13249" spans="1:6" x14ac:dyDescent="0.25">
      <c r="A13249">
        <v>164.04</v>
      </c>
      <c r="B13249">
        <v>189.52</v>
      </c>
      <c r="C13249">
        <v>7981.8</v>
      </c>
      <c r="D13249">
        <v>1.9</v>
      </c>
      <c r="E13249">
        <v>7724.95</v>
      </c>
      <c r="F13249">
        <v>54.973199999999999</v>
      </c>
    </row>
    <row r="13250" spans="1:6" x14ac:dyDescent="0.25">
      <c r="A13250">
        <v>164.04</v>
      </c>
      <c r="B13250">
        <v>189.52</v>
      </c>
      <c r="C13250">
        <v>7981.8</v>
      </c>
      <c r="D13250">
        <v>2.2000000000000002</v>
      </c>
      <c r="E13250">
        <v>7500.18</v>
      </c>
      <c r="F13250">
        <v>52.2196</v>
      </c>
    </row>
    <row r="13251" spans="1:6" x14ac:dyDescent="0.25">
      <c r="A13251">
        <v>164.04</v>
      </c>
      <c r="B13251">
        <v>189.52</v>
      </c>
      <c r="C13251">
        <v>7981.8</v>
      </c>
      <c r="D13251">
        <v>2.5</v>
      </c>
      <c r="E13251">
        <v>7754.59</v>
      </c>
      <c r="F13251">
        <v>50.3643</v>
      </c>
    </row>
    <row r="13252" spans="1:6" x14ac:dyDescent="0.25">
      <c r="A13252">
        <v>164.04</v>
      </c>
      <c r="B13252">
        <v>189.52</v>
      </c>
      <c r="C13252">
        <v>7981.8</v>
      </c>
      <c r="D13252">
        <v>2.8</v>
      </c>
      <c r="E13252">
        <v>7342.18</v>
      </c>
      <c r="F13252">
        <v>56.6813</v>
      </c>
    </row>
    <row r="13253" spans="1:6" x14ac:dyDescent="0.25">
      <c r="A13253">
        <v>164.04</v>
      </c>
      <c r="B13253">
        <v>189.52</v>
      </c>
      <c r="C13253">
        <v>7981.8</v>
      </c>
      <c r="D13253">
        <v>3.1</v>
      </c>
      <c r="E13253">
        <v>7339.91</v>
      </c>
      <c r="F13253">
        <v>55.567799999999998</v>
      </c>
    </row>
    <row r="13254" spans="1:6" x14ac:dyDescent="0.25">
      <c r="A13254">
        <v>164.04</v>
      </c>
      <c r="B13254">
        <v>189.52</v>
      </c>
      <c r="C13254">
        <v>7981.8</v>
      </c>
      <c r="D13254">
        <v>3.4</v>
      </c>
      <c r="E13254">
        <v>7816.42</v>
      </c>
      <c r="F13254">
        <v>54.2273</v>
      </c>
    </row>
    <row r="13255" spans="1:6" x14ac:dyDescent="0.25">
      <c r="A13255">
        <v>164.04</v>
      </c>
      <c r="B13255">
        <v>189.52</v>
      </c>
      <c r="C13255">
        <v>7981.8</v>
      </c>
      <c r="D13255">
        <v>3.7</v>
      </c>
      <c r="E13255">
        <v>7867.42</v>
      </c>
      <c r="F13255">
        <v>53.569299999999998</v>
      </c>
    </row>
    <row r="13256" spans="1:6" x14ac:dyDescent="0.25">
      <c r="A13256">
        <v>164.04</v>
      </c>
      <c r="B13256">
        <v>189.52</v>
      </c>
      <c r="C13256">
        <v>7981.8</v>
      </c>
      <c r="D13256">
        <v>4</v>
      </c>
      <c r="E13256">
        <v>7137.11</v>
      </c>
      <c r="F13256">
        <v>53.111400000000003</v>
      </c>
    </row>
    <row r="13257" spans="1:6" x14ac:dyDescent="0.25">
      <c r="A13257">
        <v>164.04</v>
      </c>
      <c r="B13257">
        <v>189.52</v>
      </c>
      <c r="C13257">
        <v>9527.25</v>
      </c>
      <c r="D13257">
        <v>1</v>
      </c>
      <c r="E13257">
        <v>8523.0300000000007</v>
      </c>
      <c r="F13257">
        <v>60.063600000000001</v>
      </c>
    </row>
    <row r="13258" spans="1:6" x14ac:dyDescent="0.25">
      <c r="A13258">
        <v>164.04</v>
      </c>
      <c r="B13258">
        <v>189.52</v>
      </c>
      <c r="C13258">
        <v>9527.25</v>
      </c>
      <c r="D13258">
        <v>1.3</v>
      </c>
      <c r="E13258">
        <v>7959.18</v>
      </c>
      <c r="F13258">
        <v>19.363600000000002</v>
      </c>
    </row>
    <row r="13259" spans="1:6" x14ac:dyDescent="0.25">
      <c r="A13259">
        <v>164.04</v>
      </c>
      <c r="B13259">
        <v>189.52</v>
      </c>
      <c r="C13259">
        <v>9527.25</v>
      </c>
      <c r="D13259">
        <v>1.6</v>
      </c>
      <c r="E13259">
        <v>8248.18</v>
      </c>
      <c r="F13259">
        <v>58.347099999999998</v>
      </c>
    </row>
    <row r="13260" spans="1:6" x14ac:dyDescent="0.25">
      <c r="A13260">
        <v>164.04</v>
      </c>
      <c r="B13260">
        <v>189.52</v>
      </c>
      <c r="C13260">
        <v>9527.25</v>
      </c>
      <c r="D13260">
        <v>1.9</v>
      </c>
      <c r="E13260">
        <v>7724.95</v>
      </c>
      <c r="F13260">
        <v>54.973199999999999</v>
      </c>
    </row>
    <row r="13261" spans="1:6" x14ac:dyDescent="0.25">
      <c r="A13261">
        <v>164.04</v>
      </c>
      <c r="B13261">
        <v>189.52</v>
      </c>
      <c r="C13261">
        <v>9527.25</v>
      </c>
      <c r="D13261">
        <v>2.2000000000000002</v>
      </c>
      <c r="E13261">
        <v>7500.18</v>
      </c>
      <c r="F13261">
        <v>52.2196</v>
      </c>
    </row>
    <row r="13262" spans="1:6" x14ac:dyDescent="0.25">
      <c r="A13262">
        <v>164.04</v>
      </c>
      <c r="B13262">
        <v>189.52</v>
      </c>
      <c r="C13262">
        <v>9527.25</v>
      </c>
      <c r="D13262">
        <v>2.5</v>
      </c>
      <c r="E13262">
        <v>7754.59</v>
      </c>
      <c r="F13262">
        <v>50.3643</v>
      </c>
    </row>
    <row r="13263" spans="1:6" x14ac:dyDescent="0.25">
      <c r="A13263">
        <v>164.04</v>
      </c>
      <c r="B13263">
        <v>189.52</v>
      </c>
      <c r="C13263">
        <v>9527.25</v>
      </c>
      <c r="D13263">
        <v>2.8</v>
      </c>
      <c r="E13263">
        <v>7342.18</v>
      </c>
      <c r="F13263">
        <v>56.6813</v>
      </c>
    </row>
    <row r="13264" spans="1:6" x14ac:dyDescent="0.25">
      <c r="A13264">
        <v>164.04</v>
      </c>
      <c r="B13264">
        <v>189.52</v>
      </c>
      <c r="C13264">
        <v>9527.25</v>
      </c>
      <c r="D13264">
        <v>3.1</v>
      </c>
      <c r="E13264">
        <v>7339.91</v>
      </c>
      <c r="F13264">
        <v>55.567799999999998</v>
      </c>
    </row>
    <row r="13265" spans="1:6" x14ac:dyDescent="0.25">
      <c r="A13265">
        <v>164.04</v>
      </c>
      <c r="B13265">
        <v>189.52</v>
      </c>
      <c r="C13265">
        <v>9527.25</v>
      </c>
      <c r="D13265">
        <v>3.4</v>
      </c>
      <c r="E13265">
        <v>7816.42</v>
      </c>
      <c r="F13265">
        <v>54.2273</v>
      </c>
    </row>
    <row r="13266" spans="1:6" x14ac:dyDescent="0.25">
      <c r="A13266">
        <v>164.04</v>
      </c>
      <c r="B13266">
        <v>189.52</v>
      </c>
      <c r="C13266">
        <v>9527.25</v>
      </c>
      <c r="D13266">
        <v>3.7</v>
      </c>
      <c r="E13266">
        <v>7867.42</v>
      </c>
      <c r="F13266">
        <v>53.569299999999998</v>
      </c>
    </row>
    <row r="13267" spans="1:6" x14ac:dyDescent="0.25">
      <c r="A13267">
        <v>164.04</v>
      </c>
      <c r="B13267">
        <v>189.52</v>
      </c>
      <c r="C13267">
        <v>9527.25</v>
      </c>
      <c r="D13267">
        <v>4</v>
      </c>
      <c r="E13267">
        <v>7137.11</v>
      </c>
      <c r="F13267">
        <v>53.111400000000003</v>
      </c>
    </row>
    <row r="13268" spans="1:6" x14ac:dyDescent="0.25">
      <c r="A13268">
        <v>164.04</v>
      </c>
      <c r="B13268">
        <v>189.52</v>
      </c>
      <c r="C13268">
        <v>11072.7</v>
      </c>
      <c r="D13268">
        <v>1</v>
      </c>
      <c r="E13268">
        <v>8523.0300000000007</v>
      </c>
      <c r="F13268">
        <v>60.063600000000001</v>
      </c>
    </row>
    <row r="13269" spans="1:6" x14ac:dyDescent="0.25">
      <c r="A13269">
        <v>164.04</v>
      </c>
      <c r="B13269">
        <v>189.52</v>
      </c>
      <c r="C13269">
        <v>11072.7</v>
      </c>
      <c r="D13269">
        <v>1.3</v>
      </c>
      <c r="E13269">
        <v>7959.18</v>
      </c>
      <c r="F13269">
        <v>19.363600000000002</v>
      </c>
    </row>
    <row r="13270" spans="1:6" x14ac:dyDescent="0.25">
      <c r="A13270">
        <v>164.04</v>
      </c>
      <c r="B13270">
        <v>189.52</v>
      </c>
      <c r="C13270">
        <v>11072.7</v>
      </c>
      <c r="D13270">
        <v>1.6</v>
      </c>
      <c r="E13270">
        <v>8248.18</v>
      </c>
      <c r="F13270">
        <v>58.347099999999998</v>
      </c>
    </row>
    <row r="13271" spans="1:6" x14ac:dyDescent="0.25">
      <c r="A13271">
        <v>164.04</v>
      </c>
      <c r="B13271">
        <v>189.52</v>
      </c>
      <c r="C13271">
        <v>11072.7</v>
      </c>
      <c r="D13271">
        <v>1.9</v>
      </c>
      <c r="E13271">
        <v>7724.95</v>
      </c>
      <c r="F13271">
        <v>54.973199999999999</v>
      </c>
    </row>
    <row r="13272" spans="1:6" x14ac:dyDescent="0.25">
      <c r="A13272">
        <v>164.04</v>
      </c>
      <c r="B13272">
        <v>189.52</v>
      </c>
      <c r="C13272">
        <v>11072.7</v>
      </c>
      <c r="D13272">
        <v>2.2000000000000002</v>
      </c>
      <c r="E13272">
        <v>7500.18</v>
      </c>
      <c r="F13272">
        <v>52.2196</v>
      </c>
    </row>
    <row r="13273" spans="1:6" x14ac:dyDescent="0.25">
      <c r="A13273">
        <v>164.04</v>
      </c>
      <c r="B13273">
        <v>189.52</v>
      </c>
      <c r="C13273">
        <v>11072.7</v>
      </c>
      <c r="D13273">
        <v>2.5</v>
      </c>
      <c r="E13273">
        <v>7754.59</v>
      </c>
      <c r="F13273">
        <v>50.3643</v>
      </c>
    </row>
    <row r="13274" spans="1:6" x14ac:dyDescent="0.25">
      <c r="A13274">
        <v>164.04</v>
      </c>
      <c r="B13274">
        <v>189.52</v>
      </c>
      <c r="C13274">
        <v>11072.7</v>
      </c>
      <c r="D13274">
        <v>2.8</v>
      </c>
      <c r="E13274">
        <v>7342.18</v>
      </c>
      <c r="F13274">
        <v>56.6813</v>
      </c>
    </row>
    <row r="13275" spans="1:6" x14ac:dyDescent="0.25">
      <c r="A13275">
        <v>164.04</v>
      </c>
      <c r="B13275">
        <v>189.52</v>
      </c>
      <c r="C13275">
        <v>11072.7</v>
      </c>
      <c r="D13275">
        <v>3.1</v>
      </c>
      <c r="E13275">
        <v>7339.91</v>
      </c>
      <c r="F13275">
        <v>55.567799999999998</v>
      </c>
    </row>
    <row r="13276" spans="1:6" x14ac:dyDescent="0.25">
      <c r="A13276">
        <v>164.04</v>
      </c>
      <c r="B13276">
        <v>189.52</v>
      </c>
      <c r="C13276">
        <v>11072.7</v>
      </c>
      <c r="D13276">
        <v>3.4</v>
      </c>
      <c r="E13276">
        <v>7816.42</v>
      </c>
      <c r="F13276">
        <v>54.2273</v>
      </c>
    </row>
    <row r="13277" spans="1:6" x14ac:dyDescent="0.25">
      <c r="A13277">
        <v>164.04</v>
      </c>
      <c r="B13277">
        <v>189.52</v>
      </c>
      <c r="C13277">
        <v>11072.7</v>
      </c>
      <c r="D13277">
        <v>3.7</v>
      </c>
      <c r="E13277">
        <v>7867.42</v>
      </c>
      <c r="F13277">
        <v>53.569299999999998</v>
      </c>
    </row>
    <row r="13278" spans="1:6" x14ac:dyDescent="0.25">
      <c r="A13278">
        <v>164.04</v>
      </c>
      <c r="B13278">
        <v>189.52</v>
      </c>
      <c r="C13278">
        <v>11072.7</v>
      </c>
      <c r="D13278">
        <v>4</v>
      </c>
      <c r="E13278">
        <v>7137.11</v>
      </c>
      <c r="F13278">
        <v>53.111400000000003</v>
      </c>
    </row>
    <row r="13279" spans="1:6" x14ac:dyDescent="0.25">
      <c r="A13279">
        <v>164.04</v>
      </c>
      <c r="B13279">
        <v>189.52</v>
      </c>
      <c r="C13279">
        <v>12618.2</v>
      </c>
      <c r="D13279">
        <v>1</v>
      </c>
      <c r="E13279">
        <v>8523.0300000000007</v>
      </c>
      <c r="F13279">
        <v>60.063600000000001</v>
      </c>
    </row>
    <row r="13280" spans="1:6" x14ac:dyDescent="0.25">
      <c r="A13280">
        <v>164.04</v>
      </c>
      <c r="B13280">
        <v>189.52</v>
      </c>
      <c r="C13280">
        <v>12618.2</v>
      </c>
      <c r="D13280">
        <v>1.3</v>
      </c>
      <c r="E13280">
        <v>7959.18</v>
      </c>
      <c r="F13280">
        <v>19.363600000000002</v>
      </c>
    </row>
    <row r="13281" spans="1:6" x14ac:dyDescent="0.25">
      <c r="A13281">
        <v>164.04</v>
      </c>
      <c r="B13281">
        <v>189.52</v>
      </c>
      <c r="C13281">
        <v>12618.2</v>
      </c>
      <c r="D13281">
        <v>1.6</v>
      </c>
      <c r="E13281">
        <v>8248.18</v>
      </c>
      <c r="F13281">
        <v>58.347099999999998</v>
      </c>
    </row>
    <row r="13282" spans="1:6" x14ac:dyDescent="0.25">
      <c r="A13282">
        <v>164.04</v>
      </c>
      <c r="B13282">
        <v>189.52</v>
      </c>
      <c r="C13282">
        <v>12618.2</v>
      </c>
      <c r="D13282">
        <v>1.9</v>
      </c>
      <c r="E13282">
        <v>7724.95</v>
      </c>
      <c r="F13282">
        <v>54.973199999999999</v>
      </c>
    </row>
    <row r="13283" spans="1:6" x14ac:dyDescent="0.25">
      <c r="A13283">
        <v>164.04</v>
      </c>
      <c r="B13283">
        <v>189.52</v>
      </c>
      <c r="C13283">
        <v>12618.2</v>
      </c>
      <c r="D13283">
        <v>2.2000000000000002</v>
      </c>
      <c r="E13283">
        <v>7500.18</v>
      </c>
      <c r="F13283">
        <v>52.2196</v>
      </c>
    </row>
    <row r="13284" spans="1:6" x14ac:dyDescent="0.25">
      <c r="A13284">
        <v>164.04</v>
      </c>
      <c r="B13284">
        <v>189.52</v>
      </c>
      <c r="C13284">
        <v>12618.2</v>
      </c>
      <c r="D13284">
        <v>2.5</v>
      </c>
      <c r="E13284">
        <v>7754.59</v>
      </c>
      <c r="F13284">
        <v>50.3643</v>
      </c>
    </row>
    <row r="13285" spans="1:6" x14ac:dyDescent="0.25">
      <c r="A13285">
        <v>164.04</v>
      </c>
      <c r="B13285">
        <v>189.52</v>
      </c>
      <c r="C13285">
        <v>12618.2</v>
      </c>
      <c r="D13285">
        <v>2.8</v>
      </c>
      <c r="E13285">
        <v>7342.18</v>
      </c>
      <c r="F13285">
        <v>56.6813</v>
      </c>
    </row>
    <row r="13286" spans="1:6" x14ac:dyDescent="0.25">
      <c r="A13286">
        <v>164.04</v>
      </c>
      <c r="B13286">
        <v>189.52</v>
      </c>
      <c r="C13286">
        <v>12618.2</v>
      </c>
      <c r="D13286">
        <v>3.1</v>
      </c>
      <c r="E13286">
        <v>7339.91</v>
      </c>
      <c r="F13286">
        <v>55.567799999999998</v>
      </c>
    </row>
    <row r="13287" spans="1:6" x14ac:dyDescent="0.25">
      <c r="A13287">
        <v>164.04</v>
      </c>
      <c r="B13287">
        <v>189.52</v>
      </c>
      <c r="C13287">
        <v>12618.2</v>
      </c>
      <c r="D13287">
        <v>3.4</v>
      </c>
      <c r="E13287">
        <v>7816.42</v>
      </c>
      <c r="F13287">
        <v>54.2273</v>
      </c>
    </row>
    <row r="13288" spans="1:6" x14ac:dyDescent="0.25">
      <c r="A13288">
        <v>164.04</v>
      </c>
      <c r="B13288">
        <v>189.52</v>
      </c>
      <c r="C13288">
        <v>12618.2</v>
      </c>
      <c r="D13288">
        <v>3.7</v>
      </c>
      <c r="E13288">
        <v>7867.42</v>
      </c>
      <c r="F13288">
        <v>53.569299999999998</v>
      </c>
    </row>
    <row r="13289" spans="1:6" x14ac:dyDescent="0.25">
      <c r="A13289">
        <v>164.04</v>
      </c>
      <c r="B13289">
        <v>189.52</v>
      </c>
      <c r="C13289">
        <v>12618.2</v>
      </c>
      <c r="D13289">
        <v>4</v>
      </c>
      <c r="E13289">
        <v>7137.11</v>
      </c>
      <c r="F13289">
        <v>53.111400000000003</v>
      </c>
    </row>
    <row r="13290" spans="1:6" x14ac:dyDescent="0.25">
      <c r="A13290">
        <v>164.04</v>
      </c>
      <c r="B13290">
        <v>189.52</v>
      </c>
      <c r="C13290">
        <v>14163.6</v>
      </c>
      <c r="D13290">
        <v>1</v>
      </c>
      <c r="E13290">
        <v>8523.0300000000007</v>
      </c>
      <c r="F13290">
        <v>60.063600000000001</v>
      </c>
    </row>
    <row r="13291" spans="1:6" x14ac:dyDescent="0.25">
      <c r="A13291">
        <v>164.04</v>
      </c>
      <c r="B13291">
        <v>189.52</v>
      </c>
      <c r="C13291">
        <v>14163.6</v>
      </c>
      <c r="D13291">
        <v>1.3</v>
      </c>
      <c r="E13291">
        <v>7959.18</v>
      </c>
      <c r="F13291">
        <v>19.363600000000002</v>
      </c>
    </row>
    <row r="13292" spans="1:6" x14ac:dyDescent="0.25">
      <c r="A13292">
        <v>164.04</v>
      </c>
      <c r="B13292">
        <v>189.52</v>
      </c>
      <c r="C13292">
        <v>14163.6</v>
      </c>
      <c r="D13292">
        <v>1.6</v>
      </c>
      <c r="E13292">
        <v>8248.18</v>
      </c>
      <c r="F13292">
        <v>58.347099999999998</v>
      </c>
    </row>
    <row r="13293" spans="1:6" x14ac:dyDescent="0.25">
      <c r="A13293">
        <v>164.04</v>
      </c>
      <c r="B13293">
        <v>189.52</v>
      </c>
      <c r="C13293">
        <v>14163.6</v>
      </c>
      <c r="D13293">
        <v>1.9</v>
      </c>
      <c r="E13293">
        <v>7724.95</v>
      </c>
      <c r="F13293">
        <v>54.973199999999999</v>
      </c>
    </row>
    <row r="13294" spans="1:6" x14ac:dyDescent="0.25">
      <c r="A13294">
        <v>164.04</v>
      </c>
      <c r="B13294">
        <v>189.52</v>
      </c>
      <c r="C13294">
        <v>14163.6</v>
      </c>
      <c r="D13294">
        <v>2.2000000000000002</v>
      </c>
      <c r="E13294">
        <v>7500.18</v>
      </c>
      <c r="F13294">
        <v>52.2196</v>
      </c>
    </row>
    <row r="13295" spans="1:6" x14ac:dyDescent="0.25">
      <c r="A13295">
        <v>164.04</v>
      </c>
      <c r="B13295">
        <v>189.52</v>
      </c>
      <c r="C13295">
        <v>14163.6</v>
      </c>
      <c r="D13295">
        <v>2.5</v>
      </c>
      <c r="E13295">
        <v>7754.59</v>
      </c>
      <c r="F13295">
        <v>50.3643</v>
      </c>
    </row>
    <row r="13296" spans="1:6" x14ac:dyDescent="0.25">
      <c r="A13296">
        <v>164.04</v>
      </c>
      <c r="B13296">
        <v>189.52</v>
      </c>
      <c r="C13296">
        <v>14163.6</v>
      </c>
      <c r="D13296">
        <v>2.8</v>
      </c>
      <c r="E13296">
        <v>7342.18</v>
      </c>
      <c r="F13296">
        <v>56.6813</v>
      </c>
    </row>
    <row r="13297" spans="1:6" x14ac:dyDescent="0.25">
      <c r="A13297">
        <v>164.04</v>
      </c>
      <c r="B13297">
        <v>189.52</v>
      </c>
      <c r="C13297">
        <v>14163.6</v>
      </c>
      <c r="D13297">
        <v>3.1</v>
      </c>
      <c r="E13297">
        <v>7339.91</v>
      </c>
      <c r="F13297">
        <v>55.567799999999998</v>
      </c>
    </row>
    <row r="13298" spans="1:6" x14ac:dyDescent="0.25">
      <c r="A13298">
        <v>164.04</v>
      </c>
      <c r="B13298">
        <v>189.52</v>
      </c>
      <c r="C13298">
        <v>14163.6</v>
      </c>
      <c r="D13298">
        <v>3.4</v>
      </c>
      <c r="E13298">
        <v>7816.42</v>
      </c>
      <c r="F13298">
        <v>54.2273</v>
      </c>
    </row>
    <row r="13299" spans="1:6" x14ac:dyDescent="0.25">
      <c r="A13299">
        <v>164.04</v>
      </c>
      <c r="B13299">
        <v>189.52</v>
      </c>
      <c r="C13299">
        <v>14163.6</v>
      </c>
      <c r="D13299">
        <v>3.7</v>
      </c>
      <c r="E13299">
        <v>7867.42</v>
      </c>
      <c r="F13299">
        <v>53.569299999999998</v>
      </c>
    </row>
    <row r="13300" spans="1:6" x14ac:dyDescent="0.25">
      <c r="A13300">
        <v>164.04</v>
      </c>
      <c r="B13300">
        <v>189.52</v>
      </c>
      <c r="C13300">
        <v>14163.6</v>
      </c>
      <c r="D13300">
        <v>4</v>
      </c>
      <c r="E13300">
        <v>7137.11</v>
      </c>
      <c r="F13300">
        <v>53.111400000000003</v>
      </c>
    </row>
    <row r="13301" spans="1:6" x14ac:dyDescent="0.25">
      <c r="A13301">
        <v>164.04</v>
      </c>
      <c r="B13301">
        <v>189.52</v>
      </c>
      <c r="C13301">
        <v>15709.1</v>
      </c>
      <c r="D13301">
        <v>1</v>
      </c>
      <c r="E13301">
        <v>8523.0300000000007</v>
      </c>
      <c r="F13301">
        <v>60.063600000000001</v>
      </c>
    </row>
    <row r="13302" spans="1:6" x14ac:dyDescent="0.25">
      <c r="A13302">
        <v>164.04</v>
      </c>
      <c r="B13302">
        <v>189.52</v>
      </c>
      <c r="C13302">
        <v>15709.1</v>
      </c>
      <c r="D13302">
        <v>1.3</v>
      </c>
      <c r="E13302">
        <v>7959.18</v>
      </c>
      <c r="F13302">
        <v>19.363600000000002</v>
      </c>
    </row>
    <row r="13303" spans="1:6" x14ac:dyDescent="0.25">
      <c r="A13303">
        <v>164.04</v>
      </c>
      <c r="B13303">
        <v>189.52</v>
      </c>
      <c r="C13303">
        <v>15709.1</v>
      </c>
      <c r="D13303">
        <v>1.6</v>
      </c>
      <c r="E13303">
        <v>8248.18</v>
      </c>
      <c r="F13303">
        <v>58.347099999999998</v>
      </c>
    </row>
    <row r="13304" spans="1:6" x14ac:dyDescent="0.25">
      <c r="A13304">
        <v>164.04</v>
      </c>
      <c r="B13304">
        <v>189.52</v>
      </c>
      <c r="C13304">
        <v>15709.1</v>
      </c>
      <c r="D13304">
        <v>1.9</v>
      </c>
      <c r="E13304">
        <v>7724.95</v>
      </c>
      <c r="F13304">
        <v>54.973199999999999</v>
      </c>
    </row>
    <row r="13305" spans="1:6" x14ac:dyDescent="0.25">
      <c r="A13305">
        <v>164.04</v>
      </c>
      <c r="B13305">
        <v>189.52</v>
      </c>
      <c r="C13305">
        <v>15709.1</v>
      </c>
      <c r="D13305">
        <v>2.2000000000000002</v>
      </c>
      <c r="E13305">
        <v>7500.18</v>
      </c>
      <c r="F13305">
        <v>52.2196</v>
      </c>
    </row>
    <row r="13306" spans="1:6" x14ac:dyDescent="0.25">
      <c r="A13306">
        <v>164.04</v>
      </c>
      <c r="B13306">
        <v>189.52</v>
      </c>
      <c r="C13306">
        <v>15709.1</v>
      </c>
      <c r="D13306">
        <v>2.5</v>
      </c>
      <c r="E13306">
        <v>7754.59</v>
      </c>
      <c r="F13306">
        <v>50.3643</v>
      </c>
    </row>
    <row r="13307" spans="1:6" x14ac:dyDescent="0.25">
      <c r="A13307">
        <v>164.04</v>
      </c>
      <c r="B13307">
        <v>189.52</v>
      </c>
      <c r="C13307">
        <v>15709.1</v>
      </c>
      <c r="D13307">
        <v>2.8</v>
      </c>
      <c r="E13307">
        <v>7342.18</v>
      </c>
      <c r="F13307">
        <v>56.6813</v>
      </c>
    </row>
    <row r="13308" spans="1:6" x14ac:dyDescent="0.25">
      <c r="A13308">
        <v>164.04</v>
      </c>
      <c r="B13308">
        <v>189.52</v>
      </c>
      <c r="C13308">
        <v>15709.1</v>
      </c>
      <c r="D13308">
        <v>3.1</v>
      </c>
      <c r="E13308">
        <v>7339.91</v>
      </c>
      <c r="F13308">
        <v>55.567799999999998</v>
      </c>
    </row>
    <row r="13309" spans="1:6" x14ac:dyDescent="0.25">
      <c r="A13309">
        <v>164.04</v>
      </c>
      <c r="B13309">
        <v>189.52</v>
      </c>
      <c r="C13309">
        <v>15709.1</v>
      </c>
      <c r="D13309">
        <v>3.4</v>
      </c>
      <c r="E13309">
        <v>7816.42</v>
      </c>
      <c r="F13309">
        <v>54.2273</v>
      </c>
    </row>
    <row r="13310" spans="1:6" x14ac:dyDescent="0.25">
      <c r="A13310">
        <v>164.04</v>
      </c>
      <c r="B13310">
        <v>189.52</v>
      </c>
      <c r="C13310">
        <v>15709.1</v>
      </c>
      <c r="D13310">
        <v>3.7</v>
      </c>
      <c r="E13310">
        <v>7867.42</v>
      </c>
      <c r="F13310">
        <v>53.569299999999998</v>
      </c>
    </row>
    <row r="13311" spans="1:6" x14ac:dyDescent="0.25">
      <c r="A13311">
        <v>164.04</v>
      </c>
      <c r="B13311">
        <v>189.52</v>
      </c>
      <c r="C13311">
        <v>15709.1</v>
      </c>
      <c r="D13311">
        <v>4</v>
      </c>
      <c r="E13311">
        <v>7137.11</v>
      </c>
      <c r="F13311">
        <v>53.111400000000003</v>
      </c>
    </row>
    <row r="13312" spans="1:6" x14ac:dyDescent="0.25">
      <c r="A13312">
        <v>164.04</v>
      </c>
      <c r="B13312">
        <v>189.52</v>
      </c>
      <c r="C13312">
        <v>17254.5</v>
      </c>
      <c r="D13312">
        <v>1</v>
      </c>
      <c r="E13312">
        <v>8523.0300000000007</v>
      </c>
      <c r="F13312">
        <v>60.063600000000001</v>
      </c>
    </row>
    <row r="13313" spans="1:6" x14ac:dyDescent="0.25">
      <c r="A13313">
        <v>164.04</v>
      </c>
      <c r="B13313">
        <v>189.52</v>
      </c>
      <c r="C13313">
        <v>17254.5</v>
      </c>
      <c r="D13313">
        <v>1.3</v>
      </c>
      <c r="E13313">
        <v>7959.18</v>
      </c>
      <c r="F13313">
        <v>19.363600000000002</v>
      </c>
    </row>
    <row r="13314" spans="1:6" x14ac:dyDescent="0.25">
      <c r="A13314">
        <v>164.04</v>
      </c>
      <c r="B13314">
        <v>189.52</v>
      </c>
      <c r="C13314">
        <v>17254.5</v>
      </c>
      <c r="D13314">
        <v>1.6</v>
      </c>
      <c r="E13314">
        <v>8248.18</v>
      </c>
      <c r="F13314">
        <v>58.347099999999998</v>
      </c>
    </row>
    <row r="13315" spans="1:6" x14ac:dyDescent="0.25">
      <c r="A13315">
        <v>164.04</v>
      </c>
      <c r="B13315">
        <v>189.52</v>
      </c>
      <c r="C13315">
        <v>17254.5</v>
      </c>
      <c r="D13315">
        <v>1.9</v>
      </c>
      <c r="E13315">
        <v>7724.95</v>
      </c>
      <c r="F13315">
        <v>54.973199999999999</v>
      </c>
    </row>
    <row r="13316" spans="1:6" x14ac:dyDescent="0.25">
      <c r="A13316">
        <v>164.04</v>
      </c>
      <c r="B13316">
        <v>189.52</v>
      </c>
      <c r="C13316">
        <v>17254.5</v>
      </c>
      <c r="D13316">
        <v>2.2000000000000002</v>
      </c>
      <c r="E13316">
        <v>7500.18</v>
      </c>
      <c r="F13316">
        <v>52.2196</v>
      </c>
    </row>
    <row r="13317" spans="1:6" x14ac:dyDescent="0.25">
      <c r="A13317">
        <v>164.04</v>
      </c>
      <c r="B13317">
        <v>189.52</v>
      </c>
      <c r="C13317">
        <v>17254.5</v>
      </c>
      <c r="D13317">
        <v>2.5</v>
      </c>
      <c r="E13317">
        <v>7754.59</v>
      </c>
      <c r="F13317">
        <v>50.3643</v>
      </c>
    </row>
    <row r="13318" spans="1:6" x14ac:dyDescent="0.25">
      <c r="A13318">
        <v>164.04</v>
      </c>
      <c r="B13318">
        <v>189.52</v>
      </c>
      <c r="C13318">
        <v>17254.5</v>
      </c>
      <c r="D13318">
        <v>2.8</v>
      </c>
      <c r="E13318">
        <v>7342.18</v>
      </c>
      <c r="F13318">
        <v>56.6813</v>
      </c>
    </row>
    <row r="13319" spans="1:6" x14ac:dyDescent="0.25">
      <c r="A13319">
        <v>164.04</v>
      </c>
      <c r="B13319">
        <v>189.52</v>
      </c>
      <c r="C13319">
        <v>17254.5</v>
      </c>
      <c r="D13319">
        <v>3.1</v>
      </c>
      <c r="E13319">
        <v>7339.91</v>
      </c>
      <c r="F13319">
        <v>55.567799999999998</v>
      </c>
    </row>
    <row r="13320" spans="1:6" x14ac:dyDescent="0.25">
      <c r="A13320">
        <v>164.04</v>
      </c>
      <c r="B13320">
        <v>189.52</v>
      </c>
      <c r="C13320">
        <v>17254.5</v>
      </c>
      <c r="D13320">
        <v>3.4</v>
      </c>
      <c r="E13320">
        <v>7816.42</v>
      </c>
      <c r="F13320">
        <v>54.2273</v>
      </c>
    </row>
    <row r="13321" spans="1:6" x14ac:dyDescent="0.25">
      <c r="A13321">
        <v>164.04</v>
      </c>
      <c r="B13321">
        <v>189.52</v>
      </c>
      <c r="C13321">
        <v>17254.5</v>
      </c>
      <c r="D13321">
        <v>3.7</v>
      </c>
      <c r="E13321">
        <v>7867.42</v>
      </c>
      <c r="F13321">
        <v>53.569299999999998</v>
      </c>
    </row>
    <row r="13322" spans="1:6" x14ac:dyDescent="0.25">
      <c r="A13322">
        <v>164.04</v>
      </c>
      <c r="B13322">
        <v>189.52</v>
      </c>
      <c r="C13322">
        <v>17254.5</v>
      </c>
      <c r="D13322">
        <v>4</v>
      </c>
      <c r="E13322">
        <v>7137.11</v>
      </c>
      <c r="F13322">
        <v>53.111400000000003</v>
      </c>
    </row>
    <row r="13323" spans="1:6" x14ac:dyDescent="0.25">
      <c r="A13323">
        <v>164.04</v>
      </c>
      <c r="B13323">
        <v>189.52</v>
      </c>
      <c r="C13323">
        <v>18800</v>
      </c>
      <c r="D13323">
        <v>1</v>
      </c>
      <c r="E13323">
        <v>8523.0300000000007</v>
      </c>
      <c r="F13323">
        <v>60.063600000000001</v>
      </c>
    </row>
    <row r="13324" spans="1:6" x14ac:dyDescent="0.25">
      <c r="A13324">
        <v>164.04</v>
      </c>
      <c r="B13324">
        <v>189.52</v>
      </c>
      <c r="C13324">
        <v>18800</v>
      </c>
      <c r="D13324">
        <v>1.3</v>
      </c>
      <c r="E13324">
        <v>7959.18</v>
      </c>
      <c r="F13324">
        <v>19.363600000000002</v>
      </c>
    </row>
    <row r="13325" spans="1:6" x14ac:dyDescent="0.25">
      <c r="A13325">
        <v>164.04</v>
      </c>
      <c r="B13325">
        <v>189.52</v>
      </c>
      <c r="C13325">
        <v>18800</v>
      </c>
      <c r="D13325">
        <v>1.6</v>
      </c>
      <c r="E13325">
        <v>8248.18</v>
      </c>
      <c r="F13325">
        <v>58.347099999999998</v>
      </c>
    </row>
    <row r="13326" spans="1:6" x14ac:dyDescent="0.25">
      <c r="A13326">
        <v>164.04</v>
      </c>
      <c r="B13326">
        <v>189.52</v>
      </c>
      <c r="C13326">
        <v>18800</v>
      </c>
      <c r="D13326">
        <v>1.9</v>
      </c>
      <c r="E13326">
        <v>7724.95</v>
      </c>
      <c r="F13326">
        <v>54.973199999999999</v>
      </c>
    </row>
    <row r="13327" spans="1:6" x14ac:dyDescent="0.25">
      <c r="A13327">
        <v>164.04</v>
      </c>
      <c r="B13327">
        <v>189.52</v>
      </c>
      <c r="C13327">
        <v>18800</v>
      </c>
      <c r="D13327">
        <v>2.2000000000000002</v>
      </c>
      <c r="E13327">
        <v>7500.18</v>
      </c>
      <c r="F13327">
        <v>52.2196</v>
      </c>
    </row>
    <row r="13328" spans="1:6" x14ac:dyDescent="0.25">
      <c r="A13328">
        <v>164.04</v>
      </c>
      <c r="B13328">
        <v>189.52</v>
      </c>
      <c r="C13328">
        <v>18800</v>
      </c>
      <c r="D13328">
        <v>2.5</v>
      </c>
      <c r="E13328">
        <v>7754.59</v>
      </c>
      <c r="F13328">
        <v>50.3643</v>
      </c>
    </row>
    <row r="13329" spans="1:6" x14ac:dyDescent="0.25">
      <c r="A13329">
        <v>164.04</v>
      </c>
      <c r="B13329">
        <v>189.52</v>
      </c>
      <c r="C13329">
        <v>18800</v>
      </c>
      <c r="D13329">
        <v>2.8</v>
      </c>
      <c r="E13329">
        <v>7342.18</v>
      </c>
      <c r="F13329">
        <v>56.6813</v>
      </c>
    </row>
    <row r="13330" spans="1:6" x14ac:dyDescent="0.25">
      <c r="A13330">
        <v>164.04</v>
      </c>
      <c r="B13330">
        <v>189.52</v>
      </c>
      <c r="C13330">
        <v>18800</v>
      </c>
      <c r="D13330">
        <v>3.1</v>
      </c>
      <c r="E13330">
        <v>7339.91</v>
      </c>
      <c r="F13330">
        <v>55.567799999999998</v>
      </c>
    </row>
    <row r="13331" spans="1:6" x14ac:dyDescent="0.25">
      <c r="A13331">
        <v>164.04</v>
      </c>
      <c r="B13331">
        <v>189.52</v>
      </c>
      <c r="C13331">
        <v>18800</v>
      </c>
      <c r="D13331">
        <v>3.4</v>
      </c>
      <c r="E13331">
        <v>7816.42</v>
      </c>
      <c r="F13331">
        <v>54.2273</v>
      </c>
    </row>
    <row r="13332" spans="1:6" x14ac:dyDescent="0.25">
      <c r="A13332">
        <v>164.04</v>
      </c>
      <c r="B13332">
        <v>189.52</v>
      </c>
      <c r="C13332">
        <v>18800</v>
      </c>
      <c r="D13332">
        <v>3.7</v>
      </c>
      <c r="E13332">
        <v>7867.42</v>
      </c>
      <c r="F13332">
        <v>53.569299999999998</v>
      </c>
    </row>
    <row r="13333" spans="1:6" x14ac:dyDescent="0.25">
      <c r="A13333">
        <v>164.04</v>
      </c>
      <c r="B13333">
        <v>189.52</v>
      </c>
      <c r="C13333">
        <v>18800</v>
      </c>
      <c r="D13333">
        <v>4</v>
      </c>
      <c r="E13333">
        <v>7137.11</v>
      </c>
      <c r="F13333">
        <v>53.111400000000003</v>
      </c>
    </row>
    <row r="13334" spans="1:6" x14ac:dyDescent="0.25">
      <c r="A13334">
        <v>164.04</v>
      </c>
      <c r="B13334">
        <v>193.15</v>
      </c>
      <c r="C13334">
        <v>1800</v>
      </c>
      <c r="D13334">
        <v>1</v>
      </c>
      <c r="E13334">
        <v>5333.32</v>
      </c>
      <c r="F13334">
        <v>60.063600000000001</v>
      </c>
    </row>
    <row r="13335" spans="1:6" x14ac:dyDescent="0.25">
      <c r="A13335">
        <v>164.04</v>
      </c>
      <c r="B13335">
        <v>193.15</v>
      </c>
      <c r="C13335">
        <v>1800</v>
      </c>
      <c r="D13335">
        <v>1.3</v>
      </c>
      <c r="E13335">
        <v>4722.7299999999996</v>
      </c>
      <c r="F13335">
        <v>23.903600000000001</v>
      </c>
    </row>
    <row r="13336" spans="1:6" x14ac:dyDescent="0.25">
      <c r="A13336">
        <v>164.04</v>
      </c>
      <c r="B13336">
        <v>193.15</v>
      </c>
      <c r="C13336">
        <v>1800</v>
      </c>
      <c r="D13336">
        <v>1.6</v>
      </c>
      <c r="E13336">
        <v>4319.08</v>
      </c>
      <c r="F13336">
        <v>53.918999999999997</v>
      </c>
    </row>
    <row r="13337" spans="1:6" x14ac:dyDescent="0.25">
      <c r="A13337">
        <v>164.04</v>
      </c>
      <c r="B13337">
        <v>193.15</v>
      </c>
      <c r="C13337">
        <v>1800</v>
      </c>
      <c r="D13337">
        <v>1.9</v>
      </c>
      <c r="E13337">
        <v>4037.55</v>
      </c>
      <c r="F13337">
        <v>50.161099999999998</v>
      </c>
    </row>
    <row r="13338" spans="1:6" x14ac:dyDescent="0.25">
      <c r="A13338">
        <v>164.04</v>
      </c>
      <c r="B13338">
        <v>193.15</v>
      </c>
      <c r="C13338">
        <v>1800</v>
      </c>
      <c r="D13338">
        <v>2.2000000000000002</v>
      </c>
      <c r="E13338">
        <v>3823.87</v>
      </c>
      <c r="F13338">
        <v>45.844200000000001</v>
      </c>
    </row>
    <row r="13339" spans="1:6" x14ac:dyDescent="0.25">
      <c r="A13339">
        <v>164.04</v>
      </c>
      <c r="B13339">
        <v>193.15</v>
      </c>
      <c r="C13339">
        <v>1800</v>
      </c>
      <c r="D13339">
        <v>2.5</v>
      </c>
      <c r="E13339">
        <v>3602.15</v>
      </c>
      <c r="F13339">
        <v>56.165599999999998</v>
      </c>
    </row>
    <row r="13340" spans="1:6" x14ac:dyDescent="0.25">
      <c r="A13340">
        <v>164.04</v>
      </c>
      <c r="B13340">
        <v>193.15</v>
      </c>
      <c r="C13340">
        <v>1800</v>
      </c>
      <c r="D13340">
        <v>2.8</v>
      </c>
      <c r="E13340">
        <v>3564.99</v>
      </c>
      <c r="F13340">
        <v>52.742100000000001</v>
      </c>
    </row>
    <row r="13341" spans="1:6" x14ac:dyDescent="0.25">
      <c r="A13341">
        <v>164.04</v>
      </c>
      <c r="B13341">
        <v>193.15</v>
      </c>
      <c r="C13341">
        <v>1800</v>
      </c>
      <c r="D13341">
        <v>3.1</v>
      </c>
      <c r="E13341">
        <v>3345.9</v>
      </c>
      <c r="F13341">
        <v>57.230800000000002</v>
      </c>
    </row>
    <row r="13342" spans="1:6" x14ac:dyDescent="0.25">
      <c r="A13342">
        <v>164.04</v>
      </c>
      <c r="B13342">
        <v>193.15</v>
      </c>
      <c r="C13342">
        <v>1800</v>
      </c>
      <c r="D13342">
        <v>3.4</v>
      </c>
      <c r="E13342">
        <v>3320.97</v>
      </c>
      <c r="F13342">
        <v>58.430700000000002</v>
      </c>
    </row>
    <row r="13343" spans="1:6" x14ac:dyDescent="0.25">
      <c r="A13343">
        <v>164.04</v>
      </c>
      <c r="B13343">
        <v>193.15</v>
      </c>
      <c r="C13343">
        <v>1800</v>
      </c>
      <c r="D13343">
        <v>3.7</v>
      </c>
      <c r="E13343">
        <v>3231.56</v>
      </c>
      <c r="F13343">
        <v>60.425400000000003</v>
      </c>
    </row>
    <row r="13344" spans="1:6" x14ac:dyDescent="0.25">
      <c r="A13344">
        <v>164.04</v>
      </c>
      <c r="B13344">
        <v>193.15</v>
      </c>
      <c r="C13344">
        <v>1800</v>
      </c>
      <c r="D13344">
        <v>4</v>
      </c>
      <c r="E13344">
        <v>3179.78</v>
      </c>
      <c r="F13344">
        <v>62.063000000000002</v>
      </c>
    </row>
    <row r="13345" spans="1:6" x14ac:dyDescent="0.25">
      <c r="A13345">
        <v>164.04</v>
      </c>
      <c r="B13345">
        <v>193.15</v>
      </c>
      <c r="C13345">
        <v>3345.45</v>
      </c>
      <c r="D13345">
        <v>1</v>
      </c>
      <c r="E13345">
        <v>6745.84</v>
      </c>
      <c r="F13345">
        <v>60.063600000000001</v>
      </c>
    </row>
    <row r="13346" spans="1:6" x14ac:dyDescent="0.25">
      <c r="A13346">
        <v>164.04</v>
      </c>
      <c r="B13346">
        <v>193.15</v>
      </c>
      <c r="C13346">
        <v>3345.45</v>
      </c>
      <c r="D13346">
        <v>1.3</v>
      </c>
      <c r="E13346">
        <v>6109.04</v>
      </c>
      <c r="F13346">
        <v>19.363600000000002</v>
      </c>
    </row>
    <row r="13347" spans="1:6" x14ac:dyDescent="0.25">
      <c r="A13347">
        <v>164.04</v>
      </c>
      <c r="B13347">
        <v>193.15</v>
      </c>
      <c r="C13347">
        <v>3345.45</v>
      </c>
      <c r="D13347">
        <v>1.6</v>
      </c>
      <c r="E13347">
        <v>5821.33</v>
      </c>
      <c r="F13347">
        <v>58.347099999999998</v>
      </c>
    </row>
    <row r="13348" spans="1:6" x14ac:dyDescent="0.25">
      <c r="A13348">
        <v>164.04</v>
      </c>
      <c r="B13348">
        <v>193.15</v>
      </c>
      <c r="C13348">
        <v>3345.45</v>
      </c>
      <c r="D13348">
        <v>1.9</v>
      </c>
      <c r="E13348">
        <v>5438.07</v>
      </c>
      <c r="F13348">
        <v>54.973199999999999</v>
      </c>
    </row>
    <row r="13349" spans="1:6" x14ac:dyDescent="0.25">
      <c r="A13349">
        <v>164.04</v>
      </c>
      <c r="B13349">
        <v>193.15</v>
      </c>
      <c r="C13349">
        <v>3345.45</v>
      </c>
      <c r="D13349">
        <v>2.2000000000000002</v>
      </c>
      <c r="E13349">
        <v>5062.42</v>
      </c>
      <c r="F13349">
        <v>52.2196</v>
      </c>
    </row>
    <row r="13350" spans="1:6" x14ac:dyDescent="0.25">
      <c r="A13350">
        <v>164.04</v>
      </c>
      <c r="B13350">
        <v>193.15</v>
      </c>
      <c r="C13350">
        <v>3345.45</v>
      </c>
      <c r="D13350">
        <v>2.5</v>
      </c>
      <c r="E13350">
        <v>4883.03</v>
      </c>
      <c r="F13350">
        <v>50.3643</v>
      </c>
    </row>
    <row r="13351" spans="1:6" x14ac:dyDescent="0.25">
      <c r="A13351">
        <v>164.04</v>
      </c>
      <c r="B13351">
        <v>193.15</v>
      </c>
      <c r="C13351">
        <v>3345.45</v>
      </c>
      <c r="D13351">
        <v>2.8</v>
      </c>
      <c r="E13351">
        <v>4838.75</v>
      </c>
      <c r="F13351">
        <v>56.6813</v>
      </c>
    </row>
    <row r="13352" spans="1:6" x14ac:dyDescent="0.25">
      <c r="A13352">
        <v>164.04</v>
      </c>
      <c r="B13352">
        <v>193.15</v>
      </c>
      <c r="C13352">
        <v>3345.45</v>
      </c>
      <c r="D13352">
        <v>3.1</v>
      </c>
      <c r="E13352">
        <v>4639.37</v>
      </c>
      <c r="F13352">
        <v>55.567799999999998</v>
      </c>
    </row>
    <row r="13353" spans="1:6" x14ac:dyDescent="0.25">
      <c r="A13353">
        <v>164.04</v>
      </c>
      <c r="B13353">
        <v>193.15</v>
      </c>
      <c r="C13353">
        <v>3345.45</v>
      </c>
      <c r="D13353">
        <v>3.4</v>
      </c>
      <c r="E13353">
        <v>4551.45</v>
      </c>
      <c r="F13353">
        <v>54.2273</v>
      </c>
    </row>
    <row r="13354" spans="1:6" x14ac:dyDescent="0.25">
      <c r="A13354">
        <v>164.04</v>
      </c>
      <c r="B13354">
        <v>193.15</v>
      </c>
      <c r="C13354">
        <v>3345.45</v>
      </c>
      <c r="D13354">
        <v>3.7</v>
      </c>
      <c r="E13354">
        <v>4486.2</v>
      </c>
      <c r="F13354">
        <v>53.569299999999998</v>
      </c>
    </row>
    <row r="13355" spans="1:6" x14ac:dyDescent="0.25">
      <c r="A13355">
        <v>164.04</v>
      </c>
      <c r="B13355">
        <v>193.15</v>
      </c>
      <c r="C13355">
        <v>3345.45</v>
      </c>
      <c r="D13355">
        <v>4</v>
      </c>
      <c r="E13355">
        <v>4481.87</v>
      </c>
      <c r="F13355">
        <v>53.111400000000003</v>
      </c>
    </row>
    <row r="13356" spans="1:6" x14ac:dyDescent="0.25">
      <c r="A13356">
        <v>164.04</v>
      </c>
      <c r="B13356">
        <v>193.15</v>
      </c>
      <c r="C13356">
        <v>4890.8999999999996</v>
      </c>
      <c r="D13356">
        <v>1</v>
      </c>
      <c r="E13356">
        <v>8223.67</v>
      </c>
      <c r="F13356">
        <v>60.063600000000001</v>
      </c>
    </row>
    <row r="13357" spans="1:6" x14ac:dyDescent="0.25">
      <c r="A13357">
        <v>164.04</v>
      </c>
      <c r="B13357">
        <v>193.15</v>
      </c>
      <c r="C13357">
        <v>4890.8999999999996</v>
      </c>
      <c r="D13357">
        <v>1.3</v>
      </c>
      <c r="E13357">
        <v>7537.45</v>
      </c>
      <c r="F13357">
        <v>19.363600000000002</v>
      </c>
    </row>
    <row r="13358" spans="1:6" x14ac:dyDescent="0.25">
      <c r="A13358">
        <v>164.04</v>
      </c>
      <c r="B13358">
        <v>193.15</v>
      </c>
      <c r="C13358">
        <v>4890.8999999999996</v>
      </c>
      <c r="D13358">
        <v>1.6</v>
      </c>
      <c r="E13358">
        <v>7133.45</v>
      </c>
      <c r="F13358">
        <v>58.347099999999998</v>
      </c>
    </row>
    <row r="13359" spans="1:6" x14ac:dyDescent="0.25">
      <c r="A13359">
        <v>164.04</v>
      </c>
      <c r="B13359">
        <v>193.15</v>
      </c>
      <c r="C13359">
        <v>4890.8999999999996</v>
      </c>
      <c r="D13359">
        <v>1.9</v>
      </c>
      <c r="E13359">
        <v>6882.09</v>
      </c>
      <c r="F13359">
        <v>54.973199999999999</v>
      </c>
    </row>
    <row r="13360" spans="1:6" x14ac:dyDescent="0.25">
      <c r="A13360">
        <v>164.04</v>
      </c>
      <c r="B13360">
        <v>193.15</v>
      </c>
      <c r="C13360">
        <v>4890.8999999999996</v>
      </c>
      <c r="D13360">
        <v>2.2000000000000002</v>
      </c>
      <c r="E13360">
        <v>6480.29</v>
      </c>
      <c r="F13360">
        <v>52.2196</v>
      </c>
    </row>
    <row r="13361" spans="1:6" x14ac:dyDescent="0.25">
      <c r="A13361">
        <v>164.04</v>
      </c>
      <c r="B13361">
        <v>193.15</v>
      </c>
      <c r="C13361">
        <v>4890.8999999999996</v>
      </c>
      <c r="D13361">
        <v>2.5</v>
      </c>
      <c r="E13361">
        <v>6317.74</v>
      </c>
      <c r="F13361">
        <v>50.3643</v>
      </c>
    </row>
    <row r="13362" spans="1:6" x14ac:dyDescent="0.25">
      <c r="A13362">
        <v>164.04</v>
      </c>
      <c r="B13362">
        <v>193.15</v>
      </c>
      <c r="C13362">
        <v>4890.8999999999996</v>
      </c>
      <c r="D13362">
        <v>2.8</v>
      </c>
      <c r="E13362">
        <v>6209.96</v>
      </c>
      <c r="F13362">
        <v>56.6813</v>
      </c>
    </row>
    <row r="13363" spans="1:6" x14ac:dyDescent="0.25">
      <c r="A13363">
        <v>164.04</v>
      </c>
      <c r="B13363">
        <v>193.15</v>
      </c>
      <c r="C13363">
        <v>4890.8999999999996</v>
      </c>
      <c r="D13363">
        <v>3.1</v>
      </c>
      <c r="E13363">
        <v>6085.27</v>
      </c>
      <c r="F13363">
        <v>55.567799999999998</v>
      </c>
    </row>
    <row r="13364" spans="1:6" x14ac:dyDescent="0.25">
      <c r="A13364">
        <v>164.04</v>
      </c>
      <c r="B13364">
        <v>193.15</v>
      </c>
      <c r="C13364">
        <v>4890.8999999999996</v>
      </c>
      <c r="D13364">
        <v>3.4</v>
      </c>
      <c r="E13364">
        <v>6118.75</v>
      </c>
      <c r="F13364">
        <v>54.2273</v>
      </c>
    </row>
    <row r="13365" spans="1:6" x14ac:dyDescent="0.25">
      <c r="A13365">
        <v>164.04</v>
      </c>
      <c r="B13365">
        <v>193.15</v>
      </c>
      <c r="C13365">
        <v>4890.8999999999996</v>
      </c>
      <c r="D13365">
        <v>3.7</v>
      </c>
      <c r="E13365">
        <v>5990.86</v>
      </c>
      <c r="F13365">
        <v>53.569299999999998</v>
      </c>
    </row>
    <row r="13366" spans="1:6" x14ac:dyDescent="0.25">
      <c r="A13366">
        <v>164.04</v>
      </c>
      <c r="B13366">
        <v>193.15</v>
      </c>
      <c r="C13366">
        <v>4890.8999999999996</v>
      </c>
      <c r="D13366">
        <v>4</v>
      </c>
      <c r="E13366">
        <v>5838.85</v>
      </c>
      <c r="F13366">
        <v>53.111400000000003</v>
      </c>
    </row>
    <row r="13367" spans="1:6" x14ac:dyDescent="0.25">
      <c r="A13367">
        <v>164.04</v>
      </c>
      <c r="B13367">
        <v>193.15</v>
      </c>
      <c r="C13367">
        <v>6436.35</v>
      </c>
      <c r="D13367">
        <v>1</v>
      </c>
      <c r="E13367">
        <v>8523.0300000000007</v>
      </c>
      <c r="F13367">
        <v>60.063600000000001</v>
      </c>
    </row>
    <row r="13368" spans="1:6" x14ac:dyDescent="0.25">
      <c r="A13368">
        <v>164.04</v>
      </c>
      <c r="B13368">
        <v>193.15</v>
      </c>
      <c r="C13368">
        <v>6436.35</v>
      </c>
      <c r="D13368">
        <v>1.3</v>
      </c>
      <c r="E13368">
        <v>7959.18</v>
      </c>
      <c r="F13368">
        <v>19.363600000000002</v>
      </c>
    </row>
    <row r="13369" spans="1:6" x14ac:dyDescent="0.25">
      <c r="A13369">
        <v>164.04</v>
      </c>
      <c r="B13369">
        <v>193.15</v>
      </c>
      <c r="C13369">
        <v>6436.35</v>
      </c>
      <c r="D13369">
        <v>1.6</v>
      </c>
      <c r="E13369">
        <v>8248.18</v>
      </c>
      <c r="F13369">
        <v>58.347099999999998</v>
      </c>
    </row>
    <row r="13370" spans="1:6" x14ac:dyDescent="0.25">
      <c r="A13370">
        <v>164.04</v>
      </c>
      <c r="B13370">
        <v>193.15</v>
      </c>
      <c r="C13370">
        <v>6436.35</v>
      </c>
      <c r="D13370">
        <v>1.9</v>
      </c>
      <c r="E13370">
        <v>7724.95</v>
      </c>
      <c r="F13370">
        <v>54.973199999999999</v>
      </c>
    </row>
    <row r="13371" spans="1:6" x14ac:dyDescent="0.25">
      <c r="A13371">
        <v>164.04</v>
      </c>
      <c r="B13371">
        <v>193.15</v>
      </c>
      <c r="C13371">
        <v>6436.35</v>
      </c>
      <c r="D13371">
        <v>2.2000000000000002</v>
      </c>
      <c r="E13371">
        <v>7500.18</v>
      </c>
      <c r="F13371">
        <v>52.2196</v>
      </c>
    </row>
    <row r="13372" spans="1:6" x14ac:dyDescent="0.25">
      <c r="A13372">
        <v>164.04</v>
      </c>
      <c r="B13372">
        <v>193.15</v>
      </c>
      <c r="C13372">
        <v>6436.35</v>
      </c>
      <c r="D13372">
        <v>2.5</v>
      </c>
      <c r="E13372">
        <v>7498.37</v>
      </c>
      <c r="F13372">
        <v>50.3643</v>
      </c>
    </row>
    <row r="13373" spans="1:6" x14ac:dyDescent="0.25">
      <c r="A13373">
        <v>164.04</v>
      </c>
      <c r="B13373">
        <v>193.15</v>
      </c>
      <c r="C13373">
        <v>6436.35</v>
      </c>
      <c r="D13373">
        <v>2.8</v>
      </c>
      <c r="E13373">
        <v>7342.18</v>
      </c>
      <c r="F13373">
        <v>56.6813</v>
      </c>
    </row>
    <row r="13374" spans="1:6" x14ac:dyDescent="0.25">
      <c r="A13374">
        <v>164.04</v>
      </c>
      <c r="B13374">
        <v>193.15</v>
      </c>
      <c r="C13374">
        <v>6436.35</v>
      </c>
      <c r="D13374">
        <v>3.1</v>
      </c>
      <c r="E13374">
        <v>7339.91</v>
      </c>
      <c r="F13374">
        <v>55.567799999999998</v>
      </c>
    </row>
    <row r="13375" spans="1:6" x14ac:dyDescent="0.25">
      <c r="A13375">
        <v>164.04</v>
      </c>
      <c r="B13375">
        <v>193.15</v>
      </c>
      <c r="C13375">
        <v>6436.35</v>
      </c>
      <c r="D13375">
        <v>3.4</v>
      </c>
      <c r="E13375">
        <v>7232.56</v>
      </c>
      <c r="F13375">
        <v>54.2273</v>
      </c>
    </row>
    <row r="13376" spans="1:6" x14ac:dyDescent="0.25">
      <c r="A13376">
        <v>164.04</v>
      </c>
      <c r="B13376">
        <v>193.15</v>
      </c>
      <c r="C13376">
        <v>6436.35</v>
      </c>
      <c r="D13376">
        <v>3.7</v>
      </c>
      <c r="E13376">
        <v>7274.96</v>
      </c>
      <c r="F13376">
        <v>53.569299999999998</v>
      </c>
    </row>
    <row r="13377" spans="1:6" x14ac:dyDescent="0.25">
      <c r="A13377">
        <v>164.04</v>
      </c>
      <c r="B13377">
        <v>193.15</v>
      </c>
      <c r="C13377">
        <v>6436.35</v>
      </c>
      <c r="D13377">
        <v>4</v>
      </c>
      <c r="E13377">
        <v>7137.11</v>
      </c>
      <c r="F13377">
        <v>53.111400000000003</v>
      </c>
    </row>
    <row r="13378" spans="1:6" x14ac:dyDescent="0.25">
      <c r="A13378">
        <v>164.04</v>
      </c>
      <c r="B13378">
        <v>193.15</v>
      </c>
      <c r="C13378">
        <v>7981.8</v>
      </c>
      <c r="D13378">
        <v>1</v>
      </c>
      <c r="E13378">
        <v>8523.0300000000007</v>
      </c>
      <c r="F13378">
        <v>60.063600000000001</v>
      </c>
    </row>
    <row r="13379" spans="1:6" x14ac:dyDescent="0.25">
      <c r="A13379">
        <v>164.04</v>
      </c>
      <c r="B13379">
        <v>193.15</v>
      </c>
      <c r="C13379">
        <v>7981.8</v>
      </c>
      <c r="D13379">
        <v>1.3</v>
      </c>
      <c r="E13379">
        <v>7959.18</v>
      </c>
      <c r="F13379">
        <v>19.363600000000002</v>
      </c>
    </row>
    <row r="13380" spans="1:6" x14ac:dyDescent="0.25">
      <c r="A13380">
        <v>164.04</v>
      </c>
      <c r="B13380">
        <v>193.15</v>
      </c>
      <c r="C13380">
        <v>7981.8</v>
      </c>
      <c r="D13380">
        <v>1.6</v>
      </c>
      <c r="E13380">
        <v>8248.18</v>
      </c>
      <c r="F13380">
        <v>58.347099999999998</v>
      </c>
    </row>
    <row r="13381" spans="1:6" x14ac:dyDescent="0.25">
      <c r="A13381">
        <v>164.04</v>
      </c>
      <c r="B13381">
        <v>193.15</v>
      </c>
      <c r="C13381">
        <v>7981.8</v>
      </c>
      <c r="D13381">
        <v>1.9</v>
      </c>
      <c r="E13381">
        <v>7724.95</v>
      </c>
      <c r="F13381">
        <v>54.973199999999999</v>
      </c>
    </row>
    <row r="13382" spans="1:6" x14ac:dyDescent="0.25">
      <c r="A13382">
        <v>164.04</v>
      </c>
      <c r="B13382">
        <v>193.15</v>
      </c>
      <c r="C13382">
        <v>7981.8</v>
      </c>
      <c r="D13382">
        <v>2.2000000000000002</v>
      </c>
      <c r="E13382">
        <v>7500.18</v>
      </c>
      <c r="F13382">
        <v>52.2196</v>
      </c>
    </row>
    <row r="13383" spans="1:6" x14ac:dyDescent="0.25">
      <c r="A13383">
        <v>164.04</v>
      </c>
      <c r="B13383">
        <v>193.15</v>
      </c>
      <c r="C13383">
        <v>7981.8</v>
      </c>
      <c r="D13383">
        <v>2.5</v>
      </c>
      <c r="E13383">
        <v>7754.59</v>
      </c>
      <c r="F13383">
        <v>50.3643</v>
      </c>
    </row>
    <row r="13384" spans="1:6" x14ac:dyDescent="0.25">
      <c r="A13384">
        <v>164.04</v>
      </c>
      <c r="B13384">
        <v>193.15</v>
      </c>
      <c r="C13384">
        <v>7981.8</v>
      </c>
      <c r="D13384">
        <v>2.8</v>
      </c>
      <c r="E13384">
        <v>7342.18</v>
      </c>
      <c r="F13384">
        <v>56.6813</v>
      </c>
    </row>
    <row r="13385" spans="1:6" x14ac:dyDescent="0.25">
      <c r="A13385">
        <v>164.04</v>
      </c>
      <c r="B13385">
        <v>193.15</v>
      </c>
      <c r="C13385">
        <v>7981.8</v>
      </c>
      <c r="D13385">
        <v>3.1</v>
      </c>
      <c r="E13385">
        <v>7339.91</v>
      </c>
      <c r="F13385">
        <v>55.567799999999998</v>
      </c>
    </row>
    <row r="13386" spans="1:6" x14ac:dyDescent="0.25">
      <c r="A13386">
        <v>164.04</v>
      </c>
      <c r="B13386">
        <v>193.15</v>
      </c>
      <c r="C13386">
        <v>7981.8</v>
      </c>
      <c r="D13386">
        <v>3.4</v>
      </c>
      <c r="E13386">
        <v>7816.42</v>
      </c>
      <c r="F13386">
        <v>54.2273</v>
      </c>
    </row>
    <row r="13387" spans="1:6" x14ac:dyDescent="0.25">
      <c r="A13387">
        <v>164.04</v>
      </c>
      <c r="B13387">
        <v>193.15</v>
      </c>
      <c r="C13387">
        <v>7981.8</v>
      </c>
      <c r="D13387">
        <v>3.7</v>
      </c>
      <c r="E13387">
        <v>7867.42</v>
      </c>
      <c r="F13387">
        <v>53.569299999999998</v>
      </c>
    </row>
    <row r="13388" spans="1:6" x14ac:dyDescent="0.25">
      <c r="A13388">
        <v>164.04</v>
      </c>
      <c r="B13388">
        <v>193.15</v>
      </c>
      <c r="C13388">
        <v>7981.8</v>
      </c>
      <c r="D13388">
        <v>4</v>
      </c>
      <c r="E13388">
        <v>7137.11</v>
      </c>
      <c r="F13388">
        <v>53.111400000000003</v>
      </c>
    </row>
    <row r="13389" spans="1:6" x14ac:dyDescent="0.25">
      <c r="A13389">
        <v>164.04</v>
      </c>
      <c r="B13389">
        <v>193.15</v>
      </c>
      <c r="C13389">
        <v>9527.25</v>
      </c>
      <c r="D13389">
        <v>1</v>
      </c>
      <c r="E13389">
        <v>8523.0300000000007</v>
      </c>
      <c r="F13389">
        <v>60.063600000000001</v>
      </c>
    </row>
    <row r="13390" spans="1:6" x14ac:dyDescent="0.25">
      <c r="A13390">
        <v>164.04</v>
      </c>
      <c r="B13390">
        <v>193.15</v>
      </c>
      <c r="C13390">
        <v>9527.25</v>
      </c>
      <c r="D13390">
        <v>1.3</v>
      </c>
      <c r="E13390">
        <v>7959.18</v>
      </c>
      <c r="F13390">
        <v>19.363600000000002</v>
      </c>
    </row>
    <row r="13391" spans="1:6" x14ac:dyDescent="0.25">
      <c r="A13391">
        <v>164.04</v>
      </c>
      <c r="B13391">
        <v>193.15</v>
      </c>
      <c r="C13391">
        <v>9527.25</v>
      </c>
      <c r="D13391">
        <v>1.6</v>
      </c>
      <c r="E13391">
        <v>8248.18</v>
      </c>
      <c r="F13391">
        <v>58.347099999999998</v>
      </c>
    </row>
    <row r="13392" spans="1:6" x14ac:dyDescent="0.25">
      <c r="A13392">
        <v>164.04</v>
      </c>
      <c r="B13392">
        <v>193.15</v>
      </c>
      <c r="C13392">
        <v>9527.25</v>
      </c>
      <c r="D13392">
        <v>1.9</v>
      </c>
      <c r="E13392">
        <v>7724.95</v>
      </c>
      <c r="F13392">
        <v>54.973199999999999</v>
      </c>
    </row>
    <row r="13393" spans="1:6" x14ac:dyDescent="0.25">
      <c r="A13393">
        <v>164.04</v>
      </c>
      <c r="B13393">
        <v>193.15</v>
      </c>
      <c r="C13393">
        <v>9527.25</v>
      </c>
      <c r="D13393">
        <v>2.2000000000000002</v>
      </c>
      <c r="E13393">
        <v>7500.18</v>
      </c>
      <c r="F13393">
        <v>52.2196</v>
      </c>
    </row>
    <row r="13394" spans="1:6" x14ac:dyDescent="0.25">
      <c r="A13394">
        <v>164.04</v>
      </c>
      <c r="B13394">
        <v>193.15</v>
      </c>
      <c r="C13394">
        <v>9527.25</v>
      </c>
      <c r="D13394">
        <v>2.5</v>
      </c>
      <c r="E13394">
        <v>7754.59</v>
      </c>
      <c r="F13394">
        <v>50.3643</v>
      </c>
    </row>
    <row r="13395" spans="1:6" x14ac:dyDescent="0.25">
      <c r="A13395">
        <v>164.04</v>
      </c>
      <c r="B13395">
        <v>193.15</v>
      </c>
      <c r="C13395">
        <v>9527.25</v>
      </c>
      <c r="D13395">
        <v>2.8</v>
      </c>
      <c r="E13395">
        <v>7342.18</v>
      </c>
      <c r="F13395">
        <v>56.6813</v>
      </c>
    </row>
    <row r="13396" spans="1:6" x14ac:dyDescent="0.25">
      <c r="A13396">
        <v>164.04</v>
      </c>
      <c r="B13396">
        <v>193.15</v>
      </c>
      <c r="C13396">
        <v>9527.25</v>
      </c>
      <c r="D13396">
        <v>3.1</v>
      </c>
      <c r="E13396">
        <v>7339.91</v>
      </c>
      <c r="F13396">
        <v>55.567799999999998</v>
      </c>
    </row>
    <row r="13397" spans="1:6" x14ac:dyDescent="0.25">
      <c r="A13397">
        <v>164.04</v>
      </c>
      <c r="B13397">
        <v>193.15</v>
      </c>
      <c r="C13397">
        <v>9527.25</v>
      </c>
      <c r="D13397">
        <v>3.4</v>
      </c>
      <c r="E13397">
        <v>7816.42</v>
      </c>
      <c r="F13397">
        <v>54.2273</v>
      </c>
    </row>
    <row r="13398" spans="1:6" x14ac:dyDescent="0.25">
      <c r="A13398">
        <v>164.04</v>
      </c>
      <c r="B13398">
        <v>193.15</v>
      </c>
      <c r="C13398">
        <v>9527.25</v>
      </c>
      <c r="D13398">
        <v>3.7</v>
      </c>
      <c r="E13398">
        <v>7867.42</v>
      </c>
      <c r="F13398">
        <v>53.569299999999998</v>
      </c>
    </row>
    <row r="13399" spans="1:6" x14ac:dyDescent="0.25">
      <c r="A13399">
        <v>164.04</v>
      </c>
      <c r="B13399">
        <v>193.15</v>
      </c>
      <c r="C13399">
        <v>9527.25</v>
      </c>
      <c r="D13399">
        <v>4</v>
      </c>
      <c r="E13399">
        <v>7137.11</v>
      </c>
      <c r="F13399">
        <v>53.111400000000003</v>
      </c>
    </row>
    <row r="13400" spans="1:6" x14ac:dyDescent="0.25">
      <c r="A13400">
        <v>164.04</v>
      </c>
      <c r="B13400">
        <v>193.15</v>
      </c>
      <c r="C13400">
        <v>11072.7</v>
      </c>
      <c r="D13400">
        <v>1</v>
      </c>
      <c r="E13400">
        <v>8523.0300000000007</v>
      </c>
      <c r="F13400">
        <v>60.063600000000001</v>
      </c>
    </row>
    <row r="13401" spans="1:6" x14ac:dyDescent="0.25">
      <c r="A13401">
        <v>164.04</v>
      </c>
      <c r="B13401">
        <v>193.15</v>
      </c>
      <c r="C13401">
        <v>11072.7</v>
      </c>
      <c r="D13401">
        <v>1.3</v>
      </c>
      <c r="E13401">
        <v>7959.18</v>
      </c>
      <c r="F13401">
        <v>19.363600000000002</v>
      </c>
    </row>
    <row r="13402" spans="1:6" x14ac:dyDescent="0.25">
      <c r="A13402">
        <v>164.04</v>
      </c>
      <c r="B13402">
        <v>193.15</v>
      </c>
      <c r="C13402">
        <v>11072.7</v>
      </c>
      <c r="D13402">
        <v>1.6</v>
      </c>
      <c r="E13402">
        <v>8248.18</v>
      </c>
      <c r="F13402">
        <v>58.347099999999998</v>
      </c>
    </row>
    <row r="13403" spans="1:6" x14ac:dyDescent="0.25">
      <c r="A13403">
        <v>164.04</v>
      </c>
      <c r="B13403">
        <v>193.15</v>
      </c>
      <c r="C13403">
        <v>11072.7</v>
      </c>
      <c r="D13403">
        <v>1.9</v>
      </c>
      <c r="E13403">
        <v>7724.95</v>
      </c>
      <c r="F13403">
        <v>54.973199999999999</v>
      </c>
    </row>
    <row r="13404" spans="1:6" x14ac:dyDescent="0.25">
      <c r="A13404">
        <v>164.04</v>
      </c>
      <c r="B13404">
        <v>193.15</v>
      </c>
      <c r="C13404">
        <v>11072.7</v>
      </c>
      <c r="D13404">
        <v>2.2000000000000002</v>
      </c>
      <c r="E13404">
        <v>7500.18</v>
      </c>
      <c r="F13404">
        <v>52.2196</v>
      </c>
    </row>
    <row r="13405" spans="1:6" x14ac:dyDescent="0.25">
      <c r="A13405">
        <v>164.04</v>
      </c>
      <c r="B13405">
        <v>193.15</v>
      </c>
      <c r="C13405">
        <v>11072.7</v>
      </c>
      <c r="D13405">
        <v>2.5</v>
      </c>
      <c r="E13405">
        <v>7754.59</v>
      </c>
      <c r="F13405">
        <v>50.3643</v>
      </c>
    </row>
    <row r="13406" spans="1:6" x14ac:dyDescent="0.25">
      <c r="A13406">
        <v>164.04</v>
      </c>
      <c r="B13406">
        <v>193.15</v>
      </c>
      <c r="C13406">
        <v>11072.7</v>
      </c>
      <c r="D13406">
        <v>2.8</v>
      </c>
      <c r="E13406">
        <v>7342.18</v>
      </c>
      <c r="F13406">
        <v>56.6813</v>
      </c>
    </row>
    <row r="13407" spans="1:6" x14ac:dyDescent="0.25">
      <c r="A13407">
        <v>164.04</v>
      </c>
      <c r="B13407">
        <v>193.15</v>
      </c>
      <c r="C13407">
        <v>11072.7</v>
      </c>
      <c r="D13407">
        <v>3.1</v>
      </c>
      <c r="E13407">
        <v>7339.91</v>
      </c>
      <c r="F13407">
        <v>55.567799999999998</v>
      </c>
    </row>
    <row r="13408" spans="1:6" x14ac:dyDescent="0.25">
      <c r="A13408">
        <v>164.04</v>
      </c>
      <c r="B13408">
        <v>193.15</v>
      </c>
      <c r="C13408">
        <v>11072.7</v>
      </c>
      <c r="D13408">
        <v>3.4</v>
      </c>
      <c r="E13408">
        <v>7816.42</v>
      </c>
      <c r="F13408">
        <v>54.2273</v>
      </c>
    </row>
    <row r="13409" spans="1:6" x14ac:dyDescent="0.25">
      <c r="A13409">
        <v>164.04</v>
      </c>
      <c r="B13409">
        <v>193.15</v>
      </c>
      <c r="C13409">
        <v>11072.7</v>
      </c>
      <c r="D13409">
        <v>3.7</v>
      </c>
      <c r="E13409">
        <v>7867.42</v>
      </c>
      <c r="F13409">
        <v>53.569299999999998</v>
      </c>
    </row>
    <row r="13410" spans="1:6" x14ac:dyDescent="0.25">
      <c r="A13410">
        <v>164.04</v>
      </c>
      <c r="B13410">
        <v>193.15</v>
      </c>
      <c r="C13410">
        <v>11072.7</v>
      </c>
      <c r="D13410">
        <v>4</v>
      </c>
      <c r="E13410">
        <v>7137.11</v>
      </c>
      <c r="F13410">
        <v>53.111400000000003</v>
      </c>
    </row>
    <row r="13411" spans="1:6" x14ac:dyDescent="0.25">
      <c r="A13411">
        <v>164.04</v>
      </c>
      <c r="B13411">
        <v>193.15</v>
      </c>
      <c r="C13411">
        <v>12618.2</v>
      </c>
      <c r="D13411">
        <v>1</v>
      </c>
      <c r="E13411">
        <v>8523.0300000000007</v>
      </c>
      <c r="F13411">
        <v>60.063600000000001</v>
      </c>
    </row>
    <row r="13412" spans="1:6" x14ac:dyDescent="0.25">
      <c r="A13412">
        <v>164.04</v>
      </c>
      <c r="B13412">
        <v>193.15</v>
      </c>
      <c r="C13412">
        <v>12618.2</v>
      </c>
      <c r="D13412">
        <v>1.3</v>
      </c>
      <c r="E13412">
        <v>7959.18</v>
      </c>
      <c r="F13412">
        <v>19.363600000000002</v>
      </c>
    </row>
    <row r="13413" spans="1:6" x14ac:dyDescent="0.25">
      <c r="A13413">
        <v>164.04</v>
      </c>
      <c r="B13413">
        <v>193.15</v>
      </c>
      <c r="C13413">
        <v>12618.2</v>
      </c>
      <c r="D13413">
        <v>1.6</v>
      </c>
      <c r="E13413">
        <v>8248.18</v>
      </c>
      <c r="F13413">
        <v>58.347099999999998</v>
      </c>
    </row>
    <row r="13414" spans="1:6" x14ac:dyDescent="0.25">
      <c r="A13414">
        <v>164.04</v>
      </c>
      <c r="B13414">
        <v>193.15</v>
      </c>
      <c r="C13414">
        <v>12618.2</v>
      </c>
      <c r="D13414">
        <v>1.9</v>
      </c>
      <c r="E13414">
        <v>7724.95</v>
      </c>
      <c r="F13414">
        <v>54.973199999999999</v>
      </c>
    </row>
    <row r="13415" spans="1:6" x14ac:dyDescent="0.25">
      <c r="A13415">
        <v>164.04</v>
      </c>
      <c r="B13415">
        <v>193.15</v>
      </c>
      <c r="C13415">
        <v>12618.2</v>
      </c>
      <c r="D13415">
        <v>2.2000000000000002</v>
      </c>
      <c r="E13415">
        <v>7500.18</v>
      </c>
      <c r="F13415">
        <v>52.2196</v>
      </c>
    </row>
    <row r="13416" spans="1:6" x14ac:dyDescent="0.25">
      <c r="A13416">
        <v>164.04</v>
      </c>
      <c r="B13416">
        <v>193.15</v>
      </c>
      <c r="C13416">
        <v>12618.2</v>
      </c>
      <c r="D13416">
        <v>2.5</v>
      </c>
      <c r="E13416">
        <v>7754.59</v>
      </c>
      <c r="F13416">
        <v>50.3643</v>
      </c>
    </row>
    <row r="13417" spans="1:6" x14ac:dyDescent="0.25">
      <c r="A13417">
        <v>164.04</v>
      </c>
      <c r="B13417">
        <v>193.15</v>
      </c>
      <c r="C13417">
        <v>12618.2</v>
      </c>
      <c r="D13417">
        <v>2.8</v>
      </c>
      <c r="E13417">
        <v>7342.18</v>
      </c>
      <c r="F13417">
        <v>56.6813</v>
      </c>
    </row>
    <row r="13418" spans="1:6" x14ac:dyDescent="0.25">
      <c r="A13418">
        <v>164.04</v>
      </c>
      <c r="B13418">
        <v>193.15</v>
      </c>
      <c r="C13418">
        <v>12618.2</v>
      </c>
      <c r="D13418">
        <v>3.1</v>
      </c>
      <c r="E13418">
        <v>7339.91</v>
      </c>
      <c r="F13418">
        <v>55.567799999999998</v>
      </c>
    </row>
    <row r="13419" spans="1:6" x14ac:dyDescent="0.25">
      <c r="A13419">
        <v>164.04</v>
      </c>
      <c r="B13419">
        <v>193.15</v>
      </c>
      <c r="C13419">
        <v>12618.2</v>
      </c>
      <c r="D13419">
        <v>3.4</v>
      </c>
      <c r="E13419">
        <v>7816.42</v>
      </c>
      <c r="F13419">
        <v>54.2273</v>
      </c>
    </row>
    <row r="13420" spans="1:6" x14ac:dyDescent="0.25">
      <c r="A13420">
        <v>164.04</v>
      </c>
      <c r="B13420">
        <v>193.15</v>
      </c>
      <c r="C13420">
        <v>12618.2</v>
      </c>
      <c r="D13420">
        <v>3.7</v>
      </c>
      <c r="E13420">
        <v>7867.42</v>
      </c>
      <c r="F13420">
        <v>53.569299999999998</v>
      </c>
    </row>
    <row r="13421" spans="1:6" x14ac:dyDescent="0.25">
      <c r="A13421">
        <v>164.04</v>
      </c>
      <c r="B13421">
        <v>193.15</v>
      </c>
      <c r="C13421">
        <v>12618.2</v>
      </c>
      <c r="D13421">
        <v>4</v>
      </c>
      <c r="E13421">
        <v>7137.11</v>
      </c>
      <c r="F13421">
        <v>53.111400000000003</v>
      </c>
    </row>
    <row r="13422" spans="1:6" x14ac:dyDescent="0.25">
      <c r="A13422">
        <v>164.04</v>
      </c>
      <c r="B13422">
        <v>193.15</v>
      </c>
      <c r="C13422">
        <v>14163.6</v>
      </c>
      <c r="D13422">
        <v>1</v>
      </c>
      <c r="E13422">
        <v>8523.0300000000007</v>
      </c>
      <c r="F13422">
        <v>60.063600000000001</v>
      </c>
    </row>
    <row r="13423" spans="1:6" x14ac:dyDescent="0.25">
      <c r="A13423">
        <v>164.04</v>
      </c>
      <c r="B13423">
        <v>193.15</v>
      </c>
      <c r="C13423">
        <v>14163.6</v>
      </c>
      <c r="D13423">
        <v>1.3</v>
      </c>
      <c r="E13423">
        <v>7959.18</v>
      </c>
      <c r="F13423">
        <v>19.363600000000002</v>
      </c>
    </row>
    <row r="13424" spans="1:6" x14ac:dyDescent="0.25">
      <c r="A13424">
        <v>164.04</v>
      </c>
      <c r="B13424">
        <v>193.15</v>
      </c>
      <c r="C13424">
        <v>14163.6</v>
      </c>
      <c r="D13424">
        <v>1.6</v>
      </c>
      <c r="E13424">
        <v>8248.18</v>
      </c>
      <c r="F13424">
        <v>58.347099999999998</v>
      </c>
    </row>
    <row r="13425" spans="1:6" x14ac:dyDescent="0.25">
      <c r="A13425">
        <v>164.04</v>
      </c>
      <c r="B13425">
        <v>193.15</v>
      </c>
      <c r="C13425">
        <v>14163.6</v>
      </c>
      <c r="D13425">
        <v>1.9</v>
      </c>
      <c r="E13425">
        <v>7724.95</v>
      </c>
      <c r="F13425">
        <v>54.973199999999999</v>
      </c>
    </row>
    <row r="13426" spans="1:6" x14ac:dyDescent="0.25">
      <c r="A13426">
        <v>164.04</v>
      </c>
      <c r="B13426">
        <v>193.15</v>
      </c>
      <c r="C13426">
        <v>14163.6</v>
      </c>
      <c r="D13426">
        <v>2.2000000000000002</v>
      </c>
      <c r="E13426">
        <v>7500.18</v>
      </c>
      <c r="F13426">
        <v>52.2196</v>
      </c>
    </row>
    <row r="13427" spans="1:6" x14ac:dyDescent="0.25">
      <c r="A13427">
        <v>164.04</v>
      </c>
      <c r="B13427">
        <v>193.15</v>
      </c>
      <c r="C13427">
        <v>14163.6</v>
      </c>
      <c r="D13427">
        <v>2.5</v>
      </c>
      <c r="E13427">
        <v>7754.59</v>
      </c>
      <c r="F13427">
        <v>50.3643</v>
      </c>
    </row>
    <row r="13428" spans="1:6" x14ac:dyDescent="0.25">
      <c r="A13428">
        <v>164.04</v>
      </c>
      <c r="B13428">
        <v>193.15</v>
      </c>
      <c r="C13428">
        <v>14163.6</v>
      </c>
      <c r="D13428">
        <v>2.8</v>
      </c>
      <c r="E13428">
        <v>7342.18</v>
      </c>
      <c r="F13428">
        <v>56.6813</v>
      </c>
    </row>
    <row r="13429" spans="1:6" x14ac:dyDescent="0.25">
      <c r="A13429">
        <v>164.04</v>
      </c>
      <c r="B13429">
        <v>193.15</v>
      </c>
      <c r="C13429">
        <v>14163.6</v>
      </c>
      <c r="D13429">
        <v>3.1</v>
      </c>
      <c r="E13429">
        <v>7339.91</v>
      </c>
      <c r="F13429">
        <v>55.567799999999998</v>
      </c>
    </row>
    <row r="13430" spans="1:6" x14ac:dyDescent="0.25">
      <c r="A13430">
        <v>164.04</v>
      </c>
      <c r="B13430">
        <v>193.15</v>
      </c>
      <c r="C13430">
        <v>14163.6</v>
      </c>
      <c r="D13430">
        <v>3.4</v>
      </c>
      <c r="E13430">
        <v>7816.42</v>
      </c>
      <c r="F13430">
        <v>54.2273</v>
      </c>
    </row>
    <row r="13431" spans="1:6" x14ac:dyDescent="0.25">
      <c r="A13431">
        <v>164.04</v>
      </c>
      <c r="B13431">
        <v>193.15</v>
      </c>
      <c r="C13431">
        <v>14163.6</v>
      </c>
      <c r="D13431">
        <v>3.7</v>
      </c>
      <c r="E13431">
        <v>7867.42</v>
      </c>
      <c r="F13431">
        <v>53.569299999999998</v>
      </c>
    </row>
    <row r="13432" spans="1:6" x14ac:dyDescent="0.25">
      <c r="A13432">
        <v>164.04</v>
      </c>
      <c r="B13432">
        <v>193.15</v>
      </c>
      <c r="C13432">
        <v>14163.6</v>
      </c>
      <c r="D13432">
        <v>4</v>
      </c>
      <c r="E13432">
        <v>7137.11</v>
      </c>
      <c r="F13432">
        <v>53.111400000000003</v>
      </c>
    </row>
    <row r="13433" spans="1:6" x14ac:dyDescent="0.25">
      <c r="A13433">
        <v>164.04</v>
      </c>
      <c r="B13433">
        <v>193.15</v>
      </c>
      <c r="C13433">
        <v>15709.1</v>
      </c>
      <c r="D13433">
        <v>1</v>
      </c>
      <c r="E13433">
        <v>8523.0300000000007</v>
      </c>
      <c r="F13433">
        <v>60.063600000000001</v>
      </c>
    </row>
    <row r="13434" spans="1:6" x14ac:dyDescent="0.25">
      <c r="A13434">
        <v>164.04</v>
      </c>
      <c r="B13434">
        <v>193.15</v>
      </c>
      <c r="C13434">
        <v>15709.1</v>
      </c>
      <c r="D13434">
        <v>1.3</v>
      </c>
      <c r="E13434">
        <v>7959.18</v>
      </c>
      <c r="F13434">
        <v>19.363600000000002</v>
      </c>
    </row>
    <row r="13435" spans="1:6" x14ac:dyDescent="0.25">
      <c r="A13435">
        <v>164.04</v>
      </c>
      <c r="B13435">
        <v>193.15</v>
      </c>
      <c r="C13435">
        <v>15709.1</v>
      </c>
      <c r="D13435">
        <v>1.6</v>
      </c>
      <c r="E13435">
        <v>8248.18</v>
      </c>
      <c r="F13435">
        <v>58.347099999999998</v>
      </c>
    </row>
    <row r="13436" spans="1:6" x14ac:dyDescent="0.25">
      <c r="A13436">
        <v>164.04</v>
      </c>
      <c r="B13436">
        <v>193.15</v>
      </c>
      <c r="C13436">
        <v>15709.1</v>
      </c>
      <c r="D13436">
        <v>1.9</v>
      </c>
      <c r="E13436">
        <v>7724.95</v>
      </c>
      <c r="F13436">
        <v>54.973199999999999</v>
      </c>
    </row>
    <row r="13437" spans="1:6" x14ac:dyDescent="0.25">
      <c r="A13437">
        <v>164.04</v>
      </c>
      <c r="B13437">
        <v>193.15</v>
      </c>
      <c r="C13437">
        <v>15709.1</v>
      </c>
      <c r="D13437">
        <v>2.2000000000000002</v>
      </c>
      <c r="E13437">
        <v>7500.18</v>
      </c>
      <c r="F13437">
        <v>52.2196</v>
      </c>
    </row>
    <row r="13438" spans="1:6" x14ac:dyDescent="0.25">
      <c r="A13438">
        <v>164.04</v>
      </c>
      <c r="B13438">
        <v>193.15</v>
      </c>
      <c r="C13438">
        <v>15709.1</v>
      </c>
      <c r="D13438">
        <v>2.5</v>
      </c>
      <c r="E13438">
        <v>7754.59</v>
      </c>
      <c r="F13438">
        <v>50.3643</v>
      </c>
    </row>
    <row r="13439" spans="1:6" x14ac:dyDescent="0.25">
      <c r="A13439">
        <v>164.04</v>
      </c>
      <c r="B13439">
        <v>193.15</v>
      </c>
      <c r="C13439">
        <v>15709.1</v>
      </c>
      <c r="D13439">
        <v>2.8</v>
      </c>
      <c r="E13439">
        <v>7342.18</v>
      </c>
      <c r="F13439">
        <v>56.6813</v>
      </c>
    </row>
    <row r="13440" spans="1:6" x14ac:dyDescent="0.25">
      <c r="A13440">
        <v>164.04</v>
      </c>
      <c r="B13440">
        <v>193.15</v>
      </c>
      <c r="C13440">
        <v>15709.1</v>
      </c>
      <c r="D13440">
        <v>3.1</v>
      </c>
      <c r="E13440">
        <v>7339.91</v>
      </c>
      <c r="F13440">
        <v>55.567799999999998</v>
      </c>
    </row>
    <row r="13441" spans="1:6" x14ac:dyDescent="0.25">
      <c r="A13441">
        <v>164.04</v>
      </c>
      <c r="B13441">
        <v>193.15</v>
      </c>
      <c r="C13441">
        <v>15709.1</v>
      </c>
      <c r="D13441">
        <v>3.4</v>
      </c>
      <c r="E13441">
        <v>7816.42</v>
      </c>
      <c r="F13441">
        <v>54.2273</v>
      </c>
    </row>
    <row r="13442" spans="1:6" x14ac:dyDescent="0.25">
      <c r="A13442">
        <v>164.04</v>
      </c>
      <c r="B13442">
        <v>193.15</v>
      </c>
      <c r="C13442">
        <v>15709.1</v>
      </c>
      <c r="D13442">
        <v>3.7</v>
      </c>
      <c r="E13442">
        <v>7867.42</v>
      </c>
      <c r="F13442">
        <v>53.569299999999998</v>
      </c>
    </row>
    <row r="13443" spans="1:6" x14ac:dyDescent="0.25">
      <c r="A13443">
        <v>164.04</v>
      </c>
      <c r="B13443">
        <v>193.15</v>
      </c>
      <c r="C13443">
        <v>15709.1</v>
      </c>
      <c r="D13443">
        <v>4</v>
      </c>
      <c r="E13443">
        <v>7137.11</v>
      </c>
      <c r="F13443">
        <v>53.111400000000003</v>
      </c>
    </row>
    <row r="13444" spans="1:6" x14ac:dyDescent="0.25">
      <c r="A13444">
        <v>164.04</v>
      </c>
      <c r="B13444">
        <v>193.15</v>
      </c>
      <c r="C13444">
        <v>17254.5</v>
      </c>
      <c r="D13444">
        <v>1</v>
      </c>
      <c r="E13444">
        <v>8523.0300000000007</v>
      </c>
      <c r="F13444">
        <v>60.063600000000001</v>
      </c>
    </row>
    <row r="13445" spans="1:6" x14ac:dyDescent="0.25">
      <c r="A13445">
        <v>164.04</v>
      </c>
      <c r="B13445">
        <v>193.15</v>
      </c>
      <c r="C13445">
        <v>17254.5</v>
      </c>
      <c r="D13445">
        <v>1.3</v>
      </c>
      <c r="E13445">
        <v>7959.18</v>
      </c>
      <c r="F13445">
        <v>19.363600000000002</v>
      </c>
    </row>
    <row r="13446" spans="1:6" x14ac:dyDescent="0.25">
      <c r="A13446">
        <v>164.04</v>
      </c>
      <c r="B13446">
        <v>193.15</v>
      </c>
      <c r="C13446">
        <v>17254.5</v>
      </c>
      <c r="D13446">
        <v>1.6</v>
      </c>
      <c r="E13446">
        <v>8248.18</v>
      </c>
      <c r="F13446">
        <v>58.347099999999998</v>
      </c>
    </row>
    <row r="13447" spans="1:6" x14ac:dyDescent="0.25">
      <c r="A13447">
        <v>164.04</v>
      </c>
      <c r="B13447">
        <v>193.15</v>
      </c>
      <c r="C13447">
        <v>17254.5</v>
      </c>
      <c r="D13447">
        <v>1.9</v>
      </c>
      <c r="E13447">
        <v>7724.95</v>
      </c>
      <c r="F13447">
        <v>54.973199999999999</v>
      </c>
    </row>
    <row r="13448" spans="1:6" x14ac:dyDescent="0.25">
      <c r="A13448">
        <v>164.04</v>
      </c>
      <c r="B13448">
        <v>193.15</v>
      </c>
      <c r="C13448">
        <v>17254.5</v>
      </c>
      <c r="D13448">
        <v>2.2000000000000002</v>
      </c>
      <c r="E13448">
        <v>7500.18</v>
      </c>
      <c r="F13448">
        <v>52.2196</v>
      </c>
    </row>
    <row r="13449" spans="1:6" x14ac:dyDescent="0.25">
      <c r="A13449">
        <v>164.04</v>
      </c>
      <c r="B13449">
        <v>193.15</v>
      </c>
      <c r="C13449">
        <v>17254.5</v>
      </c>
      <c r="D13449">
        <v>2.5</v>
      </c>
      <c r="E13449">
        <v>7754.59</v>
      </c>
      <c r="F13449">
        <v>50.3643</v>
      </c>
    </row>
    <row r="13450" spans="1:6" x14ac:dyDescent="0.25">
      <c r="A13450">
        <v>164.04</v>
      </c>
      <c r="B13450">
        <v>193.15</v>
      </c>
      <c r="C13450">
        <v>17254.5</v>
      </c>
      <c r="D13450">
        <v>2.8</v>
      </c>
      <c r="E13450">
        <v>7342.18</v>
      </c>
      <c r="F13450">
        <v>56.6813</v>
      </c>
    </row>
    <row r="13451" spans="1:6" x14ac:dyDescent="0.25">
      <c r="A13451">
        <v>164.04</v>
      </c>
      <c r="B13451">
        <v>193.15</v>
      </c>
      <c r="C13451">
        <v>17254.5</v>
      </c>
      <c r="D13451">
        <v>3.1</v>
      </c>
      <c r="E13451">
        <v>7339.91</v>
      </c>
      <c r="F13451">
        <v>55.567799999999998</v>
      </c>
    </row>
    <row r="13452" spans="1:6" x14ac:dyDescent="0.25">
      <c r="A13452">
        <v>164.04</v>
      </c>
      <c r="B13452">
        <v>193.15</v>
      </c>
      <c r="C13452">
        <v>17254.5</v>
      </c>
      <c r="D13452">
        <v>3.4</v>
      </c>
      <c r="E13452">
        <v>7816.42</v>
      </c>
      <c r="F13452">
        <v>54.2273</v>
      </c>
    </row>
    <row r="13453" spans="1:6" x14ac:dyDescent="0.25">
      <c r="A13453">
        <v>164.04</v>
      </c>
      <c r="B13453">
        <v>193.15</v>
      </c>
      <c r="C13453">
        <v>17254.5</v>
      </c>
      <c r="D13453">
        <v>3.7</v>
      </c>
      <c r="E13453">
        <v>7867.42</v>
      </c>
      <c r="F13453">
        <v>53.569299999999998</v>
      </c>
    </row>
    <row r="13454" spans="1:6" x14ac:dyDescent="0.25">
      <c r="A13454">
        <v>164.04</v>
      </c>
      <c r="B13454">
        <v>193.15</v>
      </c>
      <c r="C13454">
        <v>17254.5</v>
      </c>
      <c r="D13454">
        <v>4</v>
      </c>
      <c r="E13454">
        <v>7137.11</v>
      </c>
      <c r="F13454">
        <v>53.111400000000003</v>
      </c>
    </row>
    <row r="13455" spans="1:6" x14ac:dyDescent="0.25">
      <c r="A13455">
        <v>164.04</v>
      </c>
      <c r="B13455">
        <v>193.15</v>
      </c>
      <c r="C13455">
        <v>18800</v>
      </c>
      <c r="D13455">
        <v>1</v>
      </c>
      <c r="E13455">
        <v>8523.0300000000007</v>
      </c>
      <c r="F13455">
        <v>60.063600000000001</v>
      </c>
    </row>
    <row r="13456" spans="1:6" x14ac:dyDescent="0.25">
      <c r="A13456">
        <v>164.04</v>
      </c>
      <c r="B13456">
        <v>193.15</v>
      </c>
      <c r="C13456">
        <v>18800</v>
      </c>
      <c r="D13456">
        <v>1.3</v>
      </c>
      <c r="E13456">
        <v>7959.18</v>
      </c>
      <c r="F13456">
        <v>19.363600000000002</v>
      </c>
    </row>
    <row r="13457" spans="1:6" x14ac:dyDescent="0.25">
      <c r="A13457">
        <v>164.04</v>
      </c>
      <c r="B13457">
        <v>193.15</v>
      </c>
      <c r="C13457">
        <v>18800</v>
      </c>
      <c r="D13457">
        <v>1.6</v>
      </c>
      <c r="E13457">
        <v>8248.18</v>
      </c>
      <c r="F13457">
        <v>58.347099999999998</v>
      </c>
    </row>
    <row r="13458" spans="1:6" x14ac:dyDescent="0.25">
      <c r="A13458">
        <v>164.04</v>
      </c>
      <c r="B13458">
        <v>193.15</v>
      </c>
      <c r="C13458">
        <v>18800</v>
      </c>
      <c r="D13458">
        <v>1.9</v>
      </c>
      <c r="E13458">
        <v>7724.95</v>
      </c>
      <c r="F13458">
        <v>54.973199999999999</v>
      </c>
    </row>
    <row r="13459" spans="1:6" x14ac:dyDescent="0.25">
      <c r="A13459">
        <v>164.04</v>
      </c>
      <c r="B13459">
        <v>193.15</v>
      </c>
      <c r="C13459">
        <v>18800</v>
      </c>
      <c r="D13459">
        <v>2.2000000000000002</v>
      </c>
      <c r="E13459">
        <v>7500.18</v>
      </c>
      <c r="F13459">
        <v>52.2196</v>
      </c>
    </row>
    <row r="13460" spans="1:6" x14ac:dyDescent="0.25">
      <c r="A13460">
        <v>164.04</v>
      </c>
      <c r="B13460">
        <v>193.15</v>
      </c>
      <c r="C13460">
        <v>18800</v>
      </c>
      <c r="D13460">
        <v>2.5</v>
      </c>
      <c r="E13460">
        <v>7754.59</v>
      </c>
      <c r="F13460">
        <v>50.3643</v>
      </c>
    </row>
    <row r="13461" spans="1:6" x14ac:dyDescent="0.25">
      <c r="A13461">
        <v>164.04</v>
      </c>
      <c r="B13461">
        <v>193.15</v>
      </c>
      <c r="C13461">
        <v>18800</v>
      </c>
      <c r="D13461">
        <v>2.8</v>
      </c>
      <c r="E13461">
        <v>7342.18</v>
      </c>
      <c r="F13461">
        <v>56.6813</v>
      </c>
    </row>
    <row r="13462" spans="1:6" x14ac:dyDescent="0.25">
      <c r="A13462">
        <v>164.04</v>
      </c>
      <c r="B13462">
        <v>193.15</v>
      </c>
      <c r="C13462">
        <v>18800</v>
      </c>
      <c r="D13462">
        <v>3.1</v>
      </c>
      <c r="E13462">
        <v>7339.91</v>
      </c>
      <c r="F13462">
        <v>55.567799999999998</v>
      </c>
    </row>
    <row r="13463" spans="1:6" x14ac:dyDescent="0.25">
      <c r="A13463">
        <v>164.04</v>
      </c>
      <c r="B13463">
        <v>193.15</v>
      </c>
      <c r="C13463">
        <v>18800</v>
      </c>
      <c r="D13463">
        <v>3.4</v>
      </c>
      <c r="E13463">
        <v>7816.42</v>
      </c>
      <c r="F13463">
        <v>54.2273</v>
      </c>
    </row>
    <row r="13464" spans="1:6" x14ac:dyDescent="0.25">
      <c r="A13464">
        <v>164.04</v>
      </c>
      <c r="B13464">
        <v>193.15</v>
      </c>
      <c r="C13464">
        <v>18800</v>
      </c>
      <c r="D13464">
        <v>3.7</v>
      </c>
      <c r="E13464">
        <v>7867.42</v>
      </c>
      <c r="F13464">
        <v>53.569299999999998</v>
      </c>
    </row>
    <row r="13465" spans="1:6" x14ac:dyDescent="0.25">
      <c r="A13465">
        <v>164.04</v>
      </c>
      <c r="B13465">
        <v>193.15</v>
      </c>
      <c r="C13465">
        <v>18800</v>
      </c>
      <c r="D13465">
        <v>4</v>
      </c>
      <c r="E13465">
        <v>7137.11</v>
      </c>
      <c r="F13465">
        <v>53.111400000000003</v>
      </c>
    </row>
    <row r="13466" spans="1:6" x14ac:dyDescent="0.25">
      <c r="A13466">
        <v>164.04</v>
      </c>
      <c r="B13466">
        <v>196.78</v>
      </c>
      <c r="C13466">
        <v>1800</v>
      </c>
      <c r="D13466">
        <v>1</v>
      </c>
      <c r="E13466">
        <v>5333.32</v>
      </c>
      <c r="F13466">
        <v>60.063600000000001</v>
      </c>
    </row>
    <row r="13467" spans="1:6" x14ac:dyDescent="0.25">
      <c r="A13467">
        <v>164.04</v>
      </c>
      <c r="B13467">
        <v>196.78</v>
      </c>
      <c r="C13467">
        <v>1800</v>
      </c>
      <c r="D13467">
        <v>1.3</v>
      </c>
      <c r="E13467">
        <v>4722.7299999999996</v>
      </c>
      <c r="F13467">
        <v>23.903600000000001</v>
      </c>
    </row>
    <row r="13468" spans="1:6" x14ac:dyDescent="0.25">
      <c r="A13468">
        <v>164.04</v>
      </c>
      <c r="B13468">
        <v>196.78</v>
      </c>
      <c r="C13468">
        <v>1800</v>
      </c>
      <c r="D13468">
        <v>1.6</v>
      </c>
      <c r="E13468">
        <v>4319.08</v>
      </c>
      <c r="F13468">
        <v>53.918999999999997</v>
      </c>
    </row>
    <row r="13469" spans="1:6" x14ac:dyDescent="0.25">
      <c r="A13469">
        <v>164.04</v>
      </c>
      <c r="B13469">
        <v>196.78</v>
      </c>
      <c r="C13469">
        <v>1800</v>
      </c>
      <c r="D13469">
        <v>1.9</v>
      </c>
      <c r="E13469">
        <v>4038.24</v>
      </c>
      <c r="F13469">
        <v>50.161099999999998</v>
      </c>
    </row>
    <row r="13470" spans="1:6" x14ac:dyDescent="0.25">
      <c r="A13470">
        <v>164.04</v>
      </c>
      <c r="B13470">
        <v>196.78</v>
      </c>
      <c r="C13470">
        <v>1800</v>
      </c>
      <c r="D13470">
        <v>2.2000000000000002</v>
      </c>
      <c r="E13470">
        <v>3823.87</v>
      </c>
      <c r="F13470">
        <v>45.844200000000001</v>
      </c>
    </row>
    <row r="13471" spans="1:6" x14ac:dyDescent="0.25">
      <c r="A13471">
        <v>164.04</v>
      </c>
      <c r="B13471">
        <v>196.78</v>
      </c>
      <c r="C13471">
        <v>1800</v>
      </c>
      <c r="D13471">
        <v>2.5</v>
      </c>
      <c r="E13471">
        <v>3602.15</v>
      </c>
      <c r="F13471">
        <v>56.165599999999998</v>
      </c>
    </row>
    <row r="13472" spans="1:6" x14ac:dyDescent="0.25">
      <c r="A13472">
        <v>164.04</v>
      </c>
      <c r="B13472">
        <v>196.78</v>
      </c>
      <c r="C13472">
        <v>1800</v>
      </c>
      <c r="D13472">
        <v>2.8</v>
      </c>
      <c r="E13472">
        <v>3564.99</v>
      </c>
      <c r="F13472">
        <v>52.742100000000001</v>
      </c>
    </row>
    <row r="13473" spans="1:6" x14ac:dyDescent="0.25">
      <c r="A13473">
        <v>164.04</v>
      </c>
      <c r="B13473">
        <v>196.78</v>
      </c>
      <c r="C13473">
        <v>1800</v>
      </c>
      <c r="D13473">
        <v>3.1</v>
      </c>
      <c r="E13473">
        <v>3345.9</v>
      </c>
      <c r="F13473">
        <v>57.230800000000002</v>
      </c>
    </row>
    <row r="13474" spans="1:6" x14ac:dyDescent="0.25">
      <c r="A13474">
        <v>164.04</v>
      </c>
      <c r="B13474">
        <v>196.78</v>
      </c>
      <c r="C13474">
        <v>1800</v>
      </c>
      <c r="D13474">
        <v>3.4</v>
      </c>
      <c r="E13474">
        <v>3244.89</v>
      </c>
      <c r="F13474">
        <v>58.430700000000002</v>
      </c>
    </row>
    <row r="13475" spans="1:6" x14ac:dyDescent="0.25">
      <c r="A13475">
        <v>164.04</v>
      </c>
      <c r="B13475">
        <v>196.78</v>
      </c>
      <c r="C13475">
        <v>1800</v>
      </c>
      <c r="D13475">
        <v>3.7</v>
      </c>
      <c r="E13475">
        <v>3236.21</v>
      </c>
      <c r="F13475">
        <v>59.990900000000003</v>
      </c>
    </row>
    <row r="13476" spans="1:6" x14ac:dyDescent="0.25">
      <c r="A13476">
        <v>164.04</v>
      </c>
      <c r="B13476">
        <v>196.78</v>
      </c>
      <c r="C13476">
        <v>1800</v>
      </c>
      <c r="D13476">
        <v>4</v>
      </c>
      <c r="E13476">
        <v>3113.78</v>
      </c>
      <c r="F13476">
        <v>59.029200000000003</v>
      </c>
    </row>
    <row r="13477" spans="1:6" x14ac:dyDescent="0.25">
      <c r="A13477">
        <v>164.04</v>
      </c>
      <c r="B13477">
        <v>196.78</v>
      </c>
      <c r="C13477">
        <v>3345.45</v>
      </c>
      <c r="D13477">
        <v>1</v>
      </c>
      <c r="E13477">
        <v>6745.84</v>
      </c>
      <c r="F13477">
        <v>60.063600000000001</v>
      </c>
    </row>
    <row r="13478" spans="1:6" x14ac:dyDescent="0.25">
      <c r="A13478">
        <v>164.04</v>
      </c>
      <c r="B13478">
        <v>196.78</v>
      </c>
      <c r="C13478">
        <v>3345.45</v>
      </c>
      <c r="D13478">
        <v>1.3</v>
      </c>
      <c r="E13478">
        <v>6109.04</v>
      </c>
      <c r="F13478">
        <v>19.363600000000002</v>
      </c>
    </row>
    <row r="13479" spans="1:6" x14ac:dyDescent="0.25">
      <c r="A13479">
        <v>164.04</v>
      </c>
      <c r="B13479">
        <v>196.78</v>
      </c>
      <c r="C13479">
        <v>3345.45</v>
      </c>
      <c r="D13479">
        <v>1.6</v>
      </c>
      <c r="E13479">
        <v>5821.33</v>
      </c>
      <c r="F13479">
        <v>58.347099999999998</v>
      </c>
    </row>
    <row r="13480" spans="1:6" x14ac:dyDescent="0.25">
      <c r="A13480">
        <v>164.04</v>
      </c>
      <c r="B13480">
        <v>196.78</v>
      </c>
      <c r="C13480">
        <v>3345.45</v>
      </c>
      <c r="D13480">
        <v>1.9</v>
      </c>
      <c r="E13480">
        <v>5438.07</v>
      </c>
      <c r="F13480">
        <v>54.973199999999999</v>
      </c>
    </row>
    <row r="13481" spans="1:6" x14ac:dyDescent="0.25">
      <c r="A13481">
        <v>164.04</v>
      </c>
      <c r="B13481">
        <v>196.78</v>
      </c>
      <c r="C13481">
        <v>3345.45</v>
      </c>
      <c r="D13481">
        <v>2.2000000000000002</v>
      </c>
      <c r="E13481">
        <v>5062.42</v>
      </c>
      <c r="F13481">
        <v>52.2196</v>
      </c>
    </row>
    <row r="13482" spans="1:6" x14ac:dyDescent="0.25">
      <c r="A13482">
        <v>164.04</v>
      </c>
      <c r="B13482">
        <v>196.78</v>
      </c>
      <c r="C13482">
        <v>3345.45</v>
      </c>
      <c r="D13482">
        <v>2.5</v>
      </c>
      <c r="E13482">
        <v>4883.03</v>
      </c>
      <c r="F13482">
        <v>50.3643</v>
      </c>
    </row>
    <row r="13483" spans="1:6" x14ac:dyDescent="0.25">
      <c r="A13483">
        <v>164.04</v>
      </c>
      <c r="B13483">
        <v>196.78</v>
      </c>
      <c r="C13483">
        <v>3345.45</v>
      </c>
      <c r="D13483">
        <v>2.8</v>
      </c>
      <c r="E13483">
        <v>4838.75</v>
      </c>
      <c r="F13483">
        <v>56.6813</v>
      </c>
    </row>
    <row r="13484" spans="1:6" x14ac:dyDescent="0.25">
      <c r="A13484">
        <v>164.04</v>
      </c>
      <c r="B13484">
        <v>196.78</v>
      </c>
      <c r="C13484">
        <v>3345.45</v>
      </c>
      <c r="D13484">
        <v>3.1</v>
      </c>
      <c r="E13484">
        <v>4639.37</v>
      </c>
      <c r="F13484">
        <v>55.567799999999998</v>
      </c>
    </row>
    <row r="13485" spans="1:6" x14ac:dyDescent="0.25">
      <c r="A13485">
        <v>164.04</v>
      </c>
      <c r="B13485">
        <v>196.78</v>
      </c>
      <c r="C13485">
        <v>3345.45</v>
      </c>
      <c r="D13485">
        <v>3.4</v>
      </c>
      <c r="E13485">
        <v>4551.45</v>
      </c>
      <c r="F13485">
        <v>54.2273</v>
      </c>
    </row>
    <row r="13486" spans="1:6" x14ac:dyDescent="0.25">
      <c r="A13486">
        <v>164.04</v>
      </c>
      <c r="B13486">
        <v>196.78</v>
      </c>
      <c r="C13486">
        <v>3345.45</v>
      </c>
      <c r="D13486">
        <v>3.7</v>
      </c>
      <c r="E13486">
        <v>4486.2</v>
      </c>
      <c r="F13486">
        <v>53.569299999999998</v>
      </c>
    </row>
    <row r="13487" spans="1:6" x14ac:dyDescent="0.25">
      <c r="A13487">
        <v>164.04</v>
      </c>
      <c r="B13487">
        <v>196.78</v>
      </c>
      <c r="C13487">
        <v>3345.45</v>
      </c>
      <c r="D13487">
        <v>4</v>
      </c>
      <c r="E13487">
        <v>4448.62</v>
      </c>
      <c r="F13487">
        <v>53.111400000000003</v>
      </c>
    </row>
    <row r="13488" spans="1:6" x14ac:dyDescent="0.25">
      <c r="A13488">
        <v>164.04</v>
      </c>
      <c r="B13488">
        <v>196.78</v>
      </c>
      <c r="C13488">
        <v>4890.8999999999996</v>
      </c>
      <c r="D13488">
        <v>1</v>
      </c>
      <c r="E13488">
        <v>8223.67</v>
      </c>
      <c r="F13488">
        <v>60.063600000000001</v>
      </c>
    </row>
    <row r="13489" spans="1:6" x14ac:dyDescent="0.25">
      <c r="A13489">
        <v>164.04</v>
      </c>
      <c r="B13489">
        <v>196.78</v>
      </c>
      <c r="C13489">
        <v>4890.8999999999996</v>
      </c>
      <c r="D13489">
        <v>1.3</v>
      </c>
      <c r="E13489">
        <v>7537.45</v>
      </c>
      <c r="F13489">
        <v>19.363600000000002</v>
      </c>
    </row>
    <row r="13490" spans="1:6" x14ac:dyDescent="0.25">
      <c r="A13490">
        <v>164.04</v>
      </c>
      <c r="B13490">
        <v>196.78</v>
      </c>
      <c r="C13490">
        <v>4890.8999999999996</v>
      </c>
      <c r="D13490">
        <v>1.6</v>
      </c>
      <c r="E13490">
        <v>7133.45</v>
      </c>
      <c r="F13490">
        <v>58.347099999999998</v>
      </c>
    </row>
    <row r="13491" spans="1:6" x14ac:dyDescent="0.25">
      <c r="A13491">
        <v>164.04</v>
      </c>
      <c r="B13491">
        <v>196.78</v>
      </c>
      <c r="C13491">
        <v>4890.8999999999996</v>
      </c>
      <c r="D13491">
        <v>1.9</v>
      </c>
      <c r="E13491">
        <v>6882.09</v>
      </c>
      <c r="F13491">
        <v>54.973199999999999</v>
      </c>
    </row>
    <row r="13492" spans="1:6" x14ac:dyDescent="0.25">
      <c r="A13492">
        <v>164.04</v>
      </c>
      <c r="B13492">
        <v>196.78</v>
      </c>
      <c r="C13492">
        <v>4890.8999999999996</v>
      </c>
      <c r="D13492">
        <v>2.2000000000000002</v>
      </c>
      <c r="E13492">
        <v>6480.29</v>
      </c>
      <c r="F13492">
        <v>52.2196</v>
      </c>
    </row>
    <row r="13493" spans="1:6" x14ac:dyDescent="0.25">
      <c r="A13493">
        <v>164.04</v>
      </c>
      <c r="B13493">
        <v>196.78</v>
      </c>
      <c r="C13493">
        <v>4890.8999999999996</v>
      </c>
      <c r="D13493">
        <v>2.5</v>
      </c>
      <c r="E13493">
        <v>6317.74</v>
      </c>
      <c r="F13493">
        <v>50.3643</v>
      </c>
    </row>
    <row r="13494" spans="1:6" x14ac:dyDescent="0.25">
      <c r="A13494">
        <v>164.04</v>
      </c>
      <c r="B13494">
        <v>196.78</v>
      </c>
      <c r="C13494">
        <v>4890.8999999999996</v>
      </c>
      <c r="D13494">
        <v>2.8</v>
      </c>
      <c r="E13494">
        <v>6209.96</v>
      </c>
      <c r="F13494">
        <v>56.6813</v>
      </c>
    </row>
    <row r="13495" spans="1:6" x14ac:dyDescent="0.25">
      <c r="A13495">
        <v>164.04</v>
      </c>
      <c r="B13495">
        <v>196.78</v>
      </c>
      <c r="C13495">
        <v>4890.8999999999996</v>
      </c>
      <c r="D13495">
        <v>3.1</v>
      </c>
      <c r="E13495">
        <v>6085.27</v>
      </c>
      <c r="F13495">
        <v>55.567799999999998</v>
      </c>
    </row>
    <row r="13496" spans="1:6" x14ac:dyDescent="0.25">
      <c r="A13496">
        <v>164.04</v>
      </c>
      <c r="B13496">
        <v>196.78</v>
      </c>
      <c r="C13496">
        <v>4890.8999999999996</v>
      </c>
      <c r="D13496">
        <v>3.4</v>
      </c>
      <c r="E13496">
        <v>6118.75</v>
      </c>
      <c r="F13496">
        <v>54.2273</v>
      </c>
    </row>
    <row r="13497" spans="1:6" x14ac:dyDescent="0.25">
      <c r="A13497">
        <v>164.04</v>
      </c>
      <c r="B13497">
        <v>196.78</v>
      </c>
      <c r="C13497">
        <v>4890.8999999999996</v>
      </c>
      <c r="D13497">
        <v>3.7</v>
      </c>
      <c r="E13497">
        <v>5990.86</v>
      </c>
      <c r="F13497">
        <v>53.569299999999998</v>
      </c>
    </row>
    <row r="13498" spans="1:6" x14ac:dyDescent="0.25">
      <c r="A13498">
        <v>164.04</v>
      </c>
      <c r="B13498">
        <v>196.78</v>
      </c>
      <c r="C13498">
        <v>4890.8999999999996</v>
      </c>
      <c r="D13498">
        <v>4</v>
      </c>
      <c r="E13498">
        <v>5838.85</v>
      </c>
      <c r="F13498">
        <v>53.111400000000003</v>
      </c>
    </row>
    <row r="13499" spans="1:6" x14ac:dyDescent="0.25">
      <c r="A13499">
        <v>164.04</v>
      </c>
      <c r="B13499">
        <v>196.78</v>
      </c>
      <c r="C13499">
        <v>6436.35</v>
      </c>
      <c r="D13499">
        <v>1</v>
      </c>
      <c r="E13499">
        <v>8523.0300000000007</v>
      </c>
      <c r="F13499">
        <v>60.063600000000001</v>
      </c>
    </row>
    <row r="13500" spans="1:6" x14ac:dyDescent="0.25">
      <c r="A13500">
        <v>164.04</v>
      </c>
      <c r="B13500">
        <v>196.78</v>
      </c>
      <c r="C13500">
        <v>6436.35</v>
      </c>
      <c r="D13500">
        <v>1.3</v>
      </c>
      <c r="E13500">
        <v>7959.18</v>
      </c>
      <c r="F13500">
        <v>19.363600000000002</v>
      </c>
    </row>
    <row r="13501" spans="1:6" x14ac:dyDescent="0.25">
      <c r="A13501">
        <v>164.04</v>
      </c>
      <c r="B13501">
        <v>196.78</v>
      </c>
      <c r="C13501">
        <v>6436.35</v>
      </c>
      <c r="D13501">
        <v>1.6</v>
      </c>
      <c r="E13501">
        <v>8248.18</v>
      </c>
      <c r="F13501">
        <v>58.347099999999998</v>
      </c>
    </row>
    <row r="13502" spans="1:6" x14ac:dyDescent="0.25">
      <c r="A13502">
        <v>164.04</v>
      </c>
      <c r="B13502">
        <v>196.78</v>
      </c>
      <c r="C13502">
        <v>6436.35</v>
      </c>
      <c r="D13502">
        <v>1.9</v>
      </c>
      <c r="E13502">
        <v>7724.95</v>
      </c>
      <c r="F13502">
        <v>54.973199999999999</v>
      </c>
    </row>
    <row r="13503" spans="1:6" x14ac:dyDescent="0.25">
      <c r="A13503">
        <v>164.04</v>
      </c>
      <c r="B13503">
        <v>196.78</v>
      </c>
      <c r="C13503">
        <v>6436.35</v>
      </c>
      <c r="D13503">
        <v>2.2000000000000002</v>
      </c>
      <c r="E13503">
        <v>7500.18</v>
      </c>
      <c r="F13503">
        <v>52.2196</v>
      </c>
    </row>
    <row r="13504" spans="1:6" x14ac:dyDescent="0.25">
      <c r="A13504">
        <v>164.04</v>
      </c>
      <c r="B13504">
        <v>196.78</v>
      </c>
      <c r="C13504">
        <v>6436.35</v>
      </c>
      <c r="D13504">
        <v>2.5</v>
      </c>
      <c r="E13504">
        <v>7498.37</v>
      </c>
      <c r="F13504">
        <v>50.3643</v>
      </c>
    </row>
    <row r="13505" spans="1:6" x14ac:dyDescent="0.25">
      <c r="A13505">
        <v>164.04</v>
      </c>
      <c r="B13505">
        <v>196.78</v>
      </c>
      <c r="C13505">
        <v>6436.35</v>
      </c>
      <c r="D13505">
        <v>2.8</v>
      </c>
      <c r="E13505">
        <v>7342.18</v>
      </c>
      <c r="F13505">
        <v>56.6813</v>
      </c>
    </row>
    <row r="13506" spans="1:6" x14ac:dyDescent="0.25">
      <c r="A13506">
        <v>164.04</v>
      </c>
      <c r="B13506">
        <v>196.78</v>
      </c>
      <c r="C13506">
        <v>6436.35</v>
      </c>
      <c r="D13506">
        <v>3.1</v>
      </c>
      <c r="E13506">
        <v>7339.91</v>
      </c>
      <c r="F13506">
        <v>55.567799999999998</v>
      </c>
    </row>
    <row r="13507" spans="1:6" x14ac:dyDescent="0.25">
      <c r="A13507">
        <v>164.04</v>
      </c>
      <c r="B13507">
        <v>196.78</v>
      </c>
      <c r="C13507">
        <v>6436.35</v>
      </c>
      <c r="D13507">
        <v>3.4</v>
      </c>
      <c r="E13507">
        <v>7212.53</v>
      </c>
      <c r="F13507">
        <v>54.2273</v>
      </c>
    </row>
    <row r="13508" spans="1:6" x14ac:dyDescent="0.25">
      <c r="A13508">
        <v>164.04</v>
      </c>
      <c r="B13508">
        <v>196.78</v>
      </c>
      <c r="C13508">
        <v>6436.35</v>
      </c>
      <c r="D13508">
        <v>3.7</v>
      </c>
      <c r="E13508">
        <v>7254.65</v>
      </c>
      <c r="F13508">
        <v>53.569299999999998</v>
      </c>
    </row>
    <row r="13509" spans="1:6" x14ac:dyDescent="0.25">
      <c r="A13509">
        <v>164.04</v>
      </c>
      <c r="B13509">
        <v>196.78</v>
      </c>
      <c r="C13509">
        <v>6436.35</v>
      </c>
      <c r="D13509">
        <v>4</v>
      </c>
      <c r="E13509">
        <v>7137.11</v>
      </c>
      <c r="F13509">
        <v>53.111400000000003</v>
      </c>
    </row>
    <row r="13510" spans="1:6" x14ac:dyDescent="0.25">
      <c r="A13510">
        <v>164.04</v>
      </c>
      <c r="B13510">
        <v>196.78</v>
      </c>
      <c r="C13510">
        <v>7981.8</v>
      </c>
      <c r="D13510">
        <v>1</v>
      </c>
      <c r="E13510">
        <v>8523.0300000000007</v>
      </c>
      <c r="F13510">
        <v>60.063600000000001</v>
      </c>
    </row>
    <row r="13511" spans="1:6" x14ac:dyDescent="0.25">
      <c r="A13511">
        <v>164.04</v>
      </c>
      <c r="B13511">
        <v>196.78</v>
      </c>
      <c r="C13511">
        <v>7981.8</v>
      </c>
      <c r="D13511">
        <v>1.3</v>
      </c>
      <c r="E13511">
        <v>7959.18</v>
      </c>
      <c r="F13511">
        <v>19.363600000000002</v>
      </c>
    </row>
    <row r="13512" spans="1:6" x14ac:dyDescent="0.25">
      <c r="A13512">
        <v>164.04</v>
      </c>
      <c r="B13512">
        <v>196.78</v>
      </c>
      <c r="C13512">
        <v>7981.8</v>
      </c>
      <c r="D13512">
        <v>1.6</v>
      </c>
      <c r="E13512">
        <v>8248.18</v>
      </c>
      <c r="F13512">
        <v>58.347099999999998</v>
      </c>
    </row>
    <row r="13513" spans="1:6" x14ac:dyDescent="0.25">
      <c r="A13513">
        <v>164.04</v>
      </c>
      <c r="B13513">
        <v>196.78</v>
      </c>
      <c r="C13513">
        <v>7981.8</v>
      </c>
      <c r="D13513">
        <v>1.9</v>
      </c>
      <c r="E13513">
        <v>7724.95</v>
      </c>
      <c r="F13513">
        <v>54.973199999999999</v>
      </c>
    </row>
    <row r="13514" spans="1:6" x14ac:dyDescent="0.25">
      <c r="A13514">
        <v>164.04</v>
      </c>
      <c r="B13514">
        <v>196.78</v>
      </c>
      <c r="C13514">
        <v>7981.8</v>
      </c>
      <c r="D13514">
        <v>2.2000000000000002</v>
      </c>
      <c r="E13514">
        <v>7500.18</v>
      </c>
      <c r="F13514">
        <v>52.2196</v>
      </c>
    </row>
    <row r="13515" spans="1:6" x14ac:dyDescent="0.25">
      <c r="A13515">
        <v>164.04</v>
      </c>
      <c r="B13515">
        <v>196.78</v>
      </c>
      <c r="C13515">
        <v>7981.8</v>
      </c>
      <c r="D13515">
        <v>2.5</v>
      </c>
      <c r="E13515">
        <v>7754.59</v>
      </c>
      <c r="F13515">
        <v>50.3643</v>
      </c>
    </row>
    <row r="13516" spans="1:6" x14ac:dyDescent="0.25">
      <c r="A13516">
        <v>164.04</v>
      </c>
      <c r="B13516">
        <v>196.78</v>
      </c>
      <c r="C13516">
        <v>7981.8</v>
      </c>
      <c r="D13516">
        <v>2.8</v>
      </c>
      <c r="E13516">
        <v>7342.18</v>
      </c>
      <c r="F13516">
        <v>56.6813</v>
      </c>
    </row>
    <row r="13517" spans="1:6" x14ac:dyDescent="0.25">
      <c r="A13517">
        <v>164.04</v>
      </c>
      <c r="B13517">
        <v>196.78</v>
      </c>
      <c r="C13517">
        <v>7981.8</v>
      </c>
      <c r="D13517">
        <v>3.1</v>
      </c>
      <c r="E13517">
        <v>7339.91</v>
      </c>
      <c r="F13517">
        <v>55.567799999999998</v>
      </c>
    </row>
    <row r="13518" spans="1:6" x14ac:dyDescent="0.25">
      <c r="A13518">
        <v>164.04</v>
      </c>
      <c r="B13518">
        <v>196.78</v>
      </c>
      <c r="C13518">
        <v>7981.8</v>
      </c>
      <c r="D13518">
        <v>3.4</v>
      </c>
      <c r="E13518">
        <v>7816.42</v>
      </c>
      <c r="F13518">
        <v>54.2273</v>
      </c>
    </row>
    <row r="13519" spans="1:6" x14ac:dyDescent="0.25">
      <c r="A13519">
        <v>164.04</v>
      </c>
      <c r="B13519">
        <v>196.78</v>
      </c>
      <c r="C13519">
        <v>7981.8</v>
      </c>
      <c r="D13519">
        <v>3.7</v>
      </c>
      <c r="E13519">
        <v>7867.42</v>
      </c>
      <c r="F13519">
        <v>53.569299999999998</v>
      </c>
    </row>
    <row r="13520" spans="1:6" x14ac:dyDescent="0.25">
      <c r="A13520">
        <v>164.04</v>
      </c>
      <c r="B13520">
        <v>196.78</v>
      </c>
      <c r="C13520">
        <v>7981.8</v>
      </c>
      <c r="D13520">
        <v>4</v>
      </c>
      <c r="E13520">
        <v>7137.11</v>
      </c>
      <c r="F13520">
        <v>53.111400000000003</v>
      </c>
    </row>
    <row r="13521" spans="1:6" x14ac:dyDescent="0.25">
      <c r="A13521">
        <v>164.04</v>
      </c>
      <c r="B13521">
        <v>196.78</v>
      </c>
      <c r="C13521">
        <v>9527.25</v>
      </c>
      <c r="D13521">
        <v>1</v>
      </c>
      <c r="E13521">
        <v>8523.0300000000007</v>
      </c>
      <c r="F13521">
        <v>60.063600000000001</v>
      </c>
    </row>
    <row r="13522" spans="1:6" x14ac:dyDescent="0.25">
      <c r="A13522">
        <v>164.04</v>
      </c>
      <c r="B13522">
        <v>196.78</v>
      </c>
      <c r="C13522">
        <v>9527.25</v>
      </c>
      <c r="D13522">
        <v>1.3</v>
      </c>
      <c r="E13522">
        <v>7959.18</v>
      </c>
      <c r="F13522">
        <v>19.363600000000002</v>
      </c>
    </row>
    <row r="13523" spans="1:6" x14ac:dyDescent="0.25">
      <c r="A13523">
        <v>164.04</v>
      </c>
      <c r="B13523">
        <v>196.78</v>
      </c>
      <c r="C13523">
        <v>9527.25</v>
      </c>
      <c r="D13523">
        <v>1.6</v>
      </c>
      <c r="E13523">
        <v>8248.18</v>
      </c>
      <c r="F13523">
        <v>58.347099999999998</v>
      </c>
    </row>
    <row r="13524" spans="1:6" x14ac:dyDescent="0.25">
      <c r="A13524">
        <v>164.04</v>
      </c>
      <c r="B13524">
        <v>196.78</v>
      </c>
      <c r="C13524">
        <v>9527.25</v>
      </c>
      <c r="D13524">
        <v>1.9</v>
      </c>
      <c r="E13524">
        <v>7724.95</v>
      </c>
      <c r="F13524">
        <v>54.973199999999999</v>
      </c>
    </row>
    <row r="13525" spans="1:6" x14ac:dyDescent="0.25">
      <c r="A13525">
        <v>164.04</v>
      </c>
      <c r="B13525">
        <v>196.78</v>
      </c>
      <c r="C13525">
        <v>9527.25</v>
      </c>
      <c r="D13525">
        <v>2.2000000000000002</v>
      </c>
      <c r="E13525">
        <v>7500.18</v>
      </c>
      <c r="F13525">
        <v>52.2196</v>
      </c>
    </row>
    <row r="13526" spans="1:6" x14ac:dyDescent="0.25">
      <c r="A13526">
        <v>164.04</v>
      </c>
      <c r="B13526">
        <v>196.78</v>
      </c>
      <c r="C13526">
        <v>9527.25</v>
      </c>
      <c r="D13526">
        <v>2.5</v>
      </c>
      <c r="E13526">
        <v>7754.59</v>
      </c>
      <c r="F13526">
        <v>50.3643</v>
      </c>
    </row>
    <row r="13527" spans="1:6" x14ac:dyDescent="0.25">
      <c r="A13527">
        <v>164.04</v>
      </c>
      <c r="B13527">
        <v>196.78</v>
      </c>
      <c r="C13527">
        <v>9527.25</v>
      </c>
      <c r="D13527">
        <v>2.8</v>
      </c>
      <c r="E13527">
        <v>7342.18</v>
      </c>
      <c r="F13527">
        <v>56.6813</v>
      </c>
    </row>
    <row r="13528" spans="1:6" x14ac:dyDescent="0.25">
      <c r="A13528">
        <v>164.04</v>
      </c>
      <c r="B13528">
        <v>196.78</v>
      </c>
      <c r="C13528">
        <v>9527.25</v>
      </c>
      <c r="D13528">
        <v>3.1</v>
      </c>
      <c r="E13528">
        <v>7339.91</v>
      </c>
      <c r="F13528">
        <v>55.567799999999998</v>
      </c>
    </row>
    <row r="13529" spans="1:6" x14ac:dyDescent="0.25">
      <c r="A13529">
        <v>164.04</v>
      </c>
      <c r="B13529">
        <v>196.78</v>
      </c>
      <c r="C13529">
        <v>9527.25</v>
      </c>
      <c r="D13529">
        <v>3.4</v>
      </c>
      <c r="E13529">
        <v>7816.42</v>
      </c>
      <c r="F13529">
        <v>54.2273</v>
      </c>
    </row>
    <row r="13530" spans="1:6" x14ac:dyDescent="0.25">
      <c r="A13530">
        <v>164.04</v>
      </c>
      <c r="B13530">
        <v>196.78</v>
      </c>
      <c r="C13530">
        <v>9527.25</v>
      </c>
      <c r="D13530">
        <v>3.7</v>
      </c>
      <c r="E13530">
        <v>7867.42</v>
      </c>
      <c r="F13530">
        <v>53.569299999999998</v>
      </c>
    </row>
    <row r="13531" spans="1:6" x14ac:dyDescent="0.25">
      <c r="A13531">
        <v>164.04</v>
      </c>
      <c r="B13531">
        <v>196.78</v>
      </c>
      <c r="C13531">
        <v>9527.25</v>
      </c>
      <c r="D13531">
        <v>4</v>
      </c>
      <c r="E13531">
        <v>7137.11</v>
      </c>
      <c r="F13531">
        <v>53.111400000000003</v>
      </c>
    </row>
    <row r="13532" spans="1:6" x14ac:dyDescent="0.25">
      <c r="A13532">
        <v>164.04</v>
      </c>
      <c r="B13532">
        <v>196.78</v>
      </c>
      <c r="C13532">
        <v>11072.7</v>
      </c>
      <c r="D13532">
        <v>1</v>
      </c>
      <c r="E13532">
        <v>8523.0300000000007</v>
      </c>
      <c r="F13532">
        <v>60.063600000000001</v>
      </c>
    </row>
    <row r="13533" spans="1:6" x14ac:dyDescent="0.25">
      <c r="A13533">
        <v>164.04</v>
      </c>
      <c r="B13533">
        <v>196.78</v>
      </c>
      <c r="C13533">
        <v>11072.7</v>
      </c>
      <c r="D13533">
        <v>1.3</v>
      </c>
      <c r="E13533">
        <v>7959.18</v>
      </c>
      <c r="F13533">
        <v>19.363600000000002</v>
      </c>
    </row>
    <row r="13534" spans="1:6" x14ac:dyDescent="0.25">
      <c r="A13534">
        <v>164.04</v>
      </c>
      <c r="B13534">
        <v>196.78</v>
      </c>
      <c r="C13534">
        <v>11072.7</v>
      </c>
      <c r="D13534">
        <v>1.6</v>
      </c>
      <c r="E13534">
        <v>8248.18</v>
      </c>
      <c r="F13534">
        <v>58.347099999999998</v>
      </c>
    </row>
    <row r="13535" spans="1:6" x14ac:dyDescent="0.25">
      <c r="A13535">
        <v>164.04</v>
      </c>
      <c r="B13535">
        <v>196.78</v>
      </c>
      <c r="C13535">
        <v>11072.7</v>
      </c>
      <c r="D13535">
        <v>1.9</v>
      </c>
      <c r="E13535">
        <v>7724.95</v>
      </c>
      <c r="F13535">
        <v>54.973199999999999</v>
      </c>
    </row>
    <row r="13536" spans="1:6" x14ac:dyDescent="0.25">
      <c r="A13536">
        <v>164.04</v>
      </c>
      <c r="B13536">
        <v>196.78</v>
      </c>
      <c r="C13536">
        <v>11072.7</v>
      </c>
      <c r="D13536">
        <v>2.2000000000000002</v>
      </c>
      <c r="E13536">
        <v>7500.18</v>
      </c>
      <c r="F13536">
        <v>52.2196</v>
      </c>
    </row>
    <row r="13537" spans="1:6" x14ac:dyDescent="0.25">
      <c r="A13537">
        <v>164.04</v>
      </c>
      <c r="B13537">
        <v>196.78</v>
      </c>
      <c r="C13537">
        <v>11072.7</v>
      </c>
      <c r="D13537">
        <v>2.5</v>
      </c>
      <c r="E13537">
        <v>7754.59</v>
      </c>
      <c r="F13537">
        <v>50.3643</v>
      </c>
    </row>
    <row r="13538" spans="1:6" x14ac:dyDescent="0.25">
      <c r="A13538">
        <v>164.04</v>
      </c>
      <c r="B13538">
        <v>196.78</v>
      </c>
      <c r="C13538">
        <v>11072.7</v>
      </c>
      <c r="D13538">
        <v>2.8</v>
      </c>
      <c r="E13538">
        <v>7342.18</v>
      </c>
      <c r="F13538">
        <v>56.6813</v>
      </c>
    </row>
    <row r="13539" spans="1:6" x14ac:dyDescent="0.25">
      <c r="A13539">
        <v>164.04</v>
      </c>
      <c r="B13539">
        <v>196.78</v>
      </c>
      <c r="C13539">
        <v>11072.7</v>
      </c>
      <c r="D13539">
        <v>3.1</v>
      </c>
      <c r="E13539">
        <v>7339.91</v>
      </c>
      <c r="F13539">
        <v>55.567799999999998</v>
      </c>
    </row>
    <row r="13540" spans="1:6" x14ac:dyDescent="0.25">
      <c r="A13540">
        <v>164.04</v>
      </c>
      <c r="B13540">
        <v>196.78</v>
      </c>
      <c r="C13540">
        <v>11072.7</v>
      </c>
      <c r="D13540">
        <v>3.4</v>
      </c>
      <c r="E13540">
        <v>7816.42</v>
      </c>
      <c r="F13540">
        <v>54.2273</v>
      </c>
    </row>
    <row r="13541" spans="1:6" x14ac:dyDescent="0.25">
      <c r="A13541">
        <v>164.04</v>
      </c>
      <c r="B13541">
        <v>196.78</v>
      </c>
      <c r="C13541">
        <v>11072.7</v>
      </c>
      <c r="D13541">
        <v>3.7</v>
      </c>
      <c r="E13541">
        <v>7867.42</v>
      </c>
      <c r="F13541">
        <v>53.569299999999998</v>
      </c>
    </row>
    <row r="13542" spans="1:6" x14ac:dyDescent="0.25">
      <c r="A13542">
        <v>164.04</v>
      </c>
      <c r="B13542">
        <v>196.78</v>
      </c>
      <c r="C13542">
        <v>11072.7</v>
      </c>
      <c r="D13542">
        <v>4</v>
      </c>
      <c r="E13542">
        <v>7137.11</v>
      </c>
      <c r="F13542">
        <v>53.111400000000003</v>
      </c>
    </row>
    <row r="13543" spans="1:6" x14ac:dyDescent="0.25">
      <c r="A13543">
        <v>164.04</v>
      </c>
      <c r="B13543">
        <v>196.78</v>
      </c>
      <c r="C13543">
        <v>12618.2</v>
      </c>
      <c r="D13543">
        <v>1</v>
      </c>
      <c r="E13543">
        <v>8523.0300000000007</v>
      </c>
      <c r="F13543">
        <v>60.063600000000001</v>
      </c>
    </row>
    <row r="13544" spans="1:6" x14ac:dyDescent="0.25">
      <c r="A13544">
        <v>164.04</v>
      </c>
      <c r="B13544">
        <v>196.78</v>
      </c>
      <c r="C13544">
        <v>12618.2</v>
      </c>
      <c r="D13544">
        <v>1.3</v>
      </c>
      <c r="E13544">
        <v>7959.18</v>
      </c>
      <c r="F13544">
        <v>19.363600000000002</v>
      </c>
    </row>
    <row r="13545" spans="1:6" x14ac:dyDescent="0.25">
      <c r="A13545">
        <v>164.04</v>
      </c>
      <c r="B13545">
        <v>196.78</v>
      </c>
      <c r="C13545">
        <v>12618.2</v>
      </c>
      <c r="D13545">
        <v>1.6</v>
      </c>
      <c r="E13545">
        <v>8248.18</v>
      </c>
      <c r="F13545">
        <v>58.347099999999998</v>
      </c>
    </row>
    <row r="13546" spans="1:6" x14ac:dyDescent="0.25">
      <c r="A13546">
        <v>164.04</v>
      </c>
      <c r="B13546">
        <v>196.78</v>
      </c>
      <c r="C13546">
        <v>12618.2</v>
      </c>
      <c r="D13546">
        <v>1.9</v>
      </c>
      <c r="E13546">
        <v>7724.95</v>
      </c>
      <c r="F13546">
        <v>54.973199999999999</v>
      </c>
    </row>
    <row r="13547" spans="1:6" x14ac:dyDescent="0.25">
      <c r="A13547">
        <v>164.04</v>
      </c>
      <c r="B13547">
        <v>196.78</v>
      </c>
      <c r="C13547">
        <v>12618.2</v>
      </c>
      <c r="D13547">
        <v>2.2000000000000002</v>
      </c>
      <c r="E13547">
        <v>7500.18</v>
      </c>
      <c r="F13547">
        <v>52.2196</v>
      </c>
    </row>
    <row r="13548" spans="1:6" x14ac:dyDescent="0.25">
      <c r="A13548">
        <v>164.04</v>
      </c>
      <c r="B13548">
        <v>196.78</v>
      </c>
      <c r="C13548">
        <v>12618.2</v>
      </c>
      <c r="D13548">
        <v>2.5</v>
      </c>
      <c r="E13548">
        <v>7754.59</v>
      </c>
      <c r="F13548">
        <v>50.3643</v>
      </c>
    </row>
    <row r="13549" spans="1:6" x14ac:dyDescent="0.25">
      <c r="A13549">
        <v>164.04</v>
      </c>
      <c r="B13549">
        <v>196.78</v>
      </c>
      <c r="C13549">
        <v>12618.2</v>
      </c>
      <c r="D13549">
        <v>2.8</v>
      </c>
      <c r="E13549">
        <v>7342.18</v>
      </c>
      <c r="F13549">
        <v>56.6813</v>
      </c>
    </row>
    <row r="13550" spans="1:6" x14ac:dyDescent="0.25">
      <c r="A13550">
        <v>164.04</v>
      </c>
      <c r="B13550">
        <v>196.78</v>
      </c>
      <c r="C13550">
        <v>12618.2</v>
      </c>
      <c r="D13550">
        <v>3.1</v>
      </c>
      <c r="E13550">
        <v>7339.91</v>
      </c>
      <c r="F13550">
        <v>55.567799999999998</v>
      </c>
    </row>
    <row r="13551" spans="1:6" x14ac:dyDescent="0.25">
      <c r="A13551">
        <v>164.04</v>
      </c>
      <c r="B13551">
        <v>196.78</v>
      </c>
      <c r="C13551">
        <v>12618.2</v>
      </c>
      <c r="D13551">
        <v>3.4</v>
      </c>
      <c r="E13551">
        <v>7816.42</v>
      </c>
      <c r="F13551">
        <v>54.2273</v>
      </c>
    </row>
    <row r="13552" spans="1:6" x14ac:dyDescent="0.25">
      <c r="A13552">
        <v>164.04</v>
      </c>
      <c r="B13552">
        <v>196.78</v>
      </c>
      <c r="C13552">
        <v>12618.2</v>
      </c>
      <c r="D13552">
        <v>3.7</v>
      </c>
      <c r="E13552">
        <v>7867.42</v>
      </c>
      <c r="F13552">
        <v>53.569299999999998</v>
      </c>
    </row>
    <row r="13553" spans="1:6" x14ac:dyDescent="0.25">
      <c r="A13553">
        <v>164.04</v>
      </c>
      <c r="B13553">
        <v>196.78</v>
      </c>
      <c r="C13553">
        <v>12618.2</v>
      </c>
      <c r="D13553">
        <v>4</v>
      </c>
      <c r="E13553">
        <v>7137.11</v>
      </c>
      <c r="F13553">
        <v>53.111400000000003</v>
      </c>
    </row>
    <row r="13554" spans="1:6" x14ac:dyDescent="0.25">
      <c r="A13554">
        <v>164.04</v>
      </c>
      <c r="B13554">
        <v>196.78</v>
      </c>
      <c r="C13554">
        <v>14163.6</v>
      </c>
      <c r="D13554">
        <v>1</v>
      </c>
      <c r="E13554">
        <v>8523.0300000000007</v>
      </c>
      <c r="F13554">
        <v>60.063600000000001</v>
      </c>
    </row>
    <row r="13555" spans="1:6" x14ac:dyDescent="0.25">
      <c r="A13555">
        <v>164.04</v>
      </c>
      <c r="B13555">
        <v>196.78</v>
      </c>
      <c r="C13555">
        <v>14163.6</v>
      </c>
      <c r="D13555">
        <v>1.3</v>
      </c>
      <c r="E13555">
        <v>7959.18</v>
      </c>
      <c r="F13555">
        <v>19.363600000000002</v>
      </c>
    </row>
    <row r="13556" spans="1:6" x14ac:dyDescent="0.25">
      <c r="A13556">
        <v>164.04</v>
      </c>
      <c r="B13556">
        <v>196.78</v>
      </c>
      <c r="C13556">
        <v>14163.6</v>
      </c>
      <c r="D13556">
        <v>1.6</v>
      </c>
      <c r="E13556">
        <v>8248.18</v>
      </c>
      <c r="F13556">
        <v>58.347099999999998</v>
      </c>
    </row>
    <row r="13557" spans="1:6" x14ac:dyDescent="0.25">
      <c r="A13557">
        <v>164.04</v>
      </c>
      <c r="B13557">
        <v>196.78</v>
      </c>
      <c r="C13557">
        <v>14163.6</v>
      </c>
      <c r="D13557">
        <v>1.9</v>
      </c>
      <c r="E13557">
        <v>7724.95</v>
      </c>
      <c r="F13557">
        <v>54.973199999999999</v>
      </c>
    </row>
    <row r="13558" spans="1:6" x14ac:dyDescent="0.25">
      <c r="A13558">
        <v>164.04</v>
      </c>
      <c r="B13558">
        <v>196.78</v>
      </c>
      <c r="C13558">
        <v>14163.6</v>
      </c>
      <c r="D13558">
        <v>2.2000000000000002</v>
      </c>
      <c r="E13558">
        <v>7500.18</v>
      </c>
      <c r="F13558">
        <v>52.2196</v>
      </c>
    </row>
    <row r="13559" spans="1:6" x14ac:dyDescent="0.25">
      <c r="A13559">
        <v>164.04</v>
      </c>
      <c r="B13559">
        <v>196.78</v>
      </c>
      <c r="C13559">
        <v>14163.6</v>
      </c>
      <c r="D13559">
        <v>2.5</v>
      </c>
      <c r="E13559">
        <v>7754.59</v>
      </c>
      <c r="F13559">
        <v>50.3643</v>
      </c>
    </row>
    <row r="13560" spans="1:6" x14ac:dyDescent="0.25">
      <c r="A13560">
        <v>164.04</v>
      </c>
      <c r="B13560">
        <v>196.78</v>
      </c>
      <c r="C13560">
        <v>14163.6</v>
      </c>
      <c r="D13560">
        <v>2.8</v>
      </c>
      <c r="E13560">
        <v>7342.18</v>
      </c>
      <c r="F13560">
        <v>56.6813</v>
      </c>
    </row>
    <row r="13561" spans="1:6" x14ac:dyDescent="0.25">
      <c r="A13561">
        <v>164.04</v>
      </c>
      <c r="B13561">
        <v>196.78</v>
      </c>
      <c r="C13561">
        <v>14163.6</v>
      </c>
      <c r="D13561">
        <v>3.1</v>
      </c>
      <c r="E13561">
        <v>7339.91</v>
      </c>
      <c r="F13561">
        <v>55.567799999999998</v>
      </c>
    </row>
    <row r="13562" spans="1:6" x14ac:dyDescent="0.25">
      <c r="A13562">
        <v>164.04</v>
      </c>
      <c r="B13562">
        <v>196.78</v>
      </c>
      <c r="C13562">
        <v>14163.6</v>
      </c>
      <c r="D13562">
        <v>3.4</v>
      </c>
      <c r="E13562">
        <v>7816.42</v>
      </c>
      <c r="F13562">
        <v>54.2273</v>
      </c>
    </row>
    <row r="13563" spans="1:6" x14ac:dyDescent="0.25">
      <c r="A13563">
        <v>164.04</v>
      </c>
      <c r="B13563">
        <v>196.78</v>
      </c>
      <c r="C13563">
        <v>14163.6</v>
      </c>
      <c r="D13563">
        <v>3.7</v>
      </c>
      <c r="E13563">
        <v>7867.42</v>
      </c>
      <c r="F13563">
        <v>53.569299999999998</v>
      </c>
    </row>
    <row r="13564" spans="1:6" x14ac:dyDescent="0.25">
      <c r="A13564">
        <v>164.04</v>
      </c>
      <c r="B13564">
        <v>196.78</v>
      </c>
      <c r="C13564">
        <v>14163.6</v>
      </c>
      <c r="D13564">
        <v>4</v>
      </c>
      <c r="E13564">
        <v>7137.11</v>
      </c>
      <c r="F13564">
        <v>53.111400000000003</v>
      </c>
    </row>
    <row r="13565" spans="1:6" x14ac:dyDescent="0.25">
      <c r="A13565">
        <v>164.04</v>
      </c>
      <c r="B13565">
        <v>196.78</v>
      </c>
      <c r="C13565">
        <v>15709.1</v>
      </c>
      <c r="D13565">
        <v>1</v>
      </c>
      <c r="E13565">
        <v>8523.0300000000007</v>
      </c>
      <c r="F13565">
        <v>60.063600000000001</v>
      </c>
    </row>
    <row r="13566" spans="1:6" x14ac:dyDescent="0.25">
      <c r="A13566">
        <v>164.04</v>
      </c>
      <c r="B13566">
        <v>196.78</v>
      </c>
      <c r="C13566">
        <v>15709.1</v>
      </c>
      <c r="D13566">
        <v>1.3</v>
      </c>
      <c r="E13566">
        <v>7959.18</v>
      </c>
      <c r="F13566">
        <v>19.363600000000002</v>
      </c>
    </row>
    <row r="13567" spans="1:6" x14ac:dyDescent="0.25">
      <c r="A13567">
        <v>164.04</v>
      </c>
      <c r="B13567">
        <v>196.78</v>
      </c>
      <c r="C13567">
        <v>15709.1</v>
      </c>
      <c r="D13567">
        <v>1.6</v>
      </c>
      <c r="E13567">
        <v>8248.18</v>
      </c>
      <c r="F13567">
        <v>58.347099999999998</v>
      </c>
    </row>
    <row r="13568" spans="1:6" x14ac:dyDescent="0.25">
      <c r="A13568">
        <v>164.04</v>
      </c>
      <c r="B13568">
        <v>196.78</v>
      </c>
      <c r="C13568">
        <v>15709.1</v>
      </c>
      <c r="D13568">
        <v>1.9</v>
      </c>
      <c r="E13568">
        <v>7724.95</v>
      </c>
      <c r="F13568">
        <v>54.973199999999999</v>
      </c>
    </row>
    <row r="13569" spans="1:6" x14ac:dyDescent="0.25">
      <c r="A13569">
        <v>164.04</v>
      </c>
      <c r="B13569">
        <v>196.78</v>
      </c>
      <c r="C13569">
        <v>15709.1</v>
      </c>
      <c r="D13569">
        <v>2.2000000000000002</v>
      </c>
      <c r="E13569">
        <v>7500.18</v>
      </c>
      <c r="F13569">
        <v>52.2196</v>
      </c>
    </row>
    <row r="13570" spans="1:6" x14ac:dyDescent="0.25">
      <c r="A13570">
        <v>164.04</v>
      </c>
      <c r="B13570">
        <v>196.78</v>
      </c>
      <c r="C13570">
        <v>15709.1</v>
      </c>
      <c r="D13570">
        <v>2.5</v>
      </c>
      <c r="E13570">
        <v>7754.59</v>
      </c>
      <c r="F13570">
        <v>50.3643</v>
      </c>
    </row>
    <row r="13571" spans="1:6" x14ac:dyDescent="0.25">
      <c r="A13571">
        <v>164.04</v>
      </c>
      <c r="B13571">
        <v>196.78</v>
      </c>
      <c r="C13571">
        <v>15709.1</v>
      </c>
      <c r="D13571">
        <v>2.8</v>
      </c>
      <c r="E13571">
        <v>7342.18</v>
      </c>
      <c r="F13571">
        <v>56.6813</v>
      </c>
    </row>
    <row r="13572" spans="1:6" x14ac:dyDescent="0.25">
      <c r="A13572">
        <v>164.04</v>
      </c>
      <c r="B13572">
        <v>196.78</v>
      </c>
      <c r="C13572">
        <v>15709.1</v>
      </c>
      <c r="D13572">
        <v>3.1</v>
      </c>
      <c r="E13572">
        <v>7339.91</v>
      </c>
      <c r="F13572">
        <v>55.567799999999998</v>
      </c>
    </row>
    <row r="13573" spans="1:6" x14ac:dyDescent="0.25">
      <c r="A13573">
        <v>164.04</v>
      </c>
      <c r="B13573">
        <v>196.78</v>
      </c>
      <c r="C13573">
        <v>15709.1</v>
      </c>
      <c r="D13573">
        <v>3.4</v>
      </c>
      <c r="E13573">
        <v>7816.42</v>
      </c>
      <c r="F13573">
        <v>54.2273</v>
      </c>
    </row>
    <row r="13574" spans="1:6" x14ac:dyDescent="0.25">
      <c r="A13574">
        <v>164.04</v>
      </c>
      <c r="B13574">
        <v>196.78</v>
      </c>
      <c r="C13574">
        <v>15709.1</v>
      </c>
      <c r="D13574">
        <v>3.7</v>
      </c>
      <c r="E13574">
        <v>7867.42</v>
      </c>
      <c r="F13574">
        <v>53.569299999999998</v>
      </c>
    </row>
    <row r="13575" spans="1:6" x14ac:dyDescent="0.25">
      <c r="A13575">
        <v>164.04</v>
      </c>
      <c r="B13575">
        <v>196.78</v>
      </c>
      <c r="C13575">
        <v>15709.1</v>
      </c>
      <c r="D13575">
        <v>4</v>
      </c>
      <c r="E13575">
        <v>7137.11</v>
      </c>
      <c r="F13575">
        <v>53.111400000000003</v>
      </c>
    </row>
    <row r="13576" spans="1:6" x14ac:dyDescent="0.25">
      <c r="A13576">
        <v>164.04</v>
      </c>
      <c r="B13576">
        <v>196.78</v>
      </c>
      <c r="C13576">
        <v>17254.5</v>
      </c>
      <c r="D13576">
        <v>1</v>
      </c>
      <c r="E13576">
        <v>8523.0300000000007</v>
      </c>
      <c r="F13576">
        <v>60.063600000000001</v>
      </c>
    </row>
    <row r="13577" spans="1:6" x14ac:dyDescent="0.25">
      <c r="A13577">
        <v>164.04</v>
      </c>
      <c r="B13577">
        <v>196.78</v>
      </c>
      <c r="C13577">
        <v>17254.5</v>
      </c>
      <c r="D13577">
        <v>1.3</v>
      </c>
      <c r="E13577">
        <v>7959.18</v>
      </c>
      <c r="F13577">
        <v>19.363600000000002</v>
      </c>
    </row>
    <row r="13578" spans="1:6" x14ac:dyDescent="0.25">
      <c r="A13578">
        <v>164.04</v>
      </c>
      <c r="B13578">
        <v>196.78</v>
      </c>
      <c r="C13578">
        <v>17254.5</v>
      </c>
      <c r="D13578">
        <v>1.6</v>
      </c>
      <c r="E13578">
        <v>8248.18</v>
      </c>
      <c r="F13578">
        <v>58.347099999999998</v>
      </c>
    </row>
    <row r="13579" spans="1:6" x14ac:dyDescent="0.25">
      <c r="A13579">
        <v>164.04</v>
      </c>
      <c r="B13579">
        <v>196.78</v>
      </c>
      <c r="C13579">
        <v>17254.5</v>
      </c>
      <c r="D13579">
        <v>1.9</v>
      </c>
      <c r="E13579">
        <v>7724.95</v>
      </c>
      <c r="F13579">
        <v>54.973199999999999</v>
      </c>
    </row>
    <row r="13580" spans="1:6" x14ac:dyDescent="0.25">
      <c r="A13580">
        <v>164.04</v>
      </c>
      <c r="B13580">
        <v>196.78</v>
      </c>
      <c r="C13580">
        <v>17254.5</v>
      </c>
      <c r="D13580">
        <v>2.2000000000000002</v>
      </c>
      <c r="E13580">
        <v>7500.18</v>
      </c>
      <c r="F13580">
        <v>52.2196</v>
      </c>
    </row>
    <row r="13581" spans="1:6" x14ac:dyDescent="0.25">
      <c r="A13581">
        <v>164.04</v>
      </c>
      <c r="B13581">
        <v>196.78</v>
      </c>
      <c r="C13581">
        <v>17254.5</v>
      </c>
      <c r="D13581">
        <v>2.5</v>
      </c>
      <c r="E13581">
        <v>7754.59</v>
      </c>
      <c r="F13581">
        <v>50.3643</v>
      </c>
    </row>
    <row r="13582" spans="1:6" x14ac:dyDescent="0.25">
      <c r="A13582">
        <v>164.04</v>
      </c>
      <c r="B13582">
        <v>196.78</v>
      </c>
      <c r="C13582">
        <v>17254.5</v>
      </c>
      <c r="D13582">
        <v>2.8</v>
      </c>
      <c r="E13582">
        <v>7342.18</v>
      </c>
      <c r="F13582">
        <v>56.6813</v>
      </c>
    </row>
    <row r="13583" spans="1:6" x14ac:dyDescent="0.25">
      <c r="A13583">
        <v>164.04</v>
      </c>
      <c r="B13583">
        <v>196.78</v>
      </c>
      <c r="C13583">
        <v>17254.5</v>
      </c>
      <c r="D13583">
        <v>3.1</v>
      </c>
      <c r="E13583">
        <v>7339.91</v>
      </c>
      <c r="F13583">
        <v>55.567799999999998</v>
      </c>
    </row>
    <row r="13584" spans="1:6" x14ac:dyDescent="0.25">
      <c r="A13584">
        <v>164.04</v>
      </c>
      <c r="B13584">
        <v>196.78</v>
      </c>
      <c r="C13584">
        <v>17254.5</v>
      </c>
      <c r="D13584">
        <v>3.4</v>
      </c>
      <c r="E13584">
        <v>7816.42</v>
      </c>
      <c r="F13584">
        <v>54.2273</v>
      </c>
    </row>
    <row r="13585" spans="1:6" x14ac:dyDescent="0.25">
      <c r="A13585">
        <v>164.04</v>
      </c>
      <c r="B13585">
        <v>196.78</v>
      </c>
      <c r="C13585">
        <v>17254.5</v>
      </c>
      <c r="D13585">
        <v>3.7</v>
      </c>
      <c r="E13585">
        <v>7867.42</v>
      </c>
      <c r="F13585">
        <v>53.569299999999998</v>
      </c>
    </row>
    <row r="13586" spans="1:6" x14ac:dyDescent="0.25">
      <c r="A13586">
        <v>164.04</v>
      </c>
      <c r="B13586">
        <v>196.78</v>
      </c>
      <c r="C13586">
        <v>17254.5</v>
      </c>
      <c r="D13586">
        <v>4</v>
      </c>
      <c r="E13586">
        <v>7137.11</v>
      </c>
      <c r="F13586">
        <v>53.111400000000003</v>
      </c>
    </row>
    <row r="13587" spans="1:6" x14ac:dyDescent="0.25">
      <c r="A13587">
        <v>164.04</v>
      </c>
      <c r="B13587">
        <v>196.78</v>
      </c>
      <c r="C13587">
        <v>18800</v>
      </c>
      <c r="D13587">
        <v>1</v>
      </c>
      <c r="E13587">
        <v>8523.0300000000007</v>
      </c>
      <c r="F13587">
        <v>60.063600000000001</v>
      </c>
    </row>
    <row r="13588" spans="1:6" x14ac:dyDescent="0.25">
      <c r="A13588">
        <v>164.04</v>
      </c>
      <c r="B13588">
        <v>196.78</v>
      </c>
      <c r="C13588">
        <v>18800</v>
      </c>
      <c r="D13588">
        <v>1.3</v>
      </c>
      <c r="E13588">
        <v>7959.18</v>
      </c>
      <c r="F13588">
        <v>19.363600000000002</v>
      </c>
    </row>
    <row r="13589" spans="1:6" x14ac:dyDescent="0.25">
      <c r="A13589">
        <v>164.04</v>
      </c>
      <c r="B13589">
        <v>196.78</v>
      </c>
      <c r="C13589">
        <v>18800</v>
      </c>
      <c r="D13589">
        <v>1.6</v>
      </c>
      <c r="E13589">
        <v>8248.18</v>
      </c>
      <c r="F13589">
        <v>58.347099999999998</v>
      </c>
    </row>
    <row r="13590" spans="1:6" x14ac:dyDescent="0.25">
      <c r="A13590">
        <v>164.04</v>
      </c>
      <c r="B13590">
        <v>196.78</v>
      </c>
      <c r="C13590">
        <v>18800</v>
      </c>
      <c r="D13590">
        <v>1.9</v>
      </c>
      <c r="E13590">
        <v>7724.95</v>
      </c>
      <c r="F13590">
        <v>54.973199999999999</v>
      </c>
    </row>
    <row r="13591" spans="1:6" x14ac:dyDescent="0.25">
      <c r="A13591">
        <v>164.04</v>
      </c>
      <c r="B13591">
        <v>196.78</v>
      </c>
      <c r="C13591">
        <v>18800</v>
      </c>
      <c r="D13591">
        <v>2.2000000000000002</v>
      </c>
      <c r="E13591">
        <v>7500.18</v>
      </c>
      <c r="F13591">
        <v>52.2196</v>
      </c>
    </row>
    <row r="13592" spans="1:6" x14ac:dyDescent="0.25">
      <c r="A13592">
        <v>164.04</v>
      </c>
      <c r="B13592">
        <v>196.78</v>
      </c>
      <c r="C13592">
        <v>18800</v>
      </c>
      <c r="D13592">
        <v>2.5</v>
      </c>
      <c r="E13592">
        <v>7754.59</v>
      </c>
      <c r="F13592">
        <v>50.3643</v>
      </c>
    </row>
    <row r="13593" spans="1:6" x14ac:dyDescent="0.25">
      <c r="A13593">
        <v>164.04</v>
      </c>
      <c r="B13593">
        <v>196.78</v>
      </c>
      <c r="C13593">
        <v>18800</v>
      </c>
      <c r="D13593">
        <v>2.8</v>
      </c>
      <c r="E13593">
        <v>7342.18</v>
      </c>
      <c r="F13593">
        <v>56.6813</v>
      </c>
    </row>
    <row r="13594" spans="1:6" x14ac:dyDescent="0.25">
      <c r="A13594">
        <v>164.04</v>
      </c>
      <c r="B13594">
        <v>196.78</v>
      </c>
      <c r="C13594">
        <v>18800</v>
      </c>
      <c r="D13594">
        <v>3.1</v>
      </c>
      <c r="E13594">
        <v>7339.91</v>
      </c>
      <c r="F13594">
        <v>55.567799999999998</v>
      </c>
    </row>
    <row r="13595" spans="1:6" x14ac:dyDescent="0.25">
      <c r="A13595">
        <v>164.04</v>
      </c>
      <c r="B13595">
        <v>196.78</v>
      </c>
      <c r="C13595">
        <v>18800</v>
      </c>
      <c r="D13595">
        <v>3.4</v>
      </c>
      <c r="E13595">
        <v>7816.42</v>
      </c>
      <c r="F13595">
        <v>54.2273</v>
      </c>
    </row>
    <row r="13596" spans="1:6" x14ac:dyDescent="0.25">
      <c r="A13596">
        <v>164.04</v>
      </c>
      <c r="B13596">
        <v>196.78</v>
      </c>
      <c r="C13596">
        <v>18800</v>
      </c>
      <c r="D13596">
        <v>3.7</v>
      </c>
      <c r="E13596">
        <v>7867.42</v>
      </c>
      <c r="F13596">
        <v>53.569299999999998</v>
      </c>
    </row>
    <row r="13597" spans="1:6" x14ac:dyDescent="0.25">
      <c r="A13597">
        <v>164.04</v>
      </c>
      <c r="B13597">
        <v>196.78</v>
      </c>
      <c r="C13597">
        <v>18800</v>
      </c>
      <c r="D13597">
        <v>4</v>
      </c>
      <c r="E13597">
        <v>7137.11</v>
      </c>
      <c r="F13597">
        <v>53.111400000000003</v>
      </c>
    </row>
    <row r="13598" spans="1:6" x14ac:dyDescent="0.25">
      <c r="A13598">
        <v>164.04</v>
      </c>
      <c r="B13598">
        <v>200.41</v>
      </c>
      <c r="C13598">
        <v>1800</v>
      </c>
      <c r="D13598">
        <v>1</v>
      </c>
      <c r="E13598">
        <v>5333.32</v>
      </c>
      <c r="F13598">
        <v>60.063600000000001</v>
      </c>
    </row>
    <row r="13599" spans="1:6" x14ac:dyDescent="0.25">
      <c r="A13599">
        <v>164.04</v>
      </c>
      <c r="B13599">
        <v>200.41</v>
      </c>
      <c r="C13599">
        <v>1800</v>
      </c>
      <c r="D13599">
        <v>1.3</v>
      </c>
      <c r="E13599">
        <v>4722.7299999999996</v>
      </c>
      <c r="F13599">
        <v>23.903600000000001</v>
      </c>
    </row>
    <row r="13600" spans="1:6" x14ac:dyDescent="0.25">
      <c r="A13600">
        <v>164.04</v>
      </c>
      <c r="B13600">
        <v>200.41</v>
      </c>
      <c r="C13600">
        <v>1800</v>
      </c>
      <c r="D13600">
        <v>1.6</v>
      </c>
      <c r="E13600">
        <v>4319.08</v>
      </c>
      <c r="F13600">
        <v>53.918999999999997</v>
      </c>
    </row>
    <row r="13601" spans="1:6" x14ac:dyDescent="0.25">
      <c r="A13601">
        <v>164.04</v>
      </c>
      <c r="B13601">
        <v>200.41</v>
      </c>
      <c r="C13601">
        <v>1800</v>
      </c>
      <c r="D13601">
        <v>1.9</v>
      </c>
      <c r="E13601">
        <v>4038.24</v>
      </c>
      <c r="F13601">
        <v>50.161099999999998</v>
      </c>
    </row>
    <row r="13602" spans="1:6" x14ac:dyDescent="0.25">
      <c r="A13602">
        <v>164.04</v>
      </c>
      <c r="B13602">
        <v>200.41</v>
      </c>
      <c r="C13602">
        <v>1800</v>
      </c>
      <c r="D13602">
        <v>2.2000000000000002</v>
      </c>
      <c r="E13602">
        <v>3823.87</v>
      </c>
      <c r="F13602">
        <v>45.844200000000001</v>
      </c>
    </row>
    <row r="13603" spans="1:6" x14ac:dyDescent="0.25">
      <c r="A13603">
        <v>164.04</v>
      </c>
      <c r="B13603">
        <v>200.41</v>
      </c>
      <c r="C13603">
        <v>1800</v>
      </c>
      <c r="D13603">
        <v>2.5</v>
      </c>
      <c r="E13603">
        <v>3602.15</v>
      </c>
      <c r="F13603">
        <v>56.165599999999998</v>
      </c>
    </row>
    <row r="13604" spans="1:6" x14ac:dyDescent="0.25">
      <c r="A13604">
        <v>164.04</v>
      </c>
      <c r="B13604">
        <v>200.41</v>
      </c>
      <c r="C13604">
        <v>1800</v>
      </c>
      <c r="D13604">
        <v>2.8</v>
      </c>
      <c r="E13604">
        <v>3564.99</v>
      </c>
      <c r="F13604">
        <v>52.742100000000001</v>
      </c>
    </row>
    <row r="13605" spans="1:6" x14ac:dyDescent="0.25">
      <c r="A13605">
        <v>164.04</v>
      </c>
      <c r="B13605">
        <v>200.41</v>
      </c>
      <c r="C13605">
        <v>1800</v>
      </c>
      <c r="D13605">
        <v>3.1</v>
      </c>
      <c r="E13605">
        <v>3345.9</v>
      </c>
      <c r="F13605">
        <v>57.230800000000002</v>
      </c>
    </row>
    <row r="13606" spans="1:6" x14ac:dyDescent="0.25">
      <c r="A13606">
        <v>164.04</v>
      </c>
      <c r="B13606">
        <v>200.41</v>
      </c>
      <c r="C13606">
        <v>1800</v>
      </c>
      <c r="D13606">
        <v>3.4</v>
      </c>
      <c r="E13606">
        <v>3244.89</v>
      </c>
      <c r="F13606">
        <v>58.430700000000002</v>
      </c>
    </row>
    <row r="13607" spans="1:6" x14ac:dyDescent="0.25">
      <c r="A13607">
        <v>164.04</v>
      </c>
      <c r="B13607">
        <v>200.41</v>
      </c>
      <c r="C13607">
        <v>1800</v>
      </c>
      <c r="D13607">
        <v>3.7</v>
      </c>
      <c r="E13607">
        <v>3241.63</v>
      </c>
      <c r="F13607">
        <v>59.990900000000003</v>
      </c>
    </row>
    <row r="13608" spans="1:6" x14ac:dyDescent="0.25">
      <c r="A13608">
        <v>164.04</v>
      </c>
      <c r="B13608">
        <v>200.41</v>
      </c>
      <c r="C13608">
        <v>1800</v>
      </c>
      <c r="D13608">
        <v>4</v>
      </c>
      <c r="E13608">
        <v>3113.78</v>
      </c>
      <c r="F13608">
        <v>59.029200000000003</v>
      </c>
    </row>
    <row r="13609" spans="1:6" x14ac:dyDescent="0.25">
      <c r="A13609">
        <v>164.04</v>
      </c>
      <c r="B13609">
        <v>200.41</v>
      </c>
      <c r="C13609">
        <v>3345.45</v>
      </c>
      <c r="D13609">
        <v>1</v>
      </c>
      <c r="E13609">
        <v>6745.84</v>
      </c>
      <c r="F13609">
        <v>60.063600000000001</v>
      </c>
    </row>
    <row r="13610" spans="1:6" x14ac:dyDescent="0.25">
      <c r="A13610">
        <v>164.04</v>
      </c>
      <c r="B13610">
        <v>200.41</v>
      </c>
      <c r="C13610">
        <v>3345.45</v>
      </c>
      <c r="D13610">
        <v>1.3</v>
      </c>
      <c r="E13610">
        <v>6109.04</v>
      </c>
      <c r="F13610">
        <v>19.363600000000002</v>
      </c>
    </row>
    <row r="13611" spans="1:6" x14ac:dyDescent="0.25">
      <c r="A13611">
        <v>164.04</v>
      </c>
      <c r="B13611">
        <v>200.41</v>
      </c>
      <c r="C13611">
        <v>3345.45</v>
      </c>
      <c r="D13611">
        <v>1.6</v>
      </c>
      <c r="E13611">
        <v>5821.33</v>
      </c>
      <c r="F13611">
        <v>58.347099999999998</v>
      </c>
    </row>
    <row r="13612" spans="1:6" x14ac:dyDescent="0.25">
      <c r="A13612">
        <v>164.04</v>
      </c>
      <c r="B13612">
        <v>200.41</v>
      </c>
      <c r="C13612">
        <v>3345.45</v>
      </c>
      <c r="D13612">
        <v>1.9</v>
      </c>
      <c r="E13612">
        <v>5438.07</v>
      </c>
      <c r="F13612">
        <v>54.973199999999999</v>
      </c>
    </row>
    <row r="13613" spans="1:6" x14ac:dyDescent="0.25">
      <c r="A13613">
        <v>164.04</v>
      </c>
      <c r="B13613">
        <v>200.41</v>
      </c>
      <c r="C13613">
        <v>3345.45</v>
      </c>
      <c r="D13613">
        <v>2.2000000000000002</v>
      </c>
      <c r="E13613">
        <v>5062.42</v>
      </c>
      <c r="F13613">
        <v>52.2196</v>
      </c>
    </row>
    <row r="13614" spans="1:6" x14ac:dyDescent="0.25">
      <c r="A13614">
        <v>164.04</v>
      </c>
      <c r="B13614">
        <v>200.41</v>
      </c>
      <c r="C13614">
        <v>3345.45</v>
      </c>
      <c r="D13614">
        <v>2.5</v>
      </c>
      <c r="E13614">
        <v>4883.03</v>
      </c>
      <c r="F13614">
        <v>50.3643</v>
      </c>
    </row>
    <row r="13615" spans="1:6" x14ac:dyDescent="0.25">
      <c r="A13615">
        <v>164.04</v>
      </c>
      <c r="B13615">
        <v>200.41</v>
      </c>
      <c r="C13615">
        <v>3345.45</v>
      </c>
      <c r="D13615">
        <v>2.8</v>
      </c>
      <c r="E13615">
        <v>4838.75</v>
      </c>
      <c r="F13615">
        <v>56.6813</v>
      </c>
    </row>
    <row r="13616" spans="1:6" x14ac:dyDescent="0.25">
      <c r="A13616">
        <v>164.04</v>
      </c>
      <c r="B13616">
        <v>200.41</v>
      </c>
      <c r="C13616">
        <v>3345.45</v>
      </c>
      <c r="D13616">
        <v>3.1</v>
      </c>
      <c r="E13616">
        <v>4639.37</v>
      </c>
      <c r="F13616">
        <v>55.567799999999998</v>
      </c>
    </row>
    <row r="13617" spans="1:6" x14ac:dyDescent="0.25">
      <c r="A13617">
        <v>164.04</v>
      </c>
      <c r="B13617">
        <v>200.41</v>
      </c>
      <c r="C13617">
        <v>3345.45</v>
      </c>
      <c r="D13617">
        <v>3.4</v>
      </c>
      <c r="E13617">
        <v>4551.45</v>
      </c>
      <c r="F13617">
        <v>54.2273</v>
      </c>
    </row>
    <row r="13618" spans="1:6" x14ac:dyDescent="0.25">
      <c r="A13618">
        <v>164.04</v>
      </c>
      <c r="B13618">
        <v>200.41</v>
      </c>
      <c r="C13618">
        <v>3345.45</v>
      </c>
      <c r="D13618">
        <v>3.7</v>
      </c>
      <c r="E13618">
        <v>4486.2</v>
      </c>
      <c r="F13618">
        <v>53.569299999999998</v>
      </c>
    </row>
    <row r="13619" spans="1:6" x14ac:dyDescent="0.25">
      <c r="A13619">
        <v>164.04</v>
      </c>
      <c r="B13619">
        <v>200.41</v>
      </c>
      <c r="C13619">
        <v>3345.45</v>
      </c>
      <c r="D13619">
        <v>4</v>
      </c>
      <c r="E13619">
        <v>4448.62</v>
      </c>
      <c r="F13619">
        <v>53.111400000000003</v>
      </c>
    </row>
    <row r="13620" spans="1:6" x14ac:dyDescent="0.25">
      <c r="A13620">
        <v>164.04</v>
      </c>
      <c r="B13620">
        <v>200.41</v>
      </c>
      <c r="C13620">
        <v>4890.8999999999996</v>
      </c>
      <c r="D13620">
        <v>1</v>
      </c>
      <c r="E13620">
        <v>8223.67</v>
      </c>
      <c r="F13620">
        <v>60.063600000000001</v>
      </c>
    </row>
    <row r="13621" spans="1:6" x14ac:dyDescent="0.25">
      <c r="A13621">
        <v>164.04</v>
      </c>
      <c r="B13621">
        <v>200.41</v>
      </c>
      <c r="C13621">
        <v>4890.8999999999996</v>
      </c>
      <c r="D13621">
        <v>1.3</v>
      </c>
      <c r="E13621">
        <v>7537.45</v>
      </c>
      <c r="F13621">
        <v>19.363600000000002</v>
      </c>
    </row>
    <row r="13622" spans="1:6" x14ac:dyDescent="0.25">
      <c r="A13622">
        <v>164.04</v>
      </c>
      <c r="B13622">
        <v>200.41</v>
      </c>
      <c r="C13622">
        <v>4890.8999999999996</v>
      </c>
      <c r="D13622">
        <v>1.6</v>
      </c>
      <c r="E13622">
        <v>7133.45</v>
      </c>
      <c r="F13622">
        <v>58.347099999999998</v>
      </c>
    </row>
    <row r="13623" spans="1:6" x14ac:dyDescent="0.25">
      <c r="A13623">
        <v>164.04</v>
      </c>
      <c r="B13623">
        <v>200.41</v>
      </c>
      <c r="C13623">
        <v>4890.8999999999996</v>
      </c>
      <c r="D13623">
        <v>1.9</v>
      </c>
      <c r="E13623">
        <v>6882.09</v>
      </c>
      <c r="F13623">
        <v>54.973199999999999</v>
      </c>
    </row>
    <row r="13624" spans="1:6" x14ac:dyDescent="0.25">
      <c r="A13624">
        <v>164.04</v>
      </c>
      <c r="B13624">
        <v>200.41</v>
      </c>
      <c r="C13624">
        <v>4890.8999999999996</v>
      </c>
      <c r="D13624">
        <v>2.2000000000000002</v>
      </c>
      <c r="E13624">
        <v>6480.29</v>
      </c>
      <c r="F13624">
        <v>52.2196</v>
      </c>
    </row>
    <row r="13625" spans="1:6" x14ac:dyDescent="0.25">
      <c r="A13625">
        <v>164.04</v>
      </c>
      <c r="B13625">
        <v>200.41</v>
      </c>
      <c r="C13625">
        <v>4890.8999999999996</v>
      </c>
      <c r="D13625">
        <v>2.5</v>
      </c>
      <c r="E13625">
        <v>6317.74</v>
      </c>
      <c r="F13625">
        <v>50.3643</v>
      </c>
    </row>
    <row r="13626" spans="1:6" x14ac:dyDescent="0.25">
      <c r="A13626">
        <v>164.04</v>
      </c>
      <c r="B13626">
        <v>200.41</v>
      </c>
      <c r="C13626">
        <v>4890.8999999999996</v>
      </c>
      <c r="D13626">
        <v>2.8</v>
      </c>
      <c r="E13626">
        <v>6209.96</v>
      </c>
      <c r="F13626">
        <v>56.6813</v>
      </c>
    </row>
    <row r="13627" spans="1:6" x14ac:dyDescent="0.25">
      <c r="A13627">
        <v>164.04</v>
      </c>
      <c r="B13627">
        <v>200.41</v>
      </c>
      <c r="C13627">
        <v>4890.8999999999996</v>
      </c>
      <c r="D13627">
        <v>3.1</v>
      </c>
      <c r="E13627">
        <v>6085.27</v>
      </c>
      <c r="F13627">
        <v>55.567799999999998</v>
      </c>
    </row>
    <row r="13628" spans="1:6" x14ac:dyDescent="0.25">
      <c r="A13628">
        <v>164.04</v>
      </c>
      <c r="B13628">
        <v>200.41</v>
      </c>
      <c r="C13628">
        <v>4890.8999999999996</v>
      </c>
      <c r="D13628">
        <v>3.4</v>
      </c>
      <c r="E13628">
        <v>6118.75</v>
      </c>
      <c r="F13628">
        <v>54.2273</v>
      </c>
    </row>
    <row r="13629" spans="1:6" x14ac:dyDescent="0.25">
      <c r="A13629">
        <v>164.04</v>
      </c>
      <c r="B13629">
        <v>200.41</v>
      </c>
      <c r="C13629">
        <v>4890.8999999999996</v>
      </c>
      <c r="D13629">
        <v>3.7</v>
      </c>
      <c r="E13629">
        <v>5990.86</v>
      </c>
      <c r="F13629">
        <v>53.569299999999998</v>
      </c>
    </row>
    <row r="13630" spans="1:6" x14ac:dyDescent="0.25">
      <c r="A13630">
        <v>164.04</v>
      </c>
      <c r="B13630">
        <v>200.41</v>
      </c>
      <c r="C13630">
        <v>4890.8999999999996</v>
      </c>
      <c r="D13630">
        <v>4</v>
      </c>
      <c r="E13630">
        <v>5838.85</v>
      </c>
      <c r="F13630">
        <v>53.111400000000003</v>
      </c>
    </row>
    <row r="13631" spans="1:6" x14ac:dyDescent="0.25">
      <c r="A13631">
        <v>164.04</v>
      </c>
      <c r="B13631">
        <v>200.41</v>
      </c>
      <c r="C13631">
        <v>6436.35</v>
      </c>
      <c r="D13631">
        <v>1</v>
      </c>
      <c r="E13631">
        <v>8523.0300000000007</v>
      </c>
      <c r="F13631">
        <v>60.063600000000001</v>
      </c>
    </row>
    <row r="13632" spans="1:6" x14ac:dyDescent="0.25">
      <c r="A13632">
        <v>164.04</v>
      </c>
      <c r="B13632">
        <v>200.41</v>
      </c>
      <c r="C13632">
        <v>6436.35</v>
      </c>
      <c r="D13632">
        <v>1.3</v>
      </c>
      <c r="E13632">
        <v>7959.18</v>
      </c>
      <c r="F13632">
        <v>19.363600000000002</v>
      </c>
    </row>
    <row r="13633" spans="1:6" x14ac:dyDescent="0.25">
      <c r="A13633">
        <v>164.04</v>
      </c>
      <c r="B13633">
        <v>200.41</v>
      </c>
      <c r="C13633">
        <v>6436.35</v>
      </c>
      <c r="D13633">
        <v>1.6</v>
      </c>
      <c r="E13633">
        <v>8248.18</v>
      </c>
      <c r="F13633">
        <v>58.347099999999998</v>
      </c>
    </row>
    <row r="13634" spans="1:6" x14ac:dyDescent="0.25">
      <c r="A13634">
        <v>164.04</v>
      </c>
      <c r="B13634">
        <v>200.41</v>
      </c>
      <c r="C13634">
        <v>6436.35</v>
      </c>
      <c r="D13634">
        <v>1.9</v>
      </c>
      <c r="E13634">
        <v>7724.95</v>
      </c>
      <c r="F13634">
        <v>54.973199999999999</v>
      </c>
    </row>
    <row r="13635" spans="1:6" x14ac:dyDescent="0.25">
      <c r="A13635">
        <v>164.04</v>
      </c>
      <c r="B13635">
        <v>200.41</v>
      </c>
      <c r="C13635">
        <v>6436.35</v>
      </c>
      <c r="D13635">
        <v>2.2000000000000002</v>
      </c>
      <c r="E13635">
        <v>7500.18</v>
      </c>
      <c r="F13635">
        <v>52.2196</v>
      </c>
    </row>
    <row r="13636" spans="1:6" x14ac:dyDescent="0.25">
      <c r="A13636">
        <v>164.04</v>
      </c>
      <c r="B13636">
        <v>200.41</v>
      </c>
      <c r="C13636">
        <v>6436.35</v>
      </c>
      <c r="D13636">
        <v>2.5</v>
      </c>
      <c r="E13636">
        <v>7498.37</v>
      </c>
      <c r="F13636">
        <v>50.3643</v>
      </c>
    </row>
    <row r="13637" spans="1:6" x14ac:dyDescent="0.25">
      <c r="A13637">
        <v>164.04</v>
      </c>
      <c r="B13637">
        <v>200.41</v>
      </c>
      <c r="C13637">
        <v>6436.35</v>
      </c>
      <c r="D13637">
        <v>2.8</v>
      </c>
      <c r="E13637">
        <v>7342.18</v>
      </c>
      <c r="F13637">
        <v>56.6813</v>
      </c>
    </row>
    <row r="13638" spans="1:6" x14ac:dyDescent="0.25">
      <c r="A13638">
        <v>164.04</v>
      </c>
      <c r="B13638">
        <v>200.41</v>
      </c>
      <c r="C13638">
        <v>6436.35</v>
      </c>
      <c r="D13638">
        <v>3.1</v>
      </c>
      <c r="E13638">
        <v>7339.91</v>
      </c>
      <c r="F13638">
        <v>55.567799999999998</v>
      </c>
    </row>
    <row r="13639" spans="1:6" x14ac:dyDescent="0.25">
      <c r="A13639">
        <v>164.04</v>
      </c>
      <c r="B13639">
        <v>200.41</v>
      </c>
      <c r="C13639">
        <v>6436.35</v>
      </c>
      <c r="D13639">
        <v>3.4</v>
      </c>
      <c r="E13639">
        <v>7205.83</v>
      </c>
      <c r="F13639">
        <v>54.2273</v>
      </c>
    </row>
    <row r="13640" spans="1:6" x14ac:dyDescent="0.25">
      <c r="A13640">
        <v>164.04</v>
      </c>
      <c r="B13640">
        <v>200.41</v>
      </c>
      <c r="C13640">
        <v>6436.35</v>
      </c>
      <c r="D13640">
        <v>3.7</v>
      </c>
      <c r="E13640">
        <v>7238.4</v>
      </c>
      <c r="F13640">
        <v>53.569299999999998</v>
      </c>
    </row>
    <row r="13641" spans="1:6" x14ac:dyDescent="0.25">
      <c r="A13641">
        <v>164.04</v>
      </c>
      <c r="B13641">
        <v>200.41</v>
      </c>
      <c r="C13641">
        <v>6436.35</v>
      </c>
      <c r="D13641">
        <v>4</v>
      </c>
      <c r="E13641">
        <v>7137.11</v>
      </c>
      <c r="F13641">
        <v>53.111400000000003</v>
      </c>
    </row>
    <row r="13642" spans="1:6" x14ac:dyDescent="0.25">
      <c r="A13642">
        <v>164.04</v>
      </c>
      <c r="B13642">
        <v>200.41</v>
      </c>
      <c r="C13642">
        <v>7981.8</v>
      </c>
      <c r="D13642">
        <v>1</v>
      </c>
      <c r="E13642">
        <v>8523.0300000000007</v>
      </c>
      <c r="F13642">
        <v>60.063600000000001</v>
      </c>
    </row>
    <row r="13643" spans="1:6" x14ac:dyDescent="0.25">
      <c r="A13643">
        <v>164.04</v>
      </c>
      <c r="B13643">
        <v>200.41</v>
      </c>
      <c r="C13643">
        <v>7981.8</v>
      </c>
      <c r="D13643">
        <v>1.3</v>
      </c>
      <c r="E13643">
        <v>7959.18</v>
      </c>
      <c r="F13643">
        <v>19.363600000000002</v>
      </c>
    </row>
    <row r="13644" spans="1:6" x14ac:dyDescent="0.25">
      <c r="A13644">
        <v>164.04</v>
      </c>
      <c r="B13644">
        <v>200.41</v>
      </c>
      <c r="C13644">
        <v>7981.8</v>
      </c>
      <c r="D13644">
        <v>1.6</v>
      </c>
      <c r="E13644">
        <v>8248.18</v>
      </c>
      <c r="F13644">
        <v>58.347099999999998</v>
      </c>
    </row>
    <row r="13645" spans="1:6" x14ac:dyDescent="0.25">
      <c r="A13645">
        <v>164.04</v>
      </c>
      <c r="B13645">
        <v>200.41</v>
      </c>
      <c r="C13645">
        <v>7981.8</v>
      </c>
      <c r="D13645">
        <v>1.9</v>
      </c>
      <c r="E13645">
        <v>7724.95</v>
      </c>
      <c r="F13645">
        <v>54.973199999999999</v>
      </c>
    </row>
    <row r="13646" spans="1:6" x14ac:dyDescent="0.25">
      <c r="A13646">
        <v>164.04</v>
      </c>
      <c r="B13646">
        <v>200.41</v>
      </c>
      <c r="C13646">
        <v>7981.8</v>
      </c>
      <c r="D13646">
        <v>2.2000000000000002</v>
      </c>
      <c r="E13646">
        <v>7500.18</v>
      </c>
      <c r="F13646">
        <v>52.2196</v>
      </c>
    </row>
    <row r="13647" spans="1:6" x14ac:dyDescent="0.25">
      <c r="A13647">
        <v>164.04</v>
      </c>
      <c r="B13647">
        <v>200.41</v>
      </c>
      <c r="C13647">
        <v>7981.8</v>
      </c>
      <c r="D13647">
        <v>2.5</v>
      </c>
      <c r="E13647">
        <v>7754.59</v>
      </c>
      <c r="F13647">
        <v>50.3643</v>
      </c>
    </row>
    <row r="13648" spans="1:6" x14ac:dyDescent="0.25">
      <c r="A13648">
        <v>164.04</v>
      </c>
      <c r="B13648">
        <v>200.41</v>
      </c>
      <c r="C13648">
        <v>7981.8</v>
      </c>
      <c r="D13648">
        <v>2.8</v>
      </c>
      <c r="E13648">
        <v>7342.18</v>
      </c>
      <c r="F13648">
        <v>56.6813</v>
      </c>
    </row>
    <row r="13649" spans="1:6" x14ac:dyDescent="0.25">
      <c r="A13649">
        <v>164.04</v>
      </c>
      <c r="B13649">
        <v>200.41</v>
      </c>
      <c r="C13649">
        <v>7981.8</v>
      </c>
      <c r="D13649">
        <v>3.1</v>
      </c>
      <c r="E13649">
        <v>7339.91</v>
      </c>
      <c r="F13649">
        <v>55.567799999999998</v>
      </c>
    </row>
    <row r="13650" spans="1:6" x14ac:dyDescent="0.25">
      <c r="A13650">
        <v>164.04</v>
      </c>
      <c r="B13650">
        <v>200.41</v>
      </c>
      <c r="C13650">
        <v>7981.8</v>
      </c>
      <c r="D13650">
        <v>3.4</v>
      </c>
      <c r="E13650">
        <v>7816.42</v>
      </c>
      <c r="F13650">
        <v>54.2273</v>
      </c>
    </row>
    <row r="13651" spans="1:6" x14ac:dyDescent="0.25">
      <c r="A13651">
        <v>164.04</v>
      </c>
      <c r="B13651">
        <v>200.41</v>
      </c>
      <c r="C13651">
        <v>7981.8</v>
      </c>
      <c r="D13651">
        <v>3.7</v>
      </c>
      <c r="E13651">
        <v>7867.42</v>
      </c>
      <c r="F13651">
        <v>53.569299999999998</v>
      </c>
    </row>
    <row r="13652" spans="1:6" x14ac:dyDescent="0.25">
      <c r="A13652">
        <v>164.04</v>
      </c>
      <c r="B13652">
        <v>200.41</v>
      </c>
      <c r="C13652">
        <v>7981.8</v>
      </c>
      <c r="D13652">
        <v>4</v>
      </c>
      <c r="E13652">
        <v>7137.11</v>
      </c>
      <c r="F13652">
        <v>53.111400000000003</v>
      </c>
    </row>
    <row r="13653" spans="1:6" x14ac:dyDescent="0.25">
      <c r="A13653">
        <v>164.04</v>
      </c>
      <c r="B13653">
        <v>200.41</v>
      </c>
      <c r="C13653">
        <v>9527.25</v>
      </c>
      <c r="D13653">
        <v>1</v>
      </c>
      <c r="E13653">
        <v>8523.0300000000007</v>
      </c>
      <c r="F13653">
        <v>60.063600000000001</v>
      </c>
    </row>
    <row r="13654" spans="1:6" x14ac:dyDescent="0.25">
      <c r="A13654">
        <v>164.04</v>
      </c>
      <c r="B13654">
        <v>200.41</v>
      </c>
      <c r="C13654">
        <v>9527.25</v>
      </c>
      <c r="D13654">
        <v>1.3</v>
      </c>
      <c r="E13654">
        <v>7959.18</v>
      </c>
      <c r="F13654">
        <v>19.363600000000002</v>
      </c>
    </row>
    <row r="13655" spans="1:6" x14ac:dyDescent="0.25">
      <c r="A13655">
        <v>164.04</v>
      </c>
      <c r="B13655">
        <v>200.41</v>
      </c>
      <c r="C13655">
        <v>9527.25</v>
      </c>
      <c r="D13655">
        <v>1.6</v>
      </c>
      <c r="E13655">
        <v>8248.18</v>
      </c>
      <c r="F13655">
        <v>58.347099999999998</v>
      </c>
    </row>
    <row r="13656" spans="1:6" x14ac:dyDescent="0.25">
      <c r="A13656">
        <v>164.04</v>
      </c>
      <c r="B13656">
        <v>200.41</v>
      </c>
      <c r="C13656">
        <v>9527.25</v>
      </c>
      <c r="D13656">
        <v>1.9</v>
      </c>
      <c r="E13656">
        <v>7724.95</v>
      </c>
      <c r="F13656">
        <v>54.973199999999999</v>
      </c>
    </row>
    <row r="13657" spans="1:6" x14ac:dyDescent="0.25">
      <c r="A13657">
        <v>164.04</v>
      </c>
      <c r="B13657">
        <v>200.41</v>
      </c>
      <c r="C13657">
        <v>9527.25</v>
      </c>
      <c r="D13657">
        <v>2.2000000000000002</v>
      </c>
      <c r="E13657">
        <v>7500.18</v>
      </c>
      <c r="F13657">
        <v>52.2196</v>
      </c>
    </row>
    <row r="13658" spans="1:6" x14ac:dyDescent="0.25">
      <c r="A13658">
        <v>164.04</v>
      </c>
      <c r="B13658">
        <v>200.41</v>
      </c>
      <c r="C13658">
        <v>9527.25</v>
      </c>
      <c r="D13658">
        <v>2.5</v>
      </c>
      <c r="E13658">
        <v>7754.59</v>
      </c>
      <c r="F13658">
        <v>50.3643</v>
      </c>
    </row>
    <row r="13659" spans="1:6" x14ac:dyDescent="0.25">
      <c r="A13659">
        <v>164.04</v>
      </c>
      <c r="B13659">
        <v>200.41</v>
      </c>
      <c r="C13659">
        <v>9527.25</v>
      </c>
      <c r="D13659">
        <v>2.8</v>
      </c>
      <c r="E13659">
        <v>7342.18</v>
      </c>
      <c r="F13659">
        <v>56.6813</v>
      </c>
    </row>
    <row r="13660" spans="1:6" x14ac:dyDescent="0.25">
      <c r="A13660">
        <v>164.04</v>
      </c>
      <c r="B13660">
        <v>200.41</v>
      </c>
      <c r="C13660">
        <v>9527.25</v>
      </c>
      <c r="D13660">
        <v>3.1</v>
      </c>
      <c r="E13660">
        <v>7339.91</v>
      </c>
      <c r="F13660">
        <v>55.567799999999998</v>
      </c>
    </row>
    <row r="13661" spans="1:6" x14ac:dyDescent="0.25">
      <c r="A13661">
        <v>164.04</v>
      </c>
      <c r="B13661">
        <v>200.41</v>
      </c>
      <c r="C13661">
        <v>9527.25</v>
      </c>
      <c r="D13661">
        <v>3.4</v>
      </c>
      <c r="E13661">
        <v>7816.42</v>
      </c>
      <c r="F13661">
        <v>54.2273</v>
      </c>
    </row>
    <row r="13662" spans="1:6" x14ac:dyDescent="0.25">
      <c r="A13662">
        <v>164.04</v>
      </c>
      <c r="B13662">
        <v>200.41</v>
      </c>
      <c r="C13662">
        <v>9527.25</v>
      </c>
      <c r="D13662">
        <v>3.7</v>
      </c>
      <c r="E13662">
        <v>7867.42</v>
      </c>
      <c r="F13662">
        <v>53.569299999999998</v>
      </c>
    </row>
    <row r="13663" spans="1:6" x14ac:dyDescent="0.25">
      <c r="A13663">
        <v>164.04</v>
      </c>
      <c r="B13663">
        <v>200.41</v>
      </c>
      <c r="C13663">
        <v>9527.25</v>
      </c>
      <c r="D13663">
        <v>4</v>
      </c>
      <c r="E13663">
        <v>7137.11</v>
      </c>
      <c r="F13663">
        <v>53.111400000000003</v>
      </c>
    </row>
    <row r="13664" spans="1:6" x14ac:dyDescent="0.25">
      <c r="A13664">
        <v>164.04</v>
      </c>
      <c r="B13664">
        <v>200.41</v>
      </c>
      <c r="C13664">
        <v>11072.7</v>
      </c>
      <c r="D13664">
        <v>1</v>
      </c>
      <c r="E13664">
        <v>8523.0300000000007</v>
      </c>
      <c r="F13664">
        <v>60.063600000000001</v>
      </c>
    </row>
    <row r="13665" spans="1:6" x14ac:dyDescent="0.25">
      <c r="A13665">
        <v>164.04</v>
      </c>
      <c r="B13665">
        <v>200.41</v>
      </c>
      <c r="C13665">
        <v>11072.7</v>
      </c>
      <c r="D13665">
        <v>1.3</v>
      </c>
      <c r="E13665">
        <v>7959.18</v>
      </c>
      <c r="F13665">
        <v>19.363600000000002</v>
      </c>
    </row>
    <row r="13666" spans="1:6" x14ac:dyDescent="0.25">
      <c r="A13666">
        <v>164.04</v>
      </c>
      <c r="B13666">
        <v>200.41</v>
      </c>
      <c r="C13666">
        <v>11072.7</v>
      </c>
      <c r="D13666">
        <v>1.6</v>
      </c>
      <c r="E13666">
        <v>8248.18</v>
      </c>
      <c r="F13666">
        <v>58.347099999999998</v>
      </c>
    </row>
    <row r="13667" spans="1:6" x14ac:dyDescent="0.25">
      <c r="A13667">
        <v>164.04</v>
      </c>
      <c r="B13667">
        <v>200.41</v>
      </c>
      <c r="C13667">
        <v>11072.7</v>
      </c>
      <c r="D13667">
        <v>1.9</v>
      </c>
      <c r="E13667">
        <v>7724.95</v>
      </c>
      <c r="F13667">
        <v>54.973199999999999</v>
      </c>
    </row>
    <row r="13668" spans="1:6" x14ac:dyDescent="0.25">
      <c r="A13668">
        <v>164.04</v>
      </c>
      <c r="B13668">
        <v>200.41</v>
      </c>
      <c r="C13668">
        <v>11072.7</v>
      </c>
      <c r="D13668">
        <v>2.2000000000000002</v>
      </c>
      <c r="E13668">
        <v>7500.18</v>
      </c>
      <c r="F13668">
        <v>52.2196</v>
      </c>
    </row>
    <row r="13669" spans="1:6" x14ac:dyDescent="0.25">
      <c r="A13669">
        <v>164.04</v>
      </c>
      <c r="B13669">
        <v>200.41</v>
      </c>
      <c r="C13669">
        <v>11072.7</v>
      </c>
      <c r="D13669">
        <v>2.5</v>
      </c>
      <c r="E13669">
        <v>7754.59</v>
      </c>
      <c r="F13669">
        <v>50.3643</v>
      </c>
    </row>
    <row r="13670" spans="1:6" x14ac:dyDescent="0.25">
      <c r="A13670">
        <v>164.04</v>
      </c>
      <c r="B13670">
        <v>200.41</v>
      </c>
      <c r="C13670">
        <v>11072.7</v>
      </c>
      <c r="D13670">
        <v>2.8</v>
      </c>
      <c r="E13670">
        <v>7342.18</v>
      </c>
      <c r="F13670">
        <v>56.6813</v>
      </c>
    </row>
    <row r="13671" spans="1:6" x14ac:dyDescent="0.25">
      <c r="A13671">
        <v>164.04</v>
      </c>
      <c r="B13671">
        <v>200.41</v>
      </c>
      <c r="C13671">
        <v>11072.7</v>
      </c>
      <c r="D13671">
        <v>3.1</v>
      </c>
      <c r="E13671">
        <v>7339.91</v>
      </c>
      <c r="F13671">
        <v>55.567799999999998</v>
      </c>
    </row>
    <row r="13672" spans="1:6" x14ac:dyDescent="0.25">
      <c r="A13672">
        <v>164.04</v>
      </c>
      <c r="B13672">
        <v>200.41</v>
      </c>
      <c r="C13672">
        <v>11072.7</v>
      </c>
      <c r="D13672">
        <v>3.4</v>
      </c>
      <c r="E13672">
        <v>7816.42</v>
      </c>
      <c r="F13672">
        <v>54.2273</v>
      </c>
    </row>
    <row r="13673" spans="1:6" x14ac:dyDescent="0.25">
      <c r="A13673">
        <v>164.04</v>
      </c>
      <c r="B13673">
        <v>200.41</v>
      </c>
      <c r="C13673">
        <v>11072.7</v>
      </c>
      <c r="D13673">
        <v>3.7</v>
      </c>
      <c r="E13673">
        <v>7867.42</v>
      </c>
      <c r="F13673">
        <v>53.569299999999998</v>
      </c>
    </row>
    <row r="13674" spans="1:6" x14ac:dyDescent="0.25">
      <c r="A13674">
        <v>164.04</v>
      </c>
      <c r="B13674">
        <v>200.41</v>
      </c>
      <c r="C13674">
        <v>11072.7</v>
      </c>
      <c r="D13674">
        <v>4</v>
      </c>
      <c r="E13674">
        <v>7137.11</v>
      </c>
      <c r="F13674">
        <v>53.111400000000003</v>
      </c>
    </row>
    <row r="13675" spans="1:6" x14ac:dyDescent="0.25">
      <c r="A13675">
        <v>164.04</v>
      </c>
      <c r="B13675">
        <v>200.41</v>
      </c>
      <c r="C13675">
        <v>12618.2</v>
      </c>
      <c r="D13675">
        <v>1</v>
      </c>
      <c r="E13675">
        <v>8523.0300000000007</v>
      </c>
      <c r="F13675">
        <v>60.063600000000001</v>
      </c>
    </row>
    <row r="13676" spans="1:6" x14ac:dyDescent="0.25">
      <c r="A13676">
        <v>164.04</v>
      </c>
      <c r="B13676">
        <v>200.41</v>
      </c>
      <c r="C13676">
        <v>12618.2</v>
      </c>
      <c r="D13676">
        <v>1.3</v>
      </c>
      <c r="E13676">
        <v>7959.18</v>
      </c>
      <c r="F13676">
        <v>19.363600000000002</v>
      </c>
    </row>
    <row r="13677" spans="1:6" x14ac:dyDescent="0.25">
      <c r="A13677">
        <v>164.04</v>
      </c>
      <c r="B13677">
        <v>200.41</v>
      </c>
      <c r="C13677">
        <v>12618.2</v>
      </c>
      <c r="D13677">
        <v>1.6</v>
      </c>
      <c r="E13677">
        <v>8248.18</v>
      </c>
      <c r="F13677">
        <v>58.347099999999998</v>
      </c>
    </row>
    <row r="13678" spans="1:6" x14ac:dyDescent="0.25">
      <c r="A13678">
        <v>164.04</v>
      </c>
      <c r="B13678">
        <v>200.41</v>
      </c>
      <c r="C13678">
        <v>12618.2</v>
      </c>
      <c r="D13678">
        <v>1.9</v>
      </c>
      <c r="E13678">
        <v>7724.95</v>
      </c>
      <c r="F13678">
        <v>54.973199999999999</v>
      </c>
    </row>
    <row r="13679" spans="1:6" x14ac:dyDescent="0.25">
      <c r="A13679">
        <v>164.04</v>
      </c>
      <c r="B13679">
        <v>200.41</v>
      </c>
      <c r="C13679">
        <v>12618.2</v>
      </c>
      <c r="D13679">
        <v>2.2000000000000002</v>
      </c>
      <c r="E13679">
        <v>7500.18</v>
      </c>
      <c r="F13679">
        <v>52.2196</v>
      </c>
    </row>
    <row r="13680" spans="1:6" x14ac:dyDescent="0.25">
      <c r="A13680">
        <v>164.04</v>
      </c>
      <c r="B13680">
        <v>200.41</v>
      </c>
      <c r="C13680">
        <v>12618.2</v>
      </c>
      <c r="D13680">
        <v>2.5</v>
      </c>
      <c r="E13680">
        <v>7754.59</v>
      </c>
      <c r="F13680">
        <v>50.3643</v>
      </c>
    </row>
    <row r="13681" spans="1:6" x14ac:dyDescent="0.25">
      <c r="A13681">
        <v>164.04</v>
      </c>
      <c r="B13681">
        <v>200.41</v>
      </c>
      <c r="C13681">
        <v>12618.2</v>
      </c>
      <c r="D13681">
        <v>2.8</v>
      </c>
      <c r="E13681">
        <v>7342.18</v>
      </c>
      <c r="F13681">
        <v>56.6813</v>
      </c>
    </row>
    <row r="13682" spans="1:6" x14ac:dyDescent="0.25">
      <c r="A13682">
        <v>164.04</v>
      </c>
      <c r="B13682">
        <v>200.41</v>
      </c>
      <c r="C13682">
        <v>12618.2</v>
      </c>
      <c r="D13682">
        <v>3.1</v>
      </c>
      <c r="E13682">
        <v>7339.91</v>
      </c>
      <c r="F13682">
        <v>55.567799999999998</v>
      </c>
    </row>
    <row r="13683" spans="1:6" x14ac:dyDescent="0.25">
      <c r="A13683">
        <v>164.04</v>
      </c>
      <c r="B13683">
        <v>200.41</v>
      </c>
      <c r="C13683">
        <v>12618.2</v>
      </c>
      <c r="D13683">
        <v>3.4</v>
      </c>
      <c r="E13683">
        <v>7816.42</v>
      </c>
      <c r="F13683">
        <v>54.2273</v>
      </c>
    </row>
    <row r="13684" spans="1:6" x14ac:dyDescent="0.25">
      <c r="A13684">
        <v>164.04</v>
      </c>
      <c r="B13684">
        <v>200.41</v>
      </c>
      <c r="C13684">
        <v>12618.2</v>
      </c>
      <c r="D13684">
        <v>3.7</v>
      </c>
      <c r="E13684">
        <v>7867.42</v>
      </c>
      <c r="F13684">
        <v>53.569299999999998</v>
      </c>
    </row>
    <row r="13685" spans="1:6" x14ac:dyDescent="0.25">
      <c r="A13685">
        <v>164.04</v>
      </c>
      <c r="B13685">
        <v>200.41</v>
      </c>
      <c r="C13685">
        <v>12618.2</v>
      </c>
      <c r="D13685">
        <v>4</v>
      </c>
      <c r="E13685">
        <v>7137.11</v>
      </c>
      <c r="F13685">
        <v>53.111400000000003</v>
      </c>
    </row>
    <row r="13686" spans="1:6" x14ac:dyDescent="0.25">
      <c r="A13686">
        <v>164.04</v>
      </c>
      <c r="B13686">
        <v>200.41</v>
      </c>
      <c r="C13686">
        <v>14163.6</v>
      </c>
      <c r="D13686">
        <v>1</v>
      </c>
      <c r="E13686">
        <v>8523.0300000000007</v>
      </c>
      <c r="F13686">
        <v>60.063600000000001</v>
      </c>
    </row>
    <row r="13687" spans="1:6" x14ac:dyDescent="0.25">
      <c r="A13687">
        <v>164.04</v>
      </c>
      <c r="B13687">
        <v>200.41</v>
      </c>
      <c r="C13687">
        <v>14163.6</v>
      </c>
      <c r="D13687">
        <v>1.3</v>
      </c>
      <c r="E13687">
        <v>7959.18</v>
      </c>
      <c r="F13687">
        <v>19.363600000000002</v>
      </c>
    </row>
    <row r="13688" spans="1:6" x14ac:dyDescent="0.25">
      <c r="A13688">
        <v>164.04</v>
      </c>
      <c r="B13688">
        <v>200.41</v>
      </c>
      <c r="C13688">
        <v>14163.6</v>
      </c>
      <c r="D13688">
        <v>1.6</v>
      </c>
      <c r="E13688">
        <v>8248.18</v>
      </c>
      <c r="F13688">
        <v>58.347099999999998</v>
      </c>
    </row>
    <row r="13689" spans="1:6" x14ac:dyDescent="0.25">
      <c r="A13689">
        <v>164.04</v>
      </c>
      <c r="B13689">
        <v>200.41</v>
      </c>
      <c r="C13689">
        <v>14163.6</v>
      </c>
      <c r="D13689">
        <v>1.9</v>
      </c>
      <c r="E13689">
        <v>7724.95</v>
      </c>
      <c r="F13689">
        <v>54.973199999999999</v>
      </c>
    </row>
    <row r="13690" spans="1:6" x14ac:dyDescent="0.25">
      <c r="A13690">
        <v>164.04</v>
      </c>
      <c r="B13690">
        <v>200.41</v>
      </c>
      <c r="C13690">
        <v>14163.6</v>
      </c>
      <c r="D13690">
        <v>2.2000000000000002</v>
      </c>
      <c r="E13690">
        <v>7500.18</v>
      </c>
      <c r="F13690">
        <v>52.2196</v>
      </c>
    </row>
    <row r="13691" spans="1:6" x14ac:dyDescent="0.25">
      <c r="A13691">
        <v>164.04</v>
      </c>
      <c r="B13691">
        <v>200.41</v>
      </c>
      <c r="C13691">
        <v>14163.6</v>
      </c>
      <c r="D13691">
        <v>2.5</v>
      </c>
      <c r="E13691">
        <v>7754.59</v>
      </c>
      <c r="F13691">
        <v>50.3643</v>
      </c>
    </row>
    <row r="13692" spans="1:6" x14ac:dyDescent="0.25">
      <c r="A13692">
        <v>164.04</v>
      </c>
      <c r="B13692">
        <v>200.41</v>
      </c>
      <c r="C13692">
        <v>14163.6</v>
      </c>
      <c r="D13692">
        <v>2.8</v>
      </c>
      <c r="E13692">
        <v>7342.18</v>
      </c>
      <c r="F13692">
        <v>56.6813</v>
      </c>
    </row>
    <row r="13693" spans="1:6" x14ac:dyDescent="0.25">
      <c r="A13693">
        <v>164.04</v>
      </c>
      <c r="B13693">
        <v>200.41</v>
      </c>
      <c r="C13693">
        <v>14163.6</v>
      </c>
      <c r="D13693">
        <v>3.1</v>
      </c>
      <c r="E13693">
        <v>7339.91</v>
      </c>
      <c r="F13693">
        <v>55.567799999999998</v>
      </c>
    </row>
    <row r="13694" spans="1:6" x14ac:dyDescent="0.25">
      <c r="A13694">
        <v>164.04</v>
      </c>
      <c r="B13694">
        <v>200.41</v>
      </c>
      <c r="C13694">
        <v>14163.6</v>
      </c>
      <c r="D13694">
        <v>3.4</v>
      </c>
      <c r="E13694">
        <v>7816.42</v>
      </c>
      <c r="F13694">
        <v>54.2273</v>
      </c>
    </row>
    <row r="13695" spans="1:6" x14ac:dyDescent="0.25">
      <c r="A13695">
        <v>164.04</v>
      </c>
      <c r="B13695">
        <v>200.41</v>
      </c>
      <c r="C13695">
        <v>14163.6</v>
      </c>
      <c r="D13695">
        <v>3.7</v>
      </c>
      <c r="E13695">
        <v>7867.42</v>
      </c>
      <c r="F13695">
        <v>53.569299999999998</v>
      </c>
    </row>
    <row r="13696" spans="1:6" x14ac:dyDescent="0.25">
      <c r="A13696">
        <v>164.04</v>
      </c>
      <c r="B13696">
        <v>200.41</v>
      </c>
      <c r="C13696">
        <v>14163.6</v>
      </c>
      <c r="D13696">
        <v>4</v>
      </c>
      <c r="E13696">
        <v>7137.11</v>
      </c>
      <c r="F13696">
        <v>53.111400000000003</v>
      </c>
    </row>
    <row r="13697" spans="1:6" x14ac:dyDescent="0.25">
      <c r="A13697">
        <v>164.04</v>
      </c>
      <c r="B13697">
        <v>200.41</v>
      </c>
      <c r="C13697">
        <v>15709.1</v>
      </c>
      <c r="D13697">
        <v>1</v>
      </c>
      <c r="E13697">
        <v>8523.0300000000007</v>
      </c>
      <c r="F13697">
        <v>60.063600000000001</v>
      </c>
    </row>
    <row r="13698" spans="1:6" x14ac:dyDescent="0.25">
      <c r="A13698">
        <v>164.04</v>
      </c>
      <c r="B13698">
        <v>200.41</v>
      </c>
      <c r="C13698">
        <v>15709.1</v>
      </c>
      <c r="D13698">
        <v>1.3</v>
      </c>
      <c r="E13698">
        <v>7959.18</v>
      </c>
      <c r="F13698">
        <v>19.363600000000002</v>
      </c>
    </row>
    <row r="13699" spans="1:6" x14ac:dyDescent="0.25">
      <c r="A13699">
        <v>164.04</v>
      </c>
      <c r="B13699">
        <v>200.41</v>
      </c>
      <c r="C13699">
        <v>15709.1</v>
      </c>
      <c r="D13699">
        <v>1.6</v>
      </c>
      <c r="E13699">
        <v>8248.18</v>
      </c>
      <c r="F13699">
        <v>58.347099999999998</v>
      </c>
    </row>
    <row r="13700" spans="1:6" x14ac:dyDescent="0.25">
      <c r="A13700">
        <v>164.04</v>
      </c>
      <c r="B13700">
        <v>200.41</v>
      </c>
      <c r="C13700">
        <v>15709.1</v>
      </c>
      <c r="D13700">
        <v>1.9</v>
      </c>
      <c r="E13700">
        <v>7724.95</v>
      </c>
      <c r="F13700">
        <v>54.973199999999999</v>
      </c>
    </row>
    <row r="13701" spans="1:6" x14ac:dyDescent="0.25">
      <c r="A13701">
        <v>164.04</v>
      </c>
      <c r="B13701">
        <v>200.41</v>
      </c>
      <c r="C13701">
        <v>15709.1</v>
      </c>
      <c r="D13701">
        <v>2.2000000000000002</v>
      </c>
      <c r="E13701">
        <v>7500.18</v>
      </c>
      <c r="F13701">
        <v>52.2196</v>
      </c>
    </row>
    <row r="13702" spans="1:6" x14ac:dyDescent="0.25">
      <c r="A13702">
        <v>164.04</v>
      </c>
      <c r="B13702">
        <v>200.41</v>
      </c>
      <c r="C13702">
        <v>15709.1</v>
      </c>
      <c r="D13702">
        <v>2.5</v>
      </c>
      <c r="E13702">
        <v>7754.59</v>
      </c>
      <c r="F13702">
        <v>50.3643</v>
      </c>
    </row>
    <row r="13703" spans="1:6" x14ac:dyDescent="0.25">
      <c r="A13703">
        <v>164.04</v>
      </c>
      <c r="B13703">
        <v>200.41</v>
      </c>
      <c r="C13703">
        <v>15709.1</v>
      </c>
      <c r="D13703">
        <v>2.8</v>
      </c>
      <c r="E13703">
        <v>7342.18</v>
      </c>
      <c r="F13703">
        <v>56.6813</v>
      </c>
    </row>
    <row r="13704" spans="1:6" x14ac:dyDescent="0.25">
      <c r="A13704">
        <v>164.04</v>
      </c>
      <c r="B13704">
        <v>200.41</v>
      </c>
      <c r="C13704">
        <v>15709.1</v>
      </c>
      <c r="D13704">
        <v>3.1</v>
      </c>
      <c r="E13704">
        <v>7339.91</v>
      </c>
      <c r="F13704">
        <v>55.567799999999998</v>
      </c>
    </row>
    <row r="13705" spans="1:6" x14ac:dyDescent="0.25">
      <c r="A13705">
        <v>164.04</v>
      </c>
      <c r="B13705">
        <v>200.41</v>
      </c>
      <c r="C13705">
        <v>15709.1</v>
      </c>
      <c r="D13705">
        <v>3.4</v>
      </c>
      <c r="E13705">
        <v>7816.42</v>
      </c>
      <c r="F13705">
        <v>54.2273</v>
      </c>
    </row>
    <row r="13706" spans="1:6" x14ac:dyDescent="0.25">
      <c r="A13706">
        <v>164.04</v>
      </c>
      <c r="B13706">
        <v>200.41</v>
      </c>
      <c r="C13706">
        <v>15709.1</v>
      </c>
      <c r="D13706">
        <v>3.7</v>
      </c>
      <c r="E13706">
        <v>7867.42</v>
      </c>
      <c r="F13706">
        <v>53.569299999999998</v>
      </c>
    </row>
    <row r="13707" spans="1:6" x14ac:dyDescent="0.25">
      <c r="A13707">
        <v>164.04</v>
      </c>
      <c r="B13707">
        <v>200.41</v>
      </c>
      <c r="C13707">
        <v>15709.1</v>
      </c>
      <c r="D13707">
        <v>4</v>
      </c>
      <c r="E13707">
        <v>7137.11</v>
      </c>
      <c r="F13707">
        <v>53.111400000000003</v>
      </c>
    </row>
    <row r="13708" spans="1:6" x14ac:dyDescent="0.25">
      <c r="A13708">
        <v>164.04</v>
      </c>
      <c r="B13708">
        <v>200.41</v>
      </c>
      <c r="C13708">
        <v>17254.5</v>
      </c>
      <c r="D13708">
        <v>1</v>
      </c>
      <c r="E13708">
        <v>8523.0300000000007</v>
      </c>
      <c r="F13708">
        <v>60.063600000000001</v>
      </c>
    </row>
    <row r="13709" spans="1:6" x14ac:dyDescent="0.25">
      <c r="A13709">
        <v>164.04</v>
      </c>
      <c r="B13709">
        <v>200.41</v>
      </c>
      <c r="C13709">
        <v>17254.5</v>
      </c>
      <c r="D13709">
        <v>1.3</v>
      </c>
      <c r="E13709">
        <v>7959.18</v>
      </c>
      <c r="F13709">
        <v>19.363600000000002</v>
      </c>
    </row>
    <row r="13710" spans="1:6" x14ac:dyDescent="0.25">
      <c r="A13710">
        <v>164.04</v>
      </c>
      <c r="B13710">
        <v>200.41</v>
      </c>
      <c r="C13710">
        <v>17254.5</v>
      </c>
      <c r="D13710">
        <v>1.6</v>
      </c>
      <c r="E13710">
        <v>8248.18</v>
      </c>
      <c r="F13710">
        <v>58.347099999999998</v>
      </c>
    </row>
    <row r="13711" spans="1:6" x14ac:dyDescent="0.25">
      <c r="A13711">
        <v>164.04</v>
      </c>
      <c r="B13711">
        <v>200.41</v>
      </c>
      <c r="C13711">
        <v>17254.5</v>
      </c>
      <c r="D13711">
        <v>1.9</v>
      </c>
      <c r="E13711">
        <v>7724.95</v>
      </c>
      <c r="F13711">
        <v>54.973199999999999</v>
      </c>
    </row>
    <row r="13712" spans="1:6" x14ac:dyDescent="0.25">
      <c r="A13712">
        <v>164.04</v>
      </c>
      <c r="B13712">
        <v>200.41</v>
      </c>
      <c r="C13712">
        <v>17254.5</v>
      </c>
      <c r="D13712">
        <v>2.2000000000000002</v>
      </c>
      <c r="E13712">
        <v>7500.18</v>
      </c>
      <c r="F13712">
        <v>52.2196</v>
      </c>
    </row>
    <row r="13713" spans="1:6" x14ac:dyDescent="0.25">
      <c r="A13713">
        <v>164.04</v>
      </c>
      <c r="B13713">
        <v>200.41</v>
      </c>
      <c r="C13713">
        <v>17254.5</v>
      </c>
      <c r="D13713">
        <v>2.5</v>
      </c>
      <c r="E13713">
        <v>7754.59</v>
      </c>
      <c r="F13713">
        <v>50.3643</v>
      </c>
    </row>
    <row r="13714" spans="1:6" x14ac:dyDescent="0.25">
      <c r="A13714">
        <v>164.04</v>
      </c>
      <c r="B13714">
        <v>200.41</v>
      </c>
      <c r="C13714">
        <v>17254.5</v>
      </c>
      <c r="D13714">
        <v>2.8</v>
      </c>
      <c r="E13714">
        <v>7342.18</v>
      </c>
      <c r="F13714">
        <v>56.6813</v>
      </c>
    </row>
    <row r="13715" spans="1:6" x14ac:dyDescent="0.25">
      <c r="A13715">
        <v>164.04</v>
      </c>
      <c r="B13715">
        <v>200.41</v>
      </c>
      <c r="C13715">
        <v>17254.5</v>
      </c>
      <c r="D13715">
        <v>3.1</v>
      </c>
      <c r="E13715">
        <v>7339.91</v>
      </c>
      <c r="F13715">
        <v>55.567799999999998</v>
      </c>
    </row>
    <row r="13716" spans="1:6" x14ac:dyDescent="0.25">
      <c r="A13716">
        <v>164.04</v>
      </c>
      <c r="B13716">
        <v>200.41</v>
      </c>
      <c r="C13716">
        <v>17254.5</v>
      </c>
      <c r="D13716">
        <v>3.4</v>
      </c>
      <c r="E13716">
        <v>7816.42</v>
      </c>
      <c r="F13716">
        <v>54.2273</v>
      </c>
    </row>
    <row r="13717" spans="1:6" x14ac:dyDescent="0.25">
      <c r="A13717">
        <v>164.04</v>
      </c>
      <c r="B13717">
        <v>200.41</v>
      </c>
      <c r="C13717">
        <v>17254.5</v>
      </c>
      <c r="D13717">
        <v>3.7</v>
      </c>
      <c r="E13717">
        <v>7867.42</v>
      </c>
      <c r="F13717">
        <v>53.569299999999998</v>
      </c>
    </row>
    <row r="13718" spans="1:6" x14ac:dyDescent="0.25">
      <c r="A13718">
        <v>164.04</v>
      </c>
      <c r="B13718">
        <v>200.41</v>
      </c>
      <c r="C13718">
        <v>17254.5</v>
      </c>
      <c r="D13718">
        <v>4</v>
      </c>
      <c r="E13718">
        <v>7137.11</v>
      </c>
      <c r="F13718">
        <v>53.111400000000003</v>
      </c>
    </row>
    <row r="13719" spans="1:6" x14ac:dyDescent="0.25">
      <c r="A13719">
        <v>164.04</v>
      </c>
      <c r="B13719">
        <v>200.41</v>
      </c>
      <c r="C13719">
        <v>18800</v>
      </c>
      <c r="D13719">
        <v>1</v>
      </c>
      <c r="E13719">
        <v>8523.0300000000007</v>
      </c>
      <c r="F13719">
        <v>60.063600000000001</v>
      </c>
    </row>
    <row r="13720" spans="1:6" x14ac:dyDescent="0.25">
      <c r="A13720">
        <v>164.04</v>
      </c>
      <c r="B13720">
        <v>200.41</v>
      </c>
      <c r="C13720">
        <v>18800</v>
      </c>
      <c r="D13720">
        <v>1.3</v>
      </c>
      <c r="E13720">
        <v>7959.18</v>
      </c>
      <c r="F13720">
        <v>19.363600000000002</v>
      </c>
    </row>
    <row r="13721" spans="1:6" x14ac:dyDescent="0.25">
      <c r="A13721">
        <v>164.04</v>
      </c>
      <c r="B13721">
        <v>200.41</v>
      </c>
      <c r="C13721">
        <v>18800</v>
      </c>
      <c r="D13721">
        <v>1.6</v>
      </c>
      <c r="E13721">
        <v>8248.18</v>
      </c>
      <c r="F13721">
        <v>58.347099999999998</v>
      </c>
    </row>
    <row r="13722" spans="1:6" x14ac:dyDescent="0.25">
      <c r="A13722">
        <v>164.04</v>
      </c>
      <c r="B13722">
        <v>200.41</v>
      </c>
      <c r="C13722">
        <v>18800</v>
      </c>
      <c r="D13722">
        <v>1.9</v>
      </c>
      <c r="E13722">
        <v>7724.95</v>
      </c>
      <c r="F13722">
        <v>54.973199999999999</v>
      </c>
    </row>
    <row r="13723" spans="1:6" x14ac:dyDescent="0.25">
      <c r="A13723">
        <v>164.04</v>
      </c>
      <c r="B13723">
        <v>200.41</v>
      </c>
      <c r="C13723">
        <v>18800</v>
      </c>
      <c r="D13723">
        <v>2.2000000000000002</v>
      </c>
      <c r="E13723">
        <v>7500.18</v>
      </c>
      <c r="F13723">
        <v>52.2196</v>
      </c>
    </row>
    <row r="13724" spans="1:6" x14ac:dyDescent="0.25">
      <c r="A13724">
        <v>164.04</v>
      </c>
      <c r="B13724">
        <v>200.41</v>
      </c>
      <c r="C13724">
        <v>18800</v>
      </c>
      <c r="D13724">
        <v>2.5</v>
      </c>
      <c r="E13724">
        <v>7754.59</v>
      </c>
      <c r="F13724">
        <v>50.3643</v>
      </c>
    </row>
    <row r="13725" spans="1:6" x14ac:dyDescent="0.25">
      <c r="A13725">
        <v>164.04</v>
      </c>
      <c r="B13725">
        <v>200.41</v>
      </c>
      <c r="C13725">
        <v>18800</v>
      </c>
      <c r="D13725">
        <v>2.8</v>
      </c>
      <c r="E13725">
        <v>7342.18</v>
      </c>
      <c r="F13725">
        <v>56.6813</v>
      </c>
    </row>
    <row r="13726" spans="1:6" x14ac:dyDescent="0.25">
      <c r="A13726">
        <v>164.04</v>
      </c>
      <c r="B13726">
        <v>200.41</v>
      </c>
      <c r="C13726">
        <v>18800</v>
      </c>
      <c r="D13726">
        <v>3.1</v>
      </c>
      <c r="E13726">
        <v>7339.91</v>
      </c>
      <c r="F13726">
        <v>55.567799999999998</v>
      </c>
    </row>
    <row r="13727" spans="1:6" x14ac:dyDescent="0.25">
      <c r="A13727">
        <v>164.04</v>
      </c>
      <c r="B13727">
        <v>200.41</v>
      </c>
      <c r="C13727">
        <v>18800</v>
      </c>
      <c r="D13727">
        <v>3.4</v>
      </c>
      <c r="E13727">
        <v>7816.42</v>
      </c>
      <c r="F13727">
        <v>54.2273</v>
      </c>
    </row>
    <row r="13728" spans="1:6" x14ac:dyDescent="0.25">
      <c r="A13728">
        <v>164.04</v>
      </c>
      <c r="B13728">
        <v>200.41</v>
      </c>
      <c r="C13728">
        <v>18800</v>
      </c>
      <c r="D13728">
        <v>3.7</v>
      </c>
      <c r="E13728">
        <v>7867.42</v>
      </c>
      <c r="F13728">
        <v>53.569299999999998</v>
      </c>
    </row>
    <row r="13729" spans="1:6" x14ac:dyDescent="0.25">
      <c r="A13729">
        <v>164.04</v>
      </c>
      <c r="B13729">
        <v>200.41</v>
      </c>
      <c r="C13729">
        <v>18800</v>
      </c>
      <c r="D13729">
        <v>4</v>
      </c>
      <c r="E13729">
        <v>7137.11</v>
      </c>
      <c r="F13729">
        <v>53.111400000000003</v>
      </c>
    </row>
    <row r="13730" spans="1:6" x14ac:dyDescent="0.25">
      <c r="A13730">
        <v>164.04</v>
      </c>
      <c r="B13730">
        <v>204.04</v>
      </c>
      <c r="C13730">
        <v>1800</v>
      </c>
      <c r="D13730">
        <v>1</v>
      </c>
      <c r="E13730">
        <v>5333.32</v>
      </c>
      <c r="F13730">
        <v>60.063600000000001</v>
      </c>
    </row>
    <row r="13731" spans="1:6" x14ac:dyDescent="0.25">
      <c r="A13731">
        <v>164.04</v>
      </c>
      <c r="B13731">
        <v>204.04</v>
      </c>
      <c r="C13731">
        <v>1800</v>
      </c>
      <c r="D13731">
        <v>1.3</v>
      </c>
      <c r="E13731">
        <v>4722.7299999999996</v>
      </c>
      <c r="F13731">
        <v>23.903600000000001</v>
      </c>
    </row>
    <row r="13732" spans="1:6" x14ac:dyDescent="0.25">
      <c r="A13732">
        <v>164.04</v>
      </c>
      <c r="B13732">
        <v>204.04</v>
      </c>
      <c r="C13732">
        <v>1800</v>
      </c>
      <c r="D13732">
        <v>1.6</v>
      </c>
      <c r="E13732">
        <v>4319.08</v>
      </c>
      <c r="F13732">
        <v>53.918999999999997</v>
      </c>
    </row>
    <row r="13733" spans="1:6" x14ac:dyDescent="0.25">
      <c r="A13733">
        <v>164.04</v>
      </c>
      <c r="B13733">
        <v>204.04</v>
      </c>
      <c r="C13733">
        <v>1800</v>
      </c>
      <c r="D13733">
        <v>1.9</v>
      </c>
      <c r="E13733">
        <v>4038.24</v>
      </c>
      <c r="F13733">
        <v>50.161099999999998</v>
      </c>
    </row>
    <row r="13734" spans="1:6" x14ac:dyDescent="0.25">
      <c r="A13734">
        <v>164.04</v>
      </c>
      <c r="B13734">
        <v>204.04</v>
      </c>
      <c r="C13734">
        <v>1800</v>
      </c>
      <c r="D13734">
        <v>2.2000000000000002</v>
      </c>
      <c r="E13734">
        <v>3823.87</v>
      </c>
      <c r="F13734">
        <v>45.844200000000001</v>
      </c>
    </row>
    <row r="13735" spans="1:6" x14ac:dyDescent="0.25">
      <c r="A13735">
        <v>164.04</v>
      </c>
      <c r="B13735">
        <v>204.04</v>
      </c>
      <c r="C13735">
        <v>1800</v>
      </c>
      <c r="D13735">
        <v>2.5</v>
      </c>
      <c r="E13735">
        <v>3602.15</v>
      </c>
      <c r="F13735">
        <v>56.165599999999998</v>
      </c>
    </row>
    <row r="13736" spans="1:6" x14ac:dyDescent="0.25">
      <c r="A13736">
        <v>164.04</v>
      </c>
      <c r="B13736">
        <v>204.04</v>
      </c>
      <c r="C13736">
        <v>1800</v>
      </c>
      <c r="D13736">
        <v>2.8</v>
      </c>
      <c r="E13736">
        <v>3564.99</v>
      </c>
      <c r="F13736">
        <v>52.742100000000001</v>
      </c>
    </row>
    <row r="13737" spans="1:6" x14ac:dyDescent="0.25">
      <c r="A13737">
        <v>164.04</v>
      </c>
      <c r="B13737">
        <v>204.04</v>
      </c>
      <c r="C13737">
        <v>1800</v>
      </c>
      <c r="D13737">
        <v>3.1</v>
      </c>
      <c r="E13737">
        <v>3345.9</v>
      </c>
      <c r="F13737">
        <v>57.230800000000002</v>
      </c>
    </row>
    <row r="13738" spans="1:6" x14ac:dyDescent="0.25">
      <c r="A13738">
        <v>164.04</v>
      </c>
      <c r="B13738">
        <v>204.04</v>
      </c>
      <c r="C13738">
        <v>1800</v>
      </c>
      <c r="D13738">
        <v>3.4</v>
      </c>
      <c r="E13738">
        <v>3244.89</v>
      </c>
      <c r="F13738">
        <v>58.430700000000002</v>
      </c>
    </row>
    <row r="13739" spans="1:6" x14ac:dyDescent="0.25">
      <c r="A13739">
        <v>164.04</v>
      </c>
      <c r="B13739">
        <v>204.04</v>
      </c>
      <c r="C13739">
        <v>1800</v>
      </c>
      <c r="D13739">
        <v>3.7</v>
      </c>
      <c r="E13739">
        <v>3274.16</v>
      </c>
      <c r="F13739">
        <v>59.990900000000003</v>
      </c>
    </row>
    <row r="13740" spans="1:6" x14ac:dyDescent="0.25">
      <c r="A13740">
        <v>164.04</v>
      </c>
      <c r="B13740">
        <v>204.04</v>
      </c>
      <c r="C13740">
        <v>1800</v>
      </c>
      <c r="D13740">
        <v>4</v>
      </c>
      <c r="E13740">
        <v>3113.78</v>
      </c>
      <c r="F13740">
        <v>59.029200000000003</v>
      </c>
    </row>
    <row r="13741" spans="1:6" x14ac:dyDescent="0.25">
      <c r="A13741">
        <v>164.04</v>
      </c>
      <c r="B13741">
        <v>204.04</v>
      </c>
      <c r="C13741">
        <v>3345.45</v>
      </c>
      <c r="D13741">
        <v>1</v>
      </c>
      <c r="E13741">
        <v>6745.84</v>
      </c>
      <c r="F13741">
        <v>60.063600000000001</v>
      </c>
    </row>
    <row r="13742" spans="1:6" x14ac:dyDescent="0.25">
      <c r="A13742">
        <v>164.04</v>
      </c>
      <c r="B13742">
        <v>204.04</v>
      </c>
      <c r="C13742">
        <v>3345.45</v>
      </c>
      <c r="D13742">
        <v>1.3</v>
      </c>
      <c r="E13742">
        <v>6109.04</v>
      </c>
      <c r="F13742">
        <v>19.363600000000002</v>
      </c>
    </row>
    <row r="13743" spans="1:6" x14ac:dyDescent="0.25">
      <c r="A13743">
        <v>164.04</v>
      </c>
      <c r="B13743">
        <v>204.04</v>
      </c>
      <c r="C13743">
        <v>3345.45</v>
      </c>
      <c r="D13743">
        <v>1.6</v>
      </c>
      <c r="E13743">
        <v>5821.33</v>
      </c>
      <c r="F13743">
        <v>58.347099999999998</v>
      </c>
    </row>
    <row r="13744" spans="1:6" x14ac:dyDescent="0.25">
      <c r="A13744">
        <v>164.04</v>
      </c>
      <c r="B13744">
        <v>204.04</v>
      </c>
      <c r="C13744">
        <v>3345.45</v>
      </c>
      <c r="D13744">
        <v>1.9</v>
      </c>
      <c r="E13744">
        <v>5438.07</v>
      </c>
      <c r="F13744">
        <v>54.973199999999999</v>
      </c>
    </row>
    <row r="13745" spans="1:6" x14ac:dyDescent="0.25">
      <c r="A13745">
        <v>164.04</v>
      </c>
      <c r="B13745">
        <v>204.04</v>
      </c>
      <c r="C13745">
        <v>3345.45</v>
      </c>
      <c r="D13745">
        <v>2.2000000000000002</v>
      </c>
      <c r="E13745">
        <v>5062.42</v>
      </c>
      <c r="F13745">
        <v>52.2196</v>
      </c>
    </row>
    <row r="13746" spans="1:6" x14ac:dyDescent="0.25">
      <c r="A13746">
        <v>164.04</v>
      </c>
      <c r="B13746">
        <v>204.04</v>
      </c>
      <c r="C13746">
        <v>3345.45</v>
      </c>
      <c r="D13746">
        <v>2.5</v>
      </c>
      <c r="E13746">
        <v>4883.03</v>
      </c>
      <c r="F13746">
        <v>50.3643</v>
      </c>
    </row>
    <row r="13747" spans="1:6" x14ac:dyDescent="0.25">
      <c r="A13747">
        <v>164.04</v>
      </c>
      <c r="B13747">
        <v>204.04</v>
      </c>
      <c r="C13747">
        <v>3345.45</v>
      </c>
      <c r="D13747">
        <v>2.8</v>
      </c>
      <c r="E13747">
        <v>4838.75</v>
      </c>
      <c r="F13747">
        <v>56.6813</v>
      </c>
    </row>
    <row r="13748" spans="1:6" x14ac:dyDescent="0.25">
      <c r="A13748">
        <v>164.04</v>
      </c>
      <c r="B13748">
        <v>204.04</v>
      </c>
      <c r="C13748">
        <v>3345.45</v>
      </c>
      <c r="D13748">
        <v>3.1</v>
      </c>
      <c r="E13748">
        <v>4639.37</v>
      </c>
      <c r="F13748">
        <v>55.567799999999998</v>
      </c>
    </row>
    <row r="13749" spans="1:6" x14ac:dyDescent="0.25">
      <c r="A13749">
        <v>164.04</v>
      </c>
      <c r="B13749">
        <v>204.04</v>
      </c>
      <c r="C13749">
        <v>3345.45</v>
      </c>
      <c r="D13749">
        <v>3.4</v>
      </c>
      <c r="E13749">
        <v>4551.45</v>
      </c>
      <c r="F13749">
        <v>54.2273</v>
      </c>
    </row>
    <row r="13750" spans="1:6" x14ac:dyDescent="0.25">
      <c r="A13750">
        <v>164.04</v>
      </c>
      <c r="B13750">
        <v>204.04</v>
      </c>
      <c r="C13750">
        <v>3345.45</v>
      </c>
      <c r="D13750">
        <v>3.7</v>
      </c>
      <c r="E13750">
        <v>4486.2</v>
      </c>
      <c r="F13750">
        <v>53.569299999999998</v>
      </c>
    </row>
    <row r="13751" spans="1:6" x14ac:dyDescent="0.25">
      <c r="A13751">
        <v>164.04</v>
      </c>
      <c r="B13751">
        <v>204.04</v>
      </c>
      <c r="C13751">
        <v>3345.45</v>
      </c>
      <c r="D13751">
        <v>4</v>
      </c>
      <c r="E13751">
        <v>4448.62</v>
      </c>
      <c r="F13751">
        <v>53.111400000000003</v>
      </c>
    </row>
    <row r="13752" spans="1:6" x14ac:dyDescent="0.25">
      <c r="A13752">
        <v>164.04</v>
      </c>
      <c r="B13752">
        <v>204.04</v>
      </c>
      <c r="C13752">
        <v>4890.8999999999996</v>
      </c>
      <c r="D13752">
        <v>1</v>
      </c>
      <c r="E13752">
        <v>8223.67</v>
      </c>
      <c r="F13752">
        <v>60.063600000000001</v>
      </c>
    </row>
    <row r="13753" spans="1:6" x14ac:dyDescent="0.25">
      <c r="A13753">
        <v>164.04</v>
      </c>
      <c r="B13753">
        <v>204.04</v>
      </c>
      <c r="C13753">
        <v>4890.8999999999996</v>
      </c>
      <c r="D13753">
        <v>1.3</v>
      </c>
      <c r="E13753">
        <v>7537.45</v>
      </c>
      <c r="F13753">
        <v>19.363600000000002</v>
      </c>
    </row>
    <row r="13754" spans="1:6" x14ac:dyDescent="0.25">
      <c r="A13754">
        <v>164.04</v>
      </c>
      <c r="B13754">
        <v>204.04</v>
      </c>
      <c r="C13754">
        <v>4890.8999999999996</v>
      </c>
      <c r="D13754">
        <v>1.6</v>
      </c>
      <c r="E13754">
        <v>7133.45</v>
      </c>
      <c r="F13754">
        <v>58.347099999999998</v>
      </c>
    </row>
    <row r="13755" spans="1:6" x14ac:dyDescent="0.25">
      <c r="A13755">
        <v>164.04</v>
      </c>
      <c r="B13755">
        <v>204.04</v>
      </c>
      <c r="C13755">
        <v>4890.8999999999996</v>
      </c>
      <c r="D13755">
        <v>1.9</v>
      </c>
      <c r="E13755">
        <v>6882.09</v>
      </c>
      <c r="F13755">
        <v>54.973199999999999</v>
      </c>
    </row>
    <row r="13756" spans="1:6" x14ac:dyDescent="0.25">
      <c r="A13756">
        <v>164.04</v>
      </c>
      <c r="B13756">
        <v>204.04</v>
      </c>
      <c r="C13756">
        <v>4890.8999999999996</v>
      </c>
      <c r="D13756">
        <v>2.2000000000000002</v>
      </c>
      <c r="E13756">
        <v>6480.29</v>
      </c>
      <c r="F13756">
        <v>52.2196</v>
      </c>
    </row>
    <row r="13757" spans="1:6" x14ac:dyDescent="0.25">
      <c r="A13757">
        <v>164.04</v>
      </c>
      <c r="B13757">
        <v>204.04</v>
      </c>
      <c r="C13757">
        <v>4890.8999999999996</v>
      </c>
      <c r="D13757">
        <v>2.5</v>
      </c>
      <c r="E13757">
        <v>6317.74</v>
      </c>
      <c r="F13757">
        <v>50.3643</v>
      </c>
    </row>
    <row r="13758" spans="1:6" x14ac:dyDescent="0.25">
      <c r="A13758">
        <v>164.04</v>
      </c>
      <c r="B13758">
        <v>204.04</v>
      </c>
      <c r="C13758">
        <v>4890.8999999999996</v>
      </c>
      <c r="D13758">
        <v>2.8</v>
      </c>
      <c r="E13758">
        <v>6209.96</v>
      </c>
      <c r="F13758">
        <v>56.6813</v>
      </c>
    </row>
    <row r="13759" spans="1:6" x14ac:dyDescent="0.25">
      <c r="A13759">
        <v>164.04</v>
      </c>
      <c r="B13759">
        <v>204.04</v>
      </c>
      <c r="C13759">
        <v>4890.8999999999996</v>
      </c>
      <c r="D13759">
        <v>3.1</v>
      </c>
      <c r="E13759">
        <v>6085.27</v>
      </c>
      <c r="F13759">
        <v>55.567799999999998</v>
      </c>
    </row>
    <row r="13760" spans="1:6" x14ac:dyDescent="0.25">
      <c r="A13760">
        <v>164.04</v>
      </c>
      <c r="B13760">
        <v>204.04</v>
      </c>
      <c r="C13760">
        <v>4890.8999999999996</v>
      </c>
      <c r="D13760">
        <v>3.4</v>
      </c>
      <c r="E13760">
        <v>6118.75</v>
      </c>
      <c r="F13760">
        <v>54.2273</v>
      </c>
    </row>
    <row r="13761" spans="1:6" x14ac:dyDescent="0.25">
      <c r="A13761">
        <v>164.04</v>
      </c>
      <c r="B13761">
        <v>204.04</v>
      </c>
      <c r="C13761">
        <v>4890.8999999999996</v>
      </c>
      <c r="D13761">
        <v>3.7</v>
      </c>
      <c r="E13761">
        <v>5990.86</v>
      </c>
      <c r="F13761">
        <v>53.569299999999998</v>
      </c>
    </row>
    <row r="13762" spans="1:6" x14ac:dyDescent="0.25">
      <c r="A13762">
        <v>164.04</v>
      </c>
      <c r="B13762">
        <v>204.04</v>
      </c>
      <c r="C13762">
        <v>4890.8999999999996</v>
      </c>
      <c r="D13762">
        <v>4</v>
      </c>
      <c r="E13762">
        <v>5838.85</v>
      </c>
      <c r="F13762">
        <v>53.111400000000003</v>
      </c>
    </row>
    <row r="13763" spans="1:6" x14ac:dyDescent="0.25">
      <c r="A13763">
        <v>164.04</v>
      </c>
      <c r="B13763">
        <v>204.04</v>
      </c>
      <c r="C13763">
        <v>6436.35</v>
      </c>
      <c r="D13763">
        <v>1</v>
      </c>
      <c r="E13763">
        <v>8523.0300000000007</v>
      </c>
      <c r="F13763">
        <v>60.063600000000001</v>
      </c>
    </row>
    <row r="13764" spans="1:6" x14ac:dyDescent="0.25">
      <c r="A13764">
        <v>164.04</v>
      </c>
      <c r="B13764">
        <v>204.04</v>
      </c>
      <c r="C13764">
        <v>6436.35</v>
      </c>
      <c r="D13764">
        <v>1.3</v>
      </c>
      <c r="E13764">
        <v>7959.18</v>
      </c>
      <c r="F13764">
        <v>19.363600000000002</v>
      </c>
    </row>
    <row r="13765" spans="1:6" x14ac:dyDescent="0.25">
      <c r="A13765">
        <v>164.04</v>
      </c>
      <c r="B13765">
        <v>204.04</v>
      </c>
      <c r="C13765">
        <v>6436.35</v>
      </c>
      <c r="D13765">
        <v>1.6</v>
      </c>
      <c r="E13765">
        <v>8248.18</v>
      </c>
      <c r="F13765">
        <v>58.347099999999998</v>
      </c>
    </row>
    <row r="13766" spans="1:6" x14ac:dyDescent="0.25">
      <c r="A13766">
        <v>164.04</v>
      </c>
      <c r="B13766">
        <v>204.04</v>
      </c>
      <c r="C13766">
        <v>6436.35</v>
      </c>
      <c r="D13766">
        <v>1.9</v>
      </c>
      <c r="E13766">
        <v>7724.95</v>
      </c>
      <c r="F13766">
        <v>54.973199999999999</v>
      </c>
    </row>
    <row r="13767" spans="1:6" x14ac:dyDescent="0.25">
      <c r="A13767">
        <v>164.04</v>
      </c>
      <c r="B13767">
        <v>204.04</v>
      </c>
      <c r="C13767">
        <v>6436.35</v>
      </c>
      <c r="D13767">
        <v>2.2000000000000002</v>
      </c>
      <c r="E13767">
        <v>7500.18</v>
      </c>
      <c r="F13767">
        <v>52.2196</v>
      </c>
    </row>
    <row r="13768" spans="1:6" x14ac:dyDescent="0.25">
      <c r="A13768">
        <v>164.04</v>
      </c>
      <c r="B13768">
        <v>204.04</v>
      </c>
      <c r="C13768">
        <v>6436.35</v>
      </c>
      <c r="D13768">
        <v>2.5</v>
      </c>
      <c r="E13768">
        <v>7498.37</v>
      </c>
      <c r="F13768">
        <v>50.3643</v>
      </c>
    </row>
    <row r="13769" spans="1:6" x14ac:dyDescent="0.25">
      <c r="A13769">
        <v>164.04</v>
      </c>
      <c r="B13769">
        <v>204.04</v>
      </c>
      <c r="C13769">
        <v>6436.35</v>
      </c>
      <c r="D13769">
        <v>2.8</v>
      </c>
      <c r="E13769">
        <v>7342.18</v>
      </c>
      <c r="F13769">
        <v>56.6813</v>
      </c>
    </row>
    <row r="13770" spans="1:6" x14ac:dyDescent="0.25">
      <c r="A13770">
        <v>164.04</v>
      </c>
      <c r="B13770">
        <v>204.04</v>
      </c>
      <c r="C13770">
        <v>6436.35</v>
      </c>
      <c r="D13770">
        <v>3.1</v>
      </c>
      <c r="E13770">
        <v>7339.91</v>
      </c>
      <c r="F13770">
        <v>55.567799999999998</v>
      </c>
    </row>
    <row r="13771" spans="1:6" x14ac:dyDescent="0.25">
      <c r="A13771">
        <v>164.04</v>
      </c>
      <c r="B13771">
        <v>204.04</v>
      </c>
      <c r="C13771">
        <v>6436.35</v>
      </c>
      <c r="D13771">
        <v>3.4</v>
      </c>
      <c r="E13771">
        <v>7205.83</v>
      </c>
      <c r="F13771">
        <v>54.2273</v>
      </c>
    </row>
    <row r="13772" spans="1:6" x14ac:dyDescent="0.25">
      <c r="A13772">
        <v>164.04</v>
      </c>
      <c r="B13772">
        <v>204.04</v>
      </c>
      <c r="C13772">
        <v>6436.35</v>
      </c>
      <c r="D13772">
        <v>3.7</v>
      </c>
      <c r="E13772">
        <v>7225.1</v>
      </c>
      <c r="F13772">
        <v>53.569299999999998</v>
      </c>
    </row>
    <row r="13773" spans="1:6" x14ac:dyDescent="0.25">
      <c r="A13773">
        <v>164.04</v>
      </c>
      <c r="B13773">
        <v>204.04</v>
      </c>
      <c r="C13773">
        <v>6436.35</v>
      </c>
      <c r="D13773">
        <v>4</v>
      </c>
      <c r="E13773">
        <v>7137.11</v>
      </c>
      <c r="F13773">
        <v>53.111400000000003</v>
      </c>
    </row>
    <row r="13774" spans="1:6" x14ac:dyDescent="0.25">
      <c r="A13774">
        <v>164.04</v>
      </c>
      <c r="B13774">
        <v>204.04</v>
      </c>
      <c r="C13774">
        <v>7981.8</v>
      </c>
      <c r="D13774">
        <v>1</v>
      </c>
      <c r="E13774">
        <v>8523.0300000000007</v>
      </c>
      <c r="F13774">
        <v>60.063600000000001</v>
      </c>
    </row>
    <row r="13775" spans="1:6" x14ac:dyDescent="0.25">
      <c r="A13775">
        <v>164.04</v>
      </c>
      <c r="B13775">
        <v>204.04</v>
      </c>
      <c r="C13775">
        <v>7981.8</v>
      </c>
      <c r="D13775">
        <v>1.3</v>
      </c>
      <c r="E13775">
        <v>7959.18</v>
      </c>
      <c r="F13775">
        <v>19.363600000000002</v>
      </c>
    </row>
    <row r="13776" spans="1:6" x14ac:dyDescent="0.25">
      <c r="A13776">
        <v>164.04</v>
      </c>
      <c r="B13776">
        <v>204.04</v>
      </c>
      <c r="C13776">
        <v>7981.8</v>
      </c>
      <c r="D13776">
        <v>1.6</v>
      </c>
      <c r="E13776">
        <v>8248.18</v>
      </c>
      <c r="F13776">
        <v>58.347099999999998</v>
      </c>
    </row>
    <row r="13777" spans="1:6" x14ac:dyDescent="0.25">
      <c r="A13777">
        <v>164.04</v>
      </c>
      <c r="B13777">
        <v>204.04</v>
      </c>
      <c r="C13777">
        <v>7981.8</v>
      </c>
      <c r="D13777">
        <v>1.9</v>
      </c>
      <c r="E13777">
        <v>7724.95</v>
      </c>
      <c r="F13777">
        <v>54.973199999999999</v>
      </c>
    </row>
    <row r="13778" spans="1:6" x14ac:dyDescent="0.25">
      <c r="A13778">
        <v>164.04</v>
      </c>
      <c r="B13778">
        <v>204.04</v>
      </c>
      <c r="C13778">
        <v>7981.8</v>
      </c>
      <c r="D13778">
        <v>2.2000000000000002</v>
      </c>
      <c r="E13778">
        <v>7500.18</v>
      </c>
      <c r="F13778">
        <v>52.2196</v>
      </c>
    </row>
    <row r="13779" spans="1:6" x14ac:dyDescent="0.25">
      <c r="A13779">
        <v>164.04</v>
      </c>
      <c r="B13779">
        <v>204.04</v>
      </c>
      <c r="C13779">
        <v>7981.8</v>
      </c>
      <c r="D13779">
        <v>2.5</v>
      </c>
      <c r="E13779">
        <v>7754.59</v>
      </c>
      <c r="F13779">
        <v>50.3643</v>
      </c>
    </row>
    <row r="13780" spans="1:6" x14ac:dyDescent="0.25">
      <c r="A13780">
        <v>164.04</v>
      </c>
      <c r="B13780">
        <v>204.04</v>
      </c>
      <c r="C13780">
        <v>7981.8</v>
      </c>
      <c r="D13780">
        <v>2.8</v>
      </c>
      <c r="E13780">
        <v>7342.18</v>
      </c>
      <c r="F13780">
        <v>56.6813</v>
      </c>
    </row>
    <row r="13781" spans="1:6" x14ac:dyDescent="0.25">
      <c r="A13781">
        <v>164.04</v>
      </c>
      <c r="B13781">
        <v>204.04</v>
      </c>
      <c r="C13781">
        <v>7981.8</v>
      </c>
      <c r="D13781">
        <v>3.1</v>
      </c>
      <c r="E13781">
        <v>7339.91</v>
      </c>
      <c r="F13781">
        <v>55.567799999999998</v>
      </c>
    </row>
    <row r="13782" spans="1:6" x14ac:dyDescent="0.25">
      <c r="A13782">
        <v>164.04</v>
      </c>
      <c r="B13782">
        <v>204.04</v>
      </c>
      <c r="C13782">
        <v>7981.8</v>
      </c>
      <c r="D13782">
        <v>3.4</v>
      </c>
      <c r="E13782">
        <v>7816.42</v>
      </c>
      <c r="F13782">
        <v>54.2273</v>
      </c>
    </row>
    <row r="13783" spans="1:6" x14ac:dyDescent="0.25">
      <c r="A13783">
        <v>164.04</v>
      </c>
      <c r="B13783">
        <v>204.04</v>
      </c>
      <c r="C13783">
        <v>7981.8</v>
      </c>
      <c r="D13783">
        <v>3.7</v>
      </c>
      <c r="E13783">
        <v>7867.42</v>
      </c>
      <c r="F13783">
        <v>53.569299999999998</v>
      </c>
    </row>
    <row r="13784" spans="1:6" x14ac:dyDescent="0.25">
      <c r="A13784">
        <v>164.04</v>
      </c>
      <c r="B13784">
        <v>204.04</v>
      </c>
      <c r="C13784">
        <v>7981.8</v>
      </c>
      <c r="D13784">
        <v>4</v>
      </c>
      <c r="E13784">
        <v>7137.11</v>
      </c>
      <c r="F13784">
        <v>53.111400000000003</v>
      </c>
    </row>
    <row r="13785" spans="1:6" x14ac:dyDescent="0.25">
      <c r="A13785">
        <v>164.04</v>
      </c>
      <c r="B13785">
        <v>204.04</v>
      </c>
      <c r="C13785">
        <v>9527.25</v>
      </c>
      <c r="D13785">
        <v>1</v>
      </c>
      <c r="E13785">
        <v>8523.0300000000007</v>
      </c>
      <c r="F13785">
        <v>60.063600000000001</v>
      </c>
    </row>
    <row r="13786" spans="1:6" x14ac:dyDescent="0.25">
      <c r="A13786">
        <v>164.04</v>
      </c>
      <c r="B13786">
        <v>204.04</v>
      </c>
      <c r="C13786">
        <v>9527.25</v>
      </c>
      <c r="D13786">
        <v>1.3</v>
      </c>
      <c r="E13786">
        <v>7959.18</v>
      </c>
      <c r="F13786">
        <v>19.363600000000002</v>
      </c>
    </row>
    <row r="13787" spans="1:6" x14ac:dyDescent="0.25">
      <c r="A13787">
        <v>164.04</v>
      </c>
      <c r="B13787">
        <v>204.04</v>
      </c>
      <c r="C13787">
        <v>9527.25</v>
      </c>
      <c r="D13787">
        <v>1.6</v>
      </c>
      <c r="E13787">
        <v>8248.18</v>
      </c>
      <c r="F13787">
        <v>58.347099999999998</v>
      </c>
    </row>
    <row r="13788" spans="1:6" x14ac:dyDescent="0.25">
      <c r="A13788">
        <v>164.04</v>
      </c>
      <c r="B13788">
        <v>204.04</v>
      </c>
      <c r="C13788">
        <v>9527.25</v>
      </c>
      <c r="D13788">
        <v>1.9</v>
      </c>
      <c r="E13788">
        <v>7724.95</v>
      </c>
      <c r="F13788">
        <v>54.973199999999999</v>
      </c>
    </row>
    <row r="13789" spans="1:6" x14ac:dyDescent="0.25">
      <c r="A13789">
        <v>164.04</v>
      </c>
      <c r="B13789">
        <v>204.04</v>
      </c>
      <c r="C13789">
        <v>9527.25</v>
      </c>
      <c r="D13789">
        <v>2.2000000000000002</v>
      </c>
      <c r="E13789">
        <v>7500.18</v>
      </c>
      <c r="F13789">
        <v>52.2196</v>
      </c>
    </row>
    <row r="13790" spans="1:6" x14ac:dyDescent="0.25">
      <c r="A13790">
        <v>164.04</v>
      </c>
      <c r="B13790">
        <v>204.04</v>
      </c>
      <c r="C13790">
        <v>9527.25</v>
      </c>
      <c r="D13790">
        <v>2.5</v>
      </c>
      <c r="E13790">
        <v>7754.59</v>
      </c>
      <c r="F13790">
        <v>50.3643</v>
      </c>
    </row>
    <row r="13791" spans="1:6" x14ac:dyDescent="0.25">
      <c r="A13791">
        <v>164.04</v>
      </c>
      <c r="B13791">
        <v>204.04</v>
      </c>
      <c r="C13791">
        <v>9527.25</v>
      </c>
      <c r="D13791">
        <v>2.8</v>
      </c>
      <c r="E13791">
        <v>7342.18</v>
      </c>
      <c r="F13791">
        <v>56.6813</v>
      </c>
    </row>
    <row r="13792" spans="1:6" x14ac:dyDescent="0.25">
      <c r="A13792">
        <v>164.04</v>
      </c>
      <c r="B13792">
        <v>204.04</v>
      </c>
      <c r="C13792">
        <v>9527.25</v>
      </c>
      <c r="D13792">
        <v>3.1</v>
      </c>
      <c r="E13792">
        <v>7339.91</v>
      </c>
      <c r="F13792">
        <v>55.567799999999998</v>
      </c>
    </row>
    <row r="13793" spans="1:6" x14ac:dyDescent="0.25">
      <c r="A13793">
        <v>164.04</v>
      </c>
      <c r="B13793">
        <v>204.04</v>
      </c>
      <c r="C13793">
        <v>9527.25</v>
      </c>
      <c r="D13793">
        <v>3.4</v>
      </c>
      <c r="E13793">
        <v>7816.42</v>
      </c>
      <c r="F13793">
        <v>54.2273</v>
      </c>
    </row>
    <row r="13794" spans="1:6" x14ac:dyDescent="0.25">
      <c r="A13794">
        <v>164.04</v>
      </c>
      <c r="B13794">
        <v>204.04</v>
      </c>
      <c r="C13794">
        <v>9527.25</v>
      </c>
      <c r="D13794">
        <v>3.7</v>
      </c>
      <c r="E13794">
        <v>7867.42</v>
      </c>
      <c r="F13794">
        <v>53.569299999999998</v>
      </c>
    </row>
    <row r="13795" spans="1:6" x14ac:dyDescent="0.25">
      <c r="A13795">
        <v>164.04</v>
      </c>
      <c r="B13795">
        <v>204.04</v>
      </c>
      <c r="C13795">
        <v>9527.25</v>
      </c>
      <c r="D13795">
        <v>4</v>
      </c>
      <c r="E13795">
        <v>7137.11</v>
      </c>
      <c r="F13795">
        <v>53.111400000000003</v>
      </c>
    </row>
    <row r="13796" spans="1:6" x14ac:dyDescent="0.25">
      <c r="A13796">
        <v>164.04</v>
      </c>
      <c r="B13796">
        <v>204.04</v>
      </c>
      <c r="C13796">
        <v>11072.7</v>
      </c>
      <c r="D13796">
        <v>1</v>
      </c>
      <c r="E13796">
        <v>8523.0300000000007</v>
      </c>
      <c r="F13796">
        <v>60.063600000000001</v>
      </c>
    </row>
    <row r="13797" spans="1:6" x14ac:dyDescent="0.25">
      <c r="A13797">
        <v>164.04</v>
      </c>
      <c r="B13797">
        <v>204.04</v>
      </c>
      <c r="C13797">
        <v>11072.7</v>
      </c>
      <c r="D13797">
        <v>1.3</v>
      </c>
      <c r="E13797">
        <v>7959.18</v>
      </c>
      <c r="F13797">
        <v>19.363600000000002</v>
      </c>
    </row>
    <row r="13798" spans="1:6" x14ac:dyDescent="0.25">
      <c r="A13798">
        <v>164.04</v>
      </c>
      <c r="B13798">
        <v>204.04</v>
      </c>
      <c r="C13798">
        <v>11072.7</v>
      </c>
      <c r="D13798">
        <v>1.6</v>
      </c>
      <c r="E13798">
        <v>8248.18</v>
      </c>
      <c r="F13798">
        <v>58.347099999999998</v>
      </c>
    </row>
    <row r="13799" spans="1:6" x14ac:dyDescent="0.25">
      <c r="A13799">
        <v>164.04</v>
      </c>
      <c r="B13799">
        <v>204.04</v>
      </c>
      <c r="C13799">
        <v>11072.7</v>
      </c>
      <c r="D13799">
        <v>1.9</v>
      </c>
      <c r="E13799">
        <v>7724.95</v>
      </c>
      <c r="F13799">
        <v>54.973199999999999</v>
      </c>
    </row>
    <row r="13800" spans="1:6" x14ac:dyDescent="0.25">
      <c r="A13800">
        <v>164.04</v>
      </c>
      <c r="B13800">
        <v>204.04</v>
      </c>
      <c r="C13800">
        <v>11072.7</v>
      </c>
      <c r="D13800">
        <v>2.2000000000000002</v>
      </c>
      <c r="E13800">
        <v>7500.18</v>
      </c>
      <c r="F13800">
        <v>52.2196</v>
      </c>
    </row>
    <row r="13801" spans="1:6" x14ac:dyDescent="0.25">
      <c r="A13801">
        <v>164.04</v>
      </c>
      <c r="B13801">
        <v>204.04</v>
      </c>
      <c r="C13801">
        <v>11072.7</v>
      </c>
      <c r="D13801">
        <v>2.5</v>
      </c>
      <c r="E13801">
        <v>7754.59</v>
      </c>
      <c r="F13801">
        <v>50.3643</v>
      </c>
    </row>
    <row r="13802" spans="1:6" x14ac:dyDescent="0.25">
      <c r="A13802">
        <v>164.04</v>
      </c>
      <c r="B13802">
        <v>204.04</v>
      </c>
      <c r="C13802">
        <v>11072.7</v>
      </c>
      <c r="D13802">
        <v>2.8</v>
      </c>
      <c r="E13802">
        <v>7342.18</v>
      </c>
      <c r="F13802">
        <v>56.6813</v>
      </c>
    </row>
    <row r="13803" spans="1:6" x14ac:dyDescent="0.25">
      <c r="A13803">
        <v>164.04</v>
      </c>
      <c r="B13803">
        <v>204.04</v>
      </c>
      <c r="C13803">
        <v>11072.7</v>
      </c>
      <c r="D13803">
        <v>3.1</v>
      </c>
      <c r="E13803">
        <v>7339.91</v>
      </c>
      <c r="F13803">
        <v>55.567799999999998</v>
      </c>
    </row>
    <row r="13804" spans="1:6" x14ac:dyDescent="0.25">
      <c r="A13804">
        <v>164.04</v>
      </c>
      <c r="B13804">
        <v>204.04</v>
      </c>
      <c r="C13804">
        <v>11072.7</v>
      </c>
      <c r="D13804">
        <v>3.4</v>
      </c>
      <c r="E13804">
        <v>7816.42</v>
      </c>
      <c r="F13804">
        <v>54.2273</v>
      </c>
    </row>
    <row r="13805" spans="1:6" x14ac:dyDescent="0.25">
      <c r="A13805">
        <v>164.04</v>
      </c>
      <c r="B13805">
        <v>204.04</v>
      </c>
      <c r="C13805">
        <v>11072.7</v>
      </c>
      <c r="D13805">
        <v>3.7</v>
      </c>
      <c r="E13805">
        <v>7867.42</v>
      </c>
      <c r="F13805">
        <v>53.569299999999998</v>
      </c>
    </row>
    <row r="13806" spans="1:6" x14ac:dyDescent="0.25">
      <c r="A13806">
        <v>164.04</v>
      </c>
      <c r="B13806">
        <v>204.04</v>
      </c>
      <c r="C13806">
        <v>11072.7</v>
      </c>
      <c r="D13806">
        <v>4</v>
      </c>
      <c r="E13806">
        <v>7137.11</v>
      </c>
      <c r="F13806">
        <v>53.111400000000003</v>
      </c>
    </row>
    <row r="13807" spans="1:6" x14ac:dyDescent="0.25">
      <c r="A13807">
        <v>164.04</v>
      </c>
      <c r="B13807">
        <v>204.04</v>
      </c>
      <c r="C13807">
        <v>12618.2</v>
      </c>
      <c r="D13807">
        <v>1</v>
      </c>
      <c r="E13807">
        <v>8523.0300000000007</v>
      </c>
      <c r="F13807">
        <v>60.063600000000001</v>
      </c>
    </row>
    <row r="13808" spans="1:6" x14ac:dyDescent="0.25">
      <c r="A13808">
        <v>164.04</v>
      </c>
      <c r="B13808">
        <v>204.04</v>
      </c>
      <c r="C13808">
        <v>12618.2</v>
      </c>
      <c r="D13808">
        <v>1.3</v>
      </c>
      <c r="E13808">
        <v>7959.18</v>
      </c>
      <c r="F13808">
        <v>19.363600000000002</v>
      </c>
    </row>
    <row r="13809" spans="1:6" x14ac:dyDescent="0.25">
      <c r="A13809">
        <v>164.04</v>
      </c>
      <c r="B13809">
        <v>204.04</v>
      </c>
      <c r="C13809">
        <v>12618.2</v>
      </c>
      <c r="D13809">
        <v>1.6</v>
      </c>
      <c r="E13809">
        <v>8248.18</v>
      </c>
      <c r="F13809">
        <v>58.347099999999998</v>
      </c>
    </row>
    <row r="13810" spans="1:6" x14ac:dyDescent="0.25">
      <c r="A13810">
        <v>164.04</v>
      </c>
      <c r="B13810">
        <v>204.04</v>
      </c>
      <c r="C13810">
        <v>12618.2</v>
      </c>
      <c r="D13810">
        <v>1.9</v>
      </c>
      <c r="E13810">
        <v>7724.95</v>
      </c>
      <c r="F13810">
        <v>54.973199999999999</v>
      </c>
    </row>
    <row r="13811" spans="1:6" x14ac:dyDescent="0.25">
      <c r="A13811">
        <v>164.04</v>
      </c>
      <c r="B13811">
        <v>204.04</v>
      </c>
      <c r="C13811">
        <v>12618.2</v>
      </c>
      <c r="D13811">
        <v>2.2000000000000002</v>
      </c>
      <c r="E13811">
        <v>7500.18</v>
      </c>
      <c r="F13811">
        <v>52.2196</v>
      </c>
    </row>
    <row r="13812" spans="1:6" x14ac:dyDescent="0.25">
      <c r="A13812">
        <v>164.04</v>
      </c>
      <c r="B13812">
        <v>204.04</v>
      </c>
      <c r="C13812">
        <v>12618.2</v>
      </c>
      <c r="D13812">
        <v>2.5</v>
      </c>
      <c r="E13812">
        <v>7754.59</v>
      </c>
      <c r="F13812">
        <v>50.3643</v>
      </c>
    </row>
    <row r="13813" spans="1:6" x14ac:dyDescent="0.25">
      <c r="A13813">
        <v>164.04</v>
      </c>
      <c r="B13813">
        <v>204.04</v>
      </c>
      <c r="C13813">
        <v>12618.2</v>
      </c>
      <c r="D13813">
        <v>2.8</v>
      </c>
      <c r="E13813">
        <v>7342.18</v>
      </c>
      <c r="F13813">
        <v>56.6813</v>
      </c>
    </row>
    <row r="13814" spans="1:6" x14ac:dyDescent="0.25">
      <c r="A13814">
        <v>164.04</v>
      </c>
      <c r="B13814">
        <v>204.04</v>
      </c>
      <c r="C13814">
        <v>12618.2</v>
      </c>
      <c r="D13814">
        <v>3.1</v>
      </c>
      <c r="E13814">
        <v>7339.91</v>
      </c>
      <c r="F13814">
        <v>55.567799999999998</v>
      </c>
    </row>
    <row r="13815" spans="1:6" x14ac:dyDescent="0.25">
      <c r="A13815">
        <v>164.04</v>
      </c>
      <c r="B13815">
        <v>204.04</v>
      </c>
      <c r="C13815">
        <v>12618.2</v>
      </c>
      <c r="D13815">
        <v>3.4</v>
      </c>
      <c r="E13815">
        <v>7816.42</v>
      </c>
      <c r="F13815">
        <v>54.2273</v>
      </c>
    </row>
    <row r="13816" spans="1:6" x14ac:dyDescent="0.25">
      <c r="A13816">
        <v>164.04</v>
      </c>
      <c r="B13816">
        <v>204.04</v>
      </c>
      <c r="C13816">
        <v>12618.2</v>
      </c>
      <c r="D13816">
        <v>3.7</v>
      </c>
      <c r="E13816">
        <v>7867.42</v>
      </c>
      <c r="F13816">
        <v>53.569299999999998</v>
      </c>
    </row>
    <row r="13817" spans="1:6" x14ac:dyDescent="0.25">
      <c r="A13817">
        <v>164.04</v>
      </c>
      <c r="B13817">
        <v>204.04</v>
      </c>
      <c r="C13817">
        <v>12618.2</v>
      </c>
      <c r="D13817">
        <v>4</v>
      </c>
      <c r="E13817">
        <v>7137.11</v>
      </c>
      <c r="F13817">
        <v>53.111400000000003</v>
      </c>
    </row>
    <row r="13818" spans="1:6" x14ac:dyDescent="0.25">
      <c r="A13818">
        <v>164.04</v>
      </c>
      <c r="B13818">
        <v>204.04</v>
      </c>
      <c r="C13818">
        <v>14163.6</v>
      </c>
      <c r="D13818">
        <v>1</v>
      </c>
      <c r="E13818">
        <v>8523.0300000000007</v>
      </c>
      <c r="F13818">
        <v>60.063600000000001</v>
      </c>
    </row>
    <row r="13819" spans="1:6" x14ac:dyDescent="0.25">
      <c r="A13819">
        <v>164.04</v>
      </c>
      <c r="B13819">
        <v>204.04</v>
      </c>
      <c r="C13819">
        <v>14163.6</v>
      </c>
      <c r="D13819">
        <v>1.3</v>
      </c>
      <c r="E13819">
        <v>7959.18</v>
      </c>
      <c r="F13819">
        <v>19.363600000000002</v>
      </c>
    </row>
    <row r="13820" spans="1:6" x14ac:dyDescent="0.25">
      <c r="A13820">
        <v>164.04</v>
      </c>
      <c r="B13820">
        <v>204.04</v>
      </c>
      <c r="C13820">
        <v>14163.6</v>
      </c>
      <c r="D13820">
        <v>1.6</v>
      </c>
      <c r="E13820">
        <v>8248.18</v>
      </c>
      <c r="F13820">
        <v>58.347099999999998</v>
      </c>
    </row>
    <row r="13821" spans="1:6" x14ac:dyDescent="0.25">
      <c r="A13821">
        <v>164.04</v>
      </c>
      <c r="B13821">
        <v>204.04</v>
      </c>
      <c r="C13821">
        <v>14163.6</v>
      </c>
      <c r="D13821">
        <v>1.9</v>
      </c>
      <c r="E13821">
        <v>7724.95</v>
      </c>
      <c r="F13821">
        <v>54.973199999999999</v>
      </c>
    </row>
    <row r="13822" spans="1:6" x14ac:dyDescent="0.25">
      <c r="A13822">
        <v>164.04</v>
      </c>
      <c r="B13822">
        <v>204.04</v>
      </c>
      <c r="C13822">
        <v>14163.6</v>
      </c>
      <c r="D13822">
        <v>2.2000000000000002</v>
      </c>
      <c r="E13822">
        <v>7500.18</v>
      </c>
      <c r="F13822">
        <v>52.2196</v>
      </c>
    </row>
    <row r="13823" spans="1:6" x14ac:dyDescent="0.25">
      <c r="A13823">
        <v>164.04</v>
      </c>
      <c r="B13823">
        <v>204.04</v>
      </c>
      <c r="C13823">
        <v>14163.6</v>
      </c>
      <c r="D13823">
        <v>2.5</v>
      </c>
      <c r="E13823">
        <v>7754.59</v>
      </c>
      <c r="F13823">
        <v>50.3643</v>
      </c>
    </row>
    <row r="13824" spans="1:6" x14ac:dyDescent="0.25">
      <c r="A13824">
        <v>164.04</v>
      </c>
      <c r="B13824">
        <v>204.04</v>
      </c>
      <c r="C13824">
        <v>14163.6</v>
      </c>
      <c r="D13824">
        <v>2.8</v>
      </c>
      <c r="E13824">
        <v>7342.18</v>
      </c>
      <c r="F13824">
        <v>56.6813</v>
      </c>
    </row>
    <row r="13825" spans="1:6" x14ac:dyDescent="0.25">
      <c r="A13825">
        <v>164.04</v>
      </c>
      <c r="B13825">
        <v>204.04</v>
      </c>
      <c r="C13825">
        <v>14163.6</v>
      </c>
      <c r="D13825">
        <v>3.1</v>
      </c>
      <c r="E13825">
        <v>7339.91</v>
      </c>
      <c r="F13825">
        <v>55.567799999999998</v>
      </c>
    </row>
    <row r="13826" spans="1:6" x14ac:dyDescent="0.25">
      <c r="A13826">
        <v>164.04</v>
      </c>
      <c r="B13826">
        <v>204.04</v>
      </c>
      <c r="C13826">
        <v>14163.6</v>
      </c>
      <c r="D13826">
        <v>3.4</v>
      </c>
      <c r="E13826">
        <v>7816.42</v>
      </c>
      <c r="F13826">
        <v>54.2273</v>
      </c>
    </row>
    <row r="13827" spans="1:6" x14ac:dyDescent="0.25">
      <c r="A13827">
        <v>164.04</v>
      </c>
      <c r="B13827">
        <v>204.04</v>
      </c>
      <c r="C13827">
        <v>14163.6</v>
      </c>
      <c r="D13827">
        <v>3.7</v>
      </c>
      <c r="E13827">
        <v>7867.42</v>
      </c>
      <c r="F13827">
        <v>53.569299999999998</v>
      </c>
    </row>
    <row r="13828" spans="1:6" x14ac:dyDescent="0.25">
      <c r="A13828">
        <v>164.04</v>
      </c>
      <c r="B13828">
        <v>204.04</v>
      </c>
      <c r="C13828">
        <v>14163.6</v>
      </c>
      <c r="D13828">
        <v>4</v>
      </c>
      <c r="E13828">
        <v>7137.11</v>
      </c>
      <c r="F13828">
        <v>53.111400000000003</v>
      </c>
    </row>
    <row r="13829" spans="1:6" x14ac:dyDescent="0.25">
      <c r="A13829">
        <v>164.04</v>
      </c>
      <c r="B13829">
        <v>204.04</v>
      </c>
      <c r="C13829">
        <v>15709.1</v>
      </c>
      <c r="D13829">
        <v>1</v>
      </c>
      <c r="E13829">
        <v>8523.0300000000007</v>
      </c>
      <c r="F13829">
        <v>60.063600000000001</v>
      </c>
    </row>
    <row r="13830" spans="1:6" x14ac:dyDescent="0.25">
      <c r="A13830">
        <v>164.04</v>
      </c>
      <c r="B13830">
        <v>204.04</v>
      </c>
      <c r="C13830">
        <v>15709.1</v>
      </c>
      <c r="D13830">
        <v>1.3</v>
      </c>
      <c r="E13830">
        <v>7959.18</v>
      </c>
      <c r="F13830">
        <v>19.363600000000002</v>
      </c>
    </row>
    <row r="13831" spans="1:6" x14ac:dyDescent="0.25">
      <c r="A13831">
        <v>164.04</v>
      </c>
      <c r="B13831">
        <v>204.04</v>
      </c>
      <c r="C13831">
        <v>15709.1</v>
      </c>
      <c r="D13831">
        <v>1.6</v>
      </c>
      <c r="E13831">
        <v>8248.18</v>
      </c>
      <c r="F13831">
        <v>58.347099999999998</v>
      </c>
    </row>
    <row r="13832" spans="1:6" x14ac:dyDescent="0.25">
      <c r="A13832">
        <v>164.04</v>
      </c>
      <c r="B13832">
        <v>204.04</v>
      </c>
      <c r="C13832">
        <v>15709.1</v>
      </c>
      <c r="D13832">
        <v>1.9</v>
      </c>
      <c r="E13832">
        <v>7724.95</v>
      </c>
      <c r="F13832">
        <v>54.973199999999999</v>
      </c>
    </row>
    <row r="13833" spans="1:6" x14ac:dyDescent="0.25">
      <c r="A13833">
        <v>164.04</v>
      </c>
      <c r="B13833">
        <v>204.04</v>
      </c>
      <c r="C13833">
        <v>15709.1</v>
      </c>
      <c r="D13833">
        <v>2.2000000000000002</v>
      </c>
      <c r="E13833">
        <v>7500.18</v>
      </c>
      <c r="F13833">
        <v>52.2196</v>
      </c>
    </row>
    <row r="13834" spans="1:6" x14ac:dyDescent="0.25">
      <c r="A13834">
        <v>164.04</v>
      </c>
      <c r="B13834">
        <v>204.04</v>
      </c>
      <c r="C13834">
        <v>15709.1</v>
      </c>
      <c r="D13834">
        <v>2.5</v>
      </c>
      <c r="E13834">
        <v>7754.59</v>
      </c>
      <c r="F13834">
        <v>50.3643</v>
      </c>
    </row>
    <row r="13835" spans="1:6" x14ac:dyDescent="0.25">
      <c r="A13835">
        <v>164.04</v>
      </c>
      <c r="B13835">
        <v>204.04</v>
      </c>
      <c r="C13835">
        <v>15709.1</v>
      </c>
      <c r="D13835">
        <v>2.8</v>
      </c>
      <c r="E13835">
        <v>7342.18</v>
      </c>
      <c r="F13835">
        <v>56.6813</v>
      </c>
    </row>
    <row r="13836" spans="1:6" x14ac:dyDescent="0.25">
      <c r="A13836">
        <v>164.04</v>
      </c>
      <c r="B13836">
        <v>204.04</v>
      </c>
      <c r="C13836">
        <v>15709.1</v>
      </c>
      <c r="D13836">
        <v>3.1</v>
      </c>
      <c r="E13836">
        <v>7339.91</v>
      </c>
      <c r="F13836">
        <v>55.567799999999998</v>
      </c>
    </row>
    <row r="13837" spans="1:6" x14ac:dyDescent="0.25">
      <c r="A13837">
        <v>164.04</v>
      </c>
      <c r="B13837">
        <v>204.04</v>
      </c>
      <c r="C13837">
        <v>15709.1</v>
      </c>
      <c r="D13837">
        <v>3.4</v>
      </c>
      <c r="E13837">
        <v>7816.42</v>
      </c>
      <c r="F13837">
        <v>54.2273</v>
      </c>
    </row>
    <row r="13838" spans="1:6" x14ac:dyDescent="0.25">
      <c r="A13838">
        <v>164.04</v>
      </c>
      <c r="B13838">
        <v>204.04</v>
      </c>
      <c r="C13838">
        <v>15709.1</v>
      </c>
      <c r="D13838">
        <v>3.7</v>
      </c>
      <c r="E13838">
        <v>7867.42</v>
      </c>
      <c r="F13838">
        <v>53.569299999999998</v>
      </c>
    </row>
    <row r="13839" spans="1:6" x14ac:dyDescent="0.25">
      <c r="A13839">
        <v>164.04</v>
      </c>
      <c r="B13839">
        <v>204.04</v>
      </c>
      <c r="C13839">
        <v>15709.1</v>
      </c>
      <c r="D13839">
        <v>4</v>
      </c>
      <c r="E13839">
        <v>7137.11</v>
      </c>
      <c r="F13839">
        <v>53.111400000000003</v>
      </c>
    </row>
    <row r="13840" spans="1:6" x14ac:dyDescent="0.25">
      <c r="A13840">
        <v>164.04</v>
      </c>
      <c r="B13840">
        <v>204.04</v>
      </c>
      <c r="C13840">
        <v>17254.5</v>
      </c>
      <c r="D13840">
        <v>1</v>
      </c>
      <c r="E13840">
        <v>8523.0300000000007</v>
      </c>
      <c r="F13840">
        <v>60.063600000000001</v>
      </c>
    </row>
    <row r="13841" spans="1:6" x14ac:dyDescent="0.25">
      <c r="A13841">
        <v>164.04</v>
      </c>
      <c r="B13841">
        <v>204.04</v>
      </c>
      <c r="C13841">
        <v>17254.5</v>
      </c>
      <c r="D13841">
        <v>1.3</v>
      </c>
      <c r="E13841">
        <v>7959.18</v>
      </c>
      <c r="F13841">
        <v>19.363600000000002</v>
      </c>
    </row>
    <row r="13842" spans="1:6" x14ac:dyDescent="0.25">
      <c r="A13842">
        <v>164.04</v>
      </c>
      <c r="B13842">
        <v>204.04</v>
      </c>
      <c r="C13842">
        <v>17254.5</v>
      </c>
      <c r="D13842">
        <v>1.6</v>
      </c>
      <c r="E13842">
        <v>8248.18</v>
      </c>
      <c r="F13842">
        <v>58.347099999999998</v>
      </c>
    </row>
    <row r="13843" spans="1:6" x14ac:dyDescent="0.25">
      <c r="A13843">
        <v>164.04</v>
      </c>
      <c r="B13843">
        <v>204.04</v>
      </c>
      <c r="C13843">
        <v>17254.5</v>
      </c>
      <c r="D13843">
        <v>1.9</v>
      </c>
      <c r="E13843">
        <v>7724.95</v>
      </c>
      <c r="F13843">
        <v>54.973199999999999</v>
      </c>
    </row>
    <row r="13844" spans="1:6" x14ac:dyDescent="0.25">
      <c r="A13844">
        <v>164.04</v>
      </c>
      <c r="B13844">
        <v>204.04</v>
      </c>
      <c r="C13844">
        <v>17254.5</v>
      </c>
      <c r="D13844">
        <v>2.2000000000000002</v>
      </c>
      <c r="E13844">
        <v>7500.18</v>
      </c>
      <c r="F13844">
        <v>52.2196</v>
      </c>
    </row>
    <row r="13845" spans="1:6" x14ac:dyDescent="0.25">
      <c r="A13845">
        <v>164.04</v>
      </c>
      <c r="B13845">
        <v>204.04</v>
      </c>
      <c r="C13845">
        <v>17254.5</v>
      </c>
      <c r="D13845">
        <v>2.5</v>
      </c>
      <c r="E13845">
        <v>7754.59</v>
      </c>
      <c r="F13845">
        <v>50.3643</v>
      </c>
    </row>
    <row r="13846" spans="1:6" x14ac:dyDescent="0.25">
      <c r="A13846">
        <v>164.04</v>
      </c>
      <c r="B13846">
        <v>204.04</v>
      </c>
      <c r="C13846">
        <v>17254.5</v>
      </c>
      <c r="D13846">
        <v>2.8</v>
      </c>
      <c r="E13846">
        <v>7342.18</v>
      </c>
      <c r="F13846">
        <v>56.6813</v>
      </c>
    </row>
    <row r="13847" spans="1:6" x14ac:dyDescent="0.25">
      <c r="A13847">
        <v>164.04</v>
      </c>
      <c r="B13847">
        <v>204.04</v>
      </c>
      <c r="C13847">
        <v>17254.5</v>
      </c>
      <c r="D13847">
        <v>3.1</v>
      </c>
      <c r="E13847">
        <v>7339.91</v>
      </c>
      <c r="F13847">
        <v>55.567799999999998</v>
      </c>
    </row>
    <row r="13848" spans="1:6" x14ac:dyDescent="0.25">
      <c r="A13848">
        <v>164.04</v>
      </c>
      <c r="B13848">
        <v>204.04</v>
      </c>
      <c r="C13848">
        <v>17254.5</v>
      </c>
      <c r="D13848">
        <v>3.4</v>
      </c>
      <c r="E13848">
        <v>7816.42</v>
      </c>
      <c r="F13848">
        <v>54.2273</v>
      </c>
    </row>
    <row r="13849" spans="1:6" x14ac:dyDescent="0.25">
      <c r="A13849">
        <v>164.04</v>
      </c>
      <c r="B13849">
        <v>204.04</v>
      </c>
      <c r="C13849">
        <v>17254.5</v>
      </c>
      <c r="D13849">
        <v>3.7</v>
      </c>
      <c r="E13849">
        <v>7867.42</v>
      </c>
      <c r="F13849">
        <v>53.569299999999998</v>
      </c>
    </row>
    <row r="13850" spans="1:6" x14ac:dyDescent="0.25">
      <c r="A13850">
        <v>164.04</v>
      </c>
      <c r="B13850">
        <v>204.04</v>
      </c>
      <c r="C13850">
        <v>17254.5</v>
      </c>
      <c r="D13850">
        <v>4</v>
      </c>
      <c r="E13850">
        <v>7137.11</v>
      </c>
      <c r="F13850">
        <v>53.111400000000003</v>
      </c>
    </row>
    <row r="13851" spans="1:6" x14ac:dyDescent="0.25">
      <c r="A13851">
        <v>164.04</v>
      </c>
      <c r="B13851">
        <v>204.04</v>
      </c>
      <c r="C13851">
        <v>18800</v>
      </c>
      <c r="D13851">
        <v>1</v>
      </c>
      <c r="E13851">
        <v>8523.0300000000007</v>
      </c>
      <c r="F13851">
        <v>60.063600000000001</v>
      </c>
    </row>
    <row r="13852" spans="1:6" x14ac:dyDescent="0.25">
      <c r="A13852">
        <v>164.04</v>
      </c>
      <c r="B13852">
        <v>204.04</v>
      </c>
      <c r="C13852">
        <v>18800</v>
      </c>
      <c r="D13852">
        <v>1.3</v>
      </c>
      <c r="E13852">
        <v>7959.18</v>
      </c>
      <c r="F13852">
        <v>19.363600000000002</v>
      </c>
    </row>
    <row r="13853" spans="1:6" x14ac:dyDescent="0.25">
      <c r="A13853">
        <v>164.04</v>
      </c>
      <c r="B13853">
        <v>204.04</v>
      </c>
      <c r="C13853">
        <v>18800</v>
      </c>
      <c r="D13853">
        <v>1.6</v>
      </c>
      <c r="E13853">
        <v>8248.18</v>
      </c>
      <c r="F13853">
        <v>58.347099999999998</v>
      </c>
    </row>
    <row r="13854" spans="1:6" x14ac:dyDescent="0.25">
      <c r="A13854">
        <v>164.04</v>
      </c>
      <c r="B13854">
        <v>204.04</v>
      </c>
      <c r="C13854">
        <v>18800</v>
      </c>
      <c r="D13854">
        <v>1.9</v>
      </c>
      <c r="E13854">
        <v>7724.95</v>
      </c>
      <c r="F13854">
        <v>54.973199999999999</v>
      </c>
    </row>
    <row r="13855" spans="1:6" x14ac:dyDescent="0.25">
      <c r="A13855">
        <v>164.04</v>
      </c>
      <c r="B13855">
        <v>204.04</v>
      </c>
      <c r="C13855">
        <v>18800</v>
      </c>
      <c r="D13855">
        <v>2.2000000000000002</v>
      </c>
      <c r="E13855">
        <v>7500.18</v>
      </c>
      <c r="F13855">
        <v>52.2196</v>
      </c>
    </row>
    <row r="13856" spans="1:6" x14ac:dyDescent="0.25">
      <c r="A13856">
        <v>164.04</v>
      </c>
      <c r="B13856">
        <v>204.04</v>
      </c>
      <c r="C13856">
        <v>18800</v>
      </c>
      <c r="D13856">
        <v>2.5</v>
      </c>
      <c r="E13856">
        <v>7754.59</v>
      </c>
      <c r="F13856">
        <v>50.3643</v>
      </c>
    </row>
    <row r="13857" spans="1:6" x14ac:dyDescent="0.25">
      <c r="A13857">
        <v>164.04</v>
      </c>
      <c r="B13857">
        <v>204.04</v>
      </c>
      <c r="C13857">
        <v>18800</v>
      </c>
      <c r="D13857">
        <v>2.8</v>
      </c>
      <c r="E13857">
        <v>7342.18</v>
      </c>
      <c r="F13857">
        <v>56.6813</v>
      </c>
    </row>
    <row r="13858" spans="1:6" x14ac:dyDescent="0.25">
      <c r="A13858">
        <v>164.04</v>
      </c>
      <c r="B13858">
        <v>204.04</v>
      </c>
      <c r="C13858">
        <v>18800</v>
      </c>
      <c r="D13858">
        <v>3.1</v>
      </c>
      <c r="E13858">
        <v>7339.91</v>
      </c>
      <c r="F13858">
        <v>55.567799999999998</v>
      </c>
    </row>
    <row r="13859" spans="1:6" x14ac:dyDescent="0.25">
      <c r="A13859">
        <v>164.04</v>
      </c>
      <c r="B13859">
        <v>204.04</v>
      </c>
      <c r="C13859">
        <v>18800</v>
      </c>
      <c r="D13859">
        <v>3.4</v>
      </c>
      <c r="E13859">
        <v>7816.42</v>
      </c>
      <c r="F13859">
        <v>54.2273</v>
      </c>
    </row>
    <row r="13860" spans="1:6" x14ac:dyDescent="0.25">
      <c r="A13860">
        <v>164.04</v>
      </c>
      <c r="B13860">
        <v>204.04</v>
      </c>
      <c r="C13860">
        <v>18800</v>
      </c>
      <c r="D13860">
        <v>3.7</v>
      </c>
      <c r="E13860">
        <v>7867.42</v>
      </c>
      <c r="F13860">
        <v>53.569299999999998</v>
      </c>
    </row>
    <row r="13861" spans="1:6" x14ac:dyDescent="0.25">
      <c r="A13861">
        <v>164.04</v>
      </c>
      <c r="B13861">
        <v>204.04</v>
      </c>
      <c r="C13861">
        <v>18800</v>
      </c>
      <c r="D13861">
        <v>4</v>
      </c>
      <c r="E13861">
        <v>7137.11</v>
      </c>
      <c r="F13861">
        <v>53.111400000000003</v>
      </c>
    </row>
    <row r="13862" spans="1:6" x14ac:dyDescent="0.25">
      <c r="A13862">
        <v>164.04</v>
      </c>
      <c r="B13862">
        <v>207.67</v>
      </c>
      <c r="C13862">
        <v>1800</v>
      </c>
      <c r="D13862">
        <v>1</v>
      </c>
      <c r="E13862">
        <v>5333.32</v>
      </c>
      <c r="F13862">
        <v>60.063600000000001</v>
      </c>
    </row>
    <row r="13863" spans="1:6" x14ac:dyDescent="0.25">
      <c r="A13863">
        <v>164.04</v>
      </c>
      <c r="B13863">
        <v>207.67</v>
      </c>
      <c r="C13863">
        <v>1800</v>
      </c>
      <c r="D13863">
        <v>1.3</v>
      </c>
      <c r="E13863">
        <v>4722.7299999999996</v>
      </c>
      <c r="F13863">
        <v>23.903600000000001</v>
      </c>
    </row>
    <row r="13864" spans="1:6" x14ac:dyDescent="0.25">
      <c r="A13864">
        <v>164.04</v>
      </c>
      <c r="B13864">
        <v>207.67</v>
      </c>
      <c r="C13864">
        <v>1800</v>
      </c>
      <c r="D13864">
        <v>1.6</v>
      </c>
      <c r="E13864">
        <v>4319.08</v>
      </c>
      <c r="F13864">
        <v>53.918999999999997</v>
      </c>
    </row>
    <row r="13865" spans="1:6" x14ac:dyDescent="0.25">
      <c r="A13865">
        <v>164.04</v>
      </c>
      <c r="B13865">
        <v>207.67</v>
      </c>
      <c r="C13865">
        <v>1800</v>
      </c>
      <c r="D13865">
        <v>1.9</v>
      </c>
      <c r="E13865">
        <v>4038.24</v>
      </c>
      <c r="F13865">
        <v>50.161099999999998</v>
      </c>
    </row>
    <row r="13866" spans="1:6" x14ac:dyDescent="0.25">
      <c r="A13866">
        <v>164.04</v>
      </c>
      <c r="B13866">
        <v>207.67</v>
      </c>
      <c r="C13866">
        <v>1800</v>
      </c>
      <c r="D13866">
        <v>2.2000000000000002</v>
      </c>
      <c r="E13866">
        <v>3823.87</v>
      </c>
      <c r="F13866">
        <v>45.844200000000001</v>
      </c>
    </row>
    <row r="13867" spans="1:6" x14ac:dyDescent="0.25">
      <c r="A13867">
        <v>164.04</v>
      </c>
      <c r="B13867">
        <v>207.67</v>
      </c>
      <c r="C13867">
        <v>1800</v>
      </c>
      <c r="D13867">
        <v>2.5</v>
      </c>
      <c r="E13867">
        <v>3602.15</v>
      </c>
      <c r="F13867">
        <v>56.165599999999998</v>
      </c>
    </row>
    <row r="13868" spans="1:6" x14ac:dyDescent="0.25">
      <c r="A13868">
        <v>164.04</v>
      </c>
      <c r="B13868">
        <v>207.67</v>
      </c>
      <c r="C13868">
        <v>1800</v>
      </c>
      <c r="D13868">
        <v>2.8</v>
      </c>
      <c r="E13868">
        <v>3564.99</v>
      </c>
      <c r="F13868">
        <v>52.742100000000001</v>
      </c>
    </row>
    <row r="13869" spans="1:6" x14ac:dyDescent="0.25">
      <c r="A13869">
        <v>164.04</v>
      </c>
      <c r="B13869">
        <v>207.67</v>
      </c>
      <c r="C13869">
        <v>1800</v>
      </c>
      <c r="D13869">
        <v>3.1</v>
      </c>
      <c r="E13869">
        <v>3345.9</v>
      </c>
      <c r="F13869">
        <v>57.230800000000002</v>
      </c>
    </row>
    <row r="13870" spans="1:6" x14ac:dyDescent="0.25">
      <c r="A13870">
        <v>164.04</v>
      </c>
      <c r="B13870">
        <v>207.67</v>
      </c>
      <c r="C13870">
        <v>1800</v>
      </c>
      <c r="D13870">
        <v>3.4</v>
      </c>
      <c r="E13870">
        <v>3244.89</v>
      </c>
      <c r="F13870">
        <v>58.430700000000002</v>
      </c>
    </row>
    <row r="13871" spans="1:6" x14ac:dyDescent="0.25">
      <c r="A13871">
        <v>164.04</v>
      </c>
      <c r="B13871">
        <v>207.67</v>
      </c>
      <c r="C13871">
        <v>1800</v>
      </c>
      <c r="D13871">
        <v>3.7</v>
      </c>
      <c r="E13871">
        <v>3274.16</v>
      </c>
      <c r="F13871">
        <v>59.990900000000003</v>
      </c>
    </row>
    <row r="13872" spans="1:6" x14ac:dyDescent="0.25">
      <c r="A13872">
        <v>164.04</v>
      </c>
      <c r="B13872">
        <v>207.67</v>
      </c>
      <c r="C13872">
        <v>1800</v>
      </c>
      <c r="D13872">
        <v>4</v>
      </c>
      <c r="E13872">
        <v>3113.78</v>
      </c>
      <c r="F13872">
        <v>59.029200000000003</v>
      </c>
    </row>
    <row r="13873" spans="1:6" x14ac:dyDescent="0.25">
      <c r="A13873">
        <v>164.04</v>
      </c>
      <c r="B13873">
        <v>207.67</v>
      </c>
      <c r="C13873">
        <v>3345.45</v>
      </c>
      <c r="D13873">
        <v>1</v>
      </c>
      <c r="E13873">
        <v>6745.84</v>
      </c>
      <c r="F13873">
        <v>60.063600000000001</v>
      </c>
    </row>
    <row r="13874" spans="1:6" x14ac:dyDescent="0.25">
      <c r="A13874">
        <v>164.04</v>
      </c>
      <c r="B13874">
        <v>207.67</v>
      </c>
      <c r="C13874">
        <v>3345.45</v>
      </c>
      <c r="D13874">
        <v>1.3</v>
      </c>
      <c r="E13874">
        <v>6109.04</v>
      </c>
      <c r="F13874">
        <v>19.363600000000002</v>
      </c>
    </row>
    <row r="13875" spans="1:6" x14ac:dyDescent="0.25">
      <c r="A13875">
        <v>164.04</v>
      </c>
      <c r="B13875">
        <v>207.67</v>
      </c>
      <c r="C13875">
        <v>3345.45</v>
      </c>
      <c r="D13875">
        <v>1.6</v>
      </c>
      <c r="E13875">
        <v>5821.33</v>
      </c>
      <c r="F13875">
        <v>58.347099999999998</v>
      </c>
    </row>
    <row r="13876" spans="1:6" x14ac:dyDescent="0.25">
      <c r="A13876">
        <v>164.04</v>
      </c>
      <c r="B13876">
        <v>207.67</v>
      </c>
      <c r="C13876">
        <v>3345.45</v>
      </c>
      <c r="D13876">
        <v>1.9</v>
      </c>
      <c r="E13876">
        <v>5438.07</v>
      </c>
      <c r="F13876">
        <v>54.973199999999999</v>
      </c>
    </row>
    <row r="13877" spans="1:6" x14ac:dyDescent="0.25">
      <c r="A13877">
        <v>164.04</v>
      </c>
      <c r="B13877">
        <v>207.67</v>
      </c>
      <c r="C13877">
        <v>3345.45</v>
      </c>
      <c r="D13877">
        <v>2.2000000000000002</v>
      </c>
      <c r="E13877">
        <v>5062.42</v>
      </c>
      <c r="F13877">
        <v>52.2196</v>
      </c>
    </row>
    <row r="13878" spans="1:6" x14ac:dyDescent="0.25">
      <c r="A13878">
        <v>164.04</v>
      </c>
      <c r="B13878">
        <v>207.67</v>
      </c>
      <c r="C13878">
        <v>3345.45</v>
      </c>
      <c r="D13878">
        <v>2.5</v>
      </c>
      <c r="E13878">
        <v>4883.03</v>
      </c>
      <c r="F13878">
        <v>50.3643</v>
      </c>
    </row>
    <row r="13879" spans="1:6" x14ac:dyDescent="0.25">
      <c r="A13879">
        <v>164.04</v>
      </c>
      <c r="B13879">
        <v>207.67</v>
      </c>
      <c r="C13879">
        <v>3345.45</v>
      </c>
      <c r="D13879">
        <v>2.8</v>
      </c>
      <c r="E13879">
        <v>4838.75</v>
      </c>
      <c r="F13879">
        <v>56.6813</v>
      </c>
    </row>
    <row r="13880" spans="1:6" x14ac:dyDescent="0.25">
      <c r="A13880">
        <v>164.04</v>
      </c>
      <c r="B13880">
        <v>207.67</v>
      </c>
      <c r="C13880">
        <v>3345.45</v>
      </c>
      <c r="D13880">
        <v>3.1</v>
      </c>
      <c r="E13880">
        <v>4639.37</v>
      </c>
      <c r="F13880">
        <v>55.567799999999998</v>
      </c>
    </row>
    <row r="13881" spans="1:6" x14ac:dyDescent="0.25">
      <c r="A13881">
        <v>164.04</v>
      </c>
      <c r="B13881">
        <v>207.67</v>
      </c>
      <c r="C13881">
        <v>3345.45</v>
      </c>
      <c r="D13881">
        <v>3.4</v>
      </c>
      <c r="E13881">
        <v>4551.45</v>
      </c>
      <c r="F13881">
        <v>54.2273</v>
      </c>
    </row>
    <row r="13882" spans="1:6" x14ac:dyDescent="0.25">
      <c r="A13882">
        <v>164.04</v>
      </c>
      <c r="B13882">
        <v>207.67</v>
      </c>
      <c r="C13882">
        <v>3345.45</v>
      </c>
      <c r="D13882">
        <v>3.7</v>
      </c>
      <c r="E13882">
        <v>4486.2</v>
      </c>
      <c r="F13882">
        <v>53.569299999999998</v>
      </c>
    </row>
    <row r="13883" spans="1:6" x14ac:dyDescent="0.25">
      <c r="A13883">
        <v>164.04</v>
      </c>
      <c r="B13883">
        <v>207.67</v>
      </c>
      <c r="C13883">
        <v>3345.45</v>
      </c>
      <c r="D13883">
        <v>4</v>
      </c>
      <c r="E13883">
        <v>4448.62</v>
      </c>
      <c r="F13883">
        <v>53.111400000000003</v>
      </c>
    </row>
    <row r="13884" spans="1:6" x14ac:dyDescent="0.25">
      <c r="A13884">
        <v>164.04</v>
      </c>
      <c r="B13884">
        <v>207.67</v>
      </c>
      <c r="C13884">
        <v>4890.8999999999996</v>
      </c>
      <c r="D13884">
        <v>1</v>
      </c>
      <c r="E13884">
        <v>8223.67</v>
      </c>
      <c r="F13884">
        <v>60.063600000000001</v>
      </c>
    </row>
    <row r="13885" spans="1:6" x14ac:dyDescent="0.25">
      <c r="A13885">
        <v>164.04</v>
      </c>
      <c r="B13885">
        <v>207.67</v>
      </c>
      <c r="C13885">
        <v>4890.8999999999996</v>
      </c>
      <c r="D13885">
        <v>1.3</v>
      </c>
      <c r="E13885">
        <v>7537.45</v>
      </c>
      <c r="F13885">
        <v>19.363600000000002</v>
      </c>
    </row>
    <row r="13886" spans="1:6" x14ac:dyDescent="0.25">
      <c r="A13886">
        <v>164.04</v>
      </c>
      <c r="B13886">
        <v>207.67</v>
      </c>
      <c r="C13886">
        <v>4890.8999999999996</v>
      </c>
      <c r="D13886">
        <v>1.6</v>
      </c>
      <c r="E13886">
        <v>7133.45</v>
      </c>
      <c r="F13886">
        <v>58.347099999999998</v>
      </c>
    </row>
    <row r="13887" spans="1:6" x14ac:dyDescent="0.25">
      <c r="A13887">
        <v>164.04</v>
      </c>
      <c r="B13887">
        <v>207.67</v>
      </c>
      <c r="C13887">
        <v>4890.8999999999996</v>
      </c>
      <c r="D13887">
        <v>1.9</v>
      </c>
      <c r="E13887">
        <v>6882.09</v>
      </c>
      <c r="F13887">
        <v>54.973199999999999</v>
      </c>
    </row>
    <row r="13888" spans="1:6" x14ac:dyDescent="0.25">
      <c r="A13888">
        <v>164.04</v>
      </c>
      <c r="B13888">
        <v>207.67</v>
      </c>
      <c r="C13888">
        <v>4890.8999999999996</v>
      </c>
      <c r="D13888">
        <v>2.2000000000000002</v>
      </c>
      <c r="E13888">
        <v>6480.29</v>
      </c>
      <c r="F13888">
        <v>52.2196</v>
      </c>
    </row>
    <row r="13889" spans="1:6" x14ac:dyDescent="0.25">
      <c r="A13889">
        <v>164.04</v>
      </c>
      <c r="B13889">
        <v>207.67</v>
      </c>
      <c r="C13889">
        <v>4890.8999999999996</v>
      </c>
      <c r="D13889">
        <v>2.5</v>
      </c>
      <c r="E13889">
        <v>6317.74</v>
      </c>
      <c r="F13889">
        <v>50.3643</v>
      </c>
    </row>
    <row r="13890" spans="1:6" x14ac:dyDescent="0.25">
      <c r="A13890">
        <v>164.04</v>
      </c>
      <c r="B13890">
        <v>207.67</v>
      </c>
      <c r="C13890">
        <v>4890.8999999999996</v>
      </c>
      <c r="D13890">
        <v>2.8</v>
      </c>
      <c r="E13890">
        <v>6209.96</v>
      </c>
      <c r="F13890">
        <v>56.6813</v>
      </c>
    </row>
    <row r="13891" spans="1:6" x14ac:dyDescent="0.25">
      <c r="A13891">
        <v>164.04</v>
      </c>
      <c r="B13891">
        <v>207.67</v>
      </c>
      <c r="C13891">
        <v>4890.8999999999996</v>
      </c>
      <c r="D13891">
        <v>3.1</v>
      </c>
      <c r="E13891">
        <v>6085.27</v>
      </c>
      <c r="F13891">
        <v>55.567799999999998</v>
      </c>
    </row>
    <row r="13892" spans="1:6" x14ac:dyDescent="0.25">
      <c r="A13892">
        <v>164.04</v>
      </c>
      <c r="B13892">
        <v>207.67</v>
      </c>
      <c r="C13892">
        <v>4890.8999999999996</v>
      </c>
      <c r="D13892">
        <v>3.4</v>
      </c>
      <c r="E13892">
        <v>6118.75</v>
      </c>
      <c r="F13892">
        <v>54.2273</v>
      </c>
    </row>
    <row r="13893" spans="1:6" x14ac:dyDescent="0.25">
      <c r="A13893">
        <v>164.04</v>
      </c>
      <c r="B13893">
        <v>207.67</v>
      </c>
      <c r="C13893">
        <v>4890.8999999999996</v>
      </c>
      <c r="D13893">
        <v>3.7</v>
      </c>
      <c r="E13893">
        <v>5990.86</v>
      </c>
      <c r="F13893">
        <v>53.569299999999998</v>
      </c>
    </row>
    <row r="13894" spans="1:6" x14ac:dyDescent="0.25">
      <c r="A13894">
        <v>164.04</v>
      </c>
      <c r="B13894">
        <v>207.67</v>
      </c>
      <c r="C13894">
        <v>4890.8999999999996</v>
      </c>
      <c r="D13894">
        <v>4</v>
      </c>
      <c r="E13894">
        <v>5838.85</v>
      </c>
      <c r="F13894">
        <v>53.111400000000003</v>
      </c>
    </row>
    <row r="13895" spans="1:6" x14ac:dyDescent="0.25">
      <c r="A13895">
        <v>164.04</v>
      </c>
      <c r="B13895">
        <v>207.67</v>
      </c>
      <c r="C13895">
        <v>6436.35</v>
      </c>
      <c r="D13895">
        <v>1</v>
      </c>
      <c r="E13895">
        <v>8523.0300000000007</v>
      </c>
      <c r="F13895">
        <v>60.063600000000001</v>
      </c>
    </row>
    <row r="13896" spans="1:6" x14ac:dyDescent="0.25">
      <c r="A13896">
        <v>164.04</v>
      </c>
      <c r="B13896">
        <v>207.67</v>
      </c>
      <c r="C13896">
        <v>6436.35</v>
      </c>
      <c r="D13896">
        <v>1.3</v>
      </c>
      <c r="E13896">
        <v>7959.18</v>
      </c>
      <c r="F13896">
        <v>19.363600000000002</v>
      </c>
    </row>
    <row r="13897" spans="1:6" x14ac:dyDescent="0.25">
      <c r="A13897">
        <v>164.04</v>
      </c>
      <c r="B13897">
        <v>207.67</v>
      </c>
      <c r="C13897">
        <v>6436.35</v>
      </c>
      <c r="D13897">
        <v>1.6</v>
      </c>
      <c r="E13897">
        <v>8248.18</v>
      </c>
      <c r="F13897">
        <v>58.347099999999998</v>
      </c>
    </row>
    <row r="13898" spans="1:6" x14ac:dyDescent="0.25">
      <c r="A13898">
        <v>164.04</v>
      </c>
      <c r="B13898">
        <v>207.67</v>
      </c>
      <c r="C13898">
        <v>6436.35</v>
      </c>
      <c r="D13898">
        <v>1.9</v>
      </c>
      <c r="E13898">
        <v>7724.95</v>
      </c>
      <c r="F13898">
        <v>54.973199999999999</v>
      </c>
    </row>
    <row r="13899" spans="1:6" x14ac:dyDescent="0.25">
      <c r="A13899">
        <v>164.04</v>
      </c>
      <c r="B13899">
        <v>207.67</v>
      </c>
      <c r="C13899">
        <v>6436.35</v>
      </c>
      <c r="D13899">
        <v>2.2000000000000002</v>
      </c>
      <c r="E13899">
        <v>7500.18</v>
      </c>
      <c r="F13899">
        <v>52.2196</v>
      </c>
    </row>
    <row r="13900" spans="1:6" x14ac:dyDescent="0.25">
      <c r="A13900">
        <v>164.04</v>
      </c>
      <c r="B13900">
        <v>207.67</v>
      </c>
      <c r="C13900">
        <v>6436.35</v>
      </c>
      <c r="D13900">
        <v>2.5</v>
      </c>
      <c r="E13900">
        <v>7498.37</v>
      </c>
      <c r="F13900">
        <v>50.3643</v>
      </c>
    </row>
    <row r="13901" spans="1:6" x14ac:dyDescent="0.25">
      <c r="A13901">
        <v>164.04</v>
      </c>
      <c r="B13901">
        <v>207.67</v>
      </c>
      <c r="C13901">
        <v>6436.35</v>
      </c>
      <c r="D13901">
        <v>2.8</v>
      </c>
      <c r="E13901">
        <v>7342.18</v>
      </c>
      <c r="F13901">
        <v>56.6813</v>
      </c>
    </row>
    <row r="13902" spans="1:6" x14ac:dyDescent="0.25">
      <c r="A13902">
        <v>164.04</v>
      </c>
      <c r="B13902">
        <v>207.67</v>
      </c>
      <c r="C13902">
        <v>6436.35</v>
      </c>
      <c r="D13902">
        <v>3.1</v>
      </c>
      <c r="E13902">
        <v>7339.91</v>
      </c>
      <c r="F13902">
        <v>55.567799999999998</v>
      </c>
    </row>
    <row r="13903" spans="1:6" x14ac:dyDescent="0.25">
      <c r="A13903">
        <v>164.04</v>
      </c>
      <c r="B13903">
        <v>207.67</v>
      </c>
      <c r="C13903">
        <v>6436.35</v>
      </c>
      <c r="D13903">
        <v>3.4</v>
      </c>
      <c r="E13903">
        <v>7205.83</v>
      </c>
      <c r="F13903">
        <v>54.2273</v>
      </c>
    </row>
    <row r="13904" spans="1:6" x14ac:dyDescent="0.25">
      <c r="A13904">
        <v>164.04</v>
      </c>
      <c r="B13904">
        <v>207.67</v>
      </c>
      <c r="C13904">
        <v>6436.35</v>
      </c>
      <c r="D13904">
        <v>3.7</v>
      </c>
      <c r="E13904">
        <v>7214.01</v>
      </c>
      <c r="F13904">
        <v>53.569299999999998</v>
      </c>
    </row>
    <row r="13905" spans="1:6" x14ac:dyDescent="0.25">
      <c r="A13905">
        <v>164.04</v>
      </c>
      <c r="B13905">
        <v>207.67</v>
      </c>
      <c r="C13905">
        <v>6436.35</v>
      </c>
      <c r="D13905">
        <v>4</v>
      </c>
      <c r="E13905">
        <v>7137.11</v>
      </c>
      <c r="F13905">
        <v>53.111400000000003</v>
      </c>
    </row>
    <row r="13906" spans="1:6" x14ac:dyDescent="0.25">
      <c r="A13906">
        <v>164.04</v>
      </c>
      <c r="B13906">
        <v>207.67</v>
      </c>
      <c r="C13906">
        <v>7981.8</v>
      </c>
      <c r="D13906">
        <v>1</v>
      </c>
      <c r="E13906">
        <v>8523.0300000000007</v>
      </c>
      <c r="F13906">
        <v>60.063600000000001</v>
      </c>
    </row>
    <row r="13907" spans="1:6" x14ac:dyDescent="0.25">
      <c r="A13907">
        <v>164.04</v>
      </c>
      <c r="B13907">
        <v>207.67</v>
      </c>
      <c r="C13907">
        <v>7981.8</v>
      </c>
      <c r="D13907">
        <v>1.3</v>
      </c>
      <c r="E13907">
        <v>7959.18</v>
      </c>
      <c r="F13907">
        <v>19.363600000000002</v>
      </c>
    </row>
    <row r="13908" spans="1:6" x14ac:dyDescent="0.25">
      <c r="A13908">
        <v>164.04</v>
      </c>
      <c r="B13908">
        <v>207.67</v>
      </c>
      <c r="C13908">
        <v>7981.8</v>
      </c>
      <c r="D13908">
        <v>1.6</v>
      </c>
      <c r="E13908">
        <v>8248.18</v>
      </c>
      <c r="F13908">
        <v>58.347099999999998</v>
      </c>
    </row>
    <row r="13909" spans="1:6" x14ac:dyDescent="0.25">
      <c r="A13909">
        <v>164.04</v>
      </c>
      <c r="B13909">
        <v>207.67</v>
      </c>
      <c r="C13909">
        <v>7981.8</v>
      </c>
      <c r="D13909">
        <v>1.9</v>
      </c>
      <c r="E13909">
        <v>7724.95</v>
      </c>
      <c r="F13909">
        <v>54.973199999999999</v>
      </c>
    </row>
    <row r="13910" spans="1:6" x14ac:dyDescent="0.25">
      <c r="A13910">
        <v>164.04</v>
      </c>
      <c r="B13910">
        <v>207.67</v>
      </c>
      <c r="C13910">
        <v>7981.8</v>
      </c>
      <c r="D13910">
        <v>2.2000000000000002</v>
      </c>
      <c r="E13910">
        <v>7500.18</v>
      </c>
      <c r="F13910">
        <v>52.2196</v>
      </c>
    </row>
    <row r="13911" spans="1:6" x14ac:dyDescent="0.25">
      <c r="A13911">
        <v>164.04</v>
      </c>
      <c r="B13911">
        <v>207.67</v>
      </c>
      <c r="C13911">
        <v>7981.8</v>
      </c>
      <c r="D13911">
        <v>2.5</v>
      </c>
      <c r="E13911">
        <v>7754.59</v>
      </c>
      <c r="F13911">
        <v>50.3643</v>
      </c>
    </row>
    <row r="13912" spans="1:6" x14ac:dyDescent="0.25">
      <c r="A13912">
        <v>164.04</v>
      </c>
      <c r="B13912">
        <v>207.67</v>
      </c>
      <c r="C13912">
        <v>7981.8</v>
      </c>
      <c r="D13912">
        <v>2.8</v>
      </c>
      <c r="E13912">
        <v>7342.18</v>
      </c>
      <c r="F13912">
        <v>56.6813</v>
      </c>
    </row>
    <row r="13913" spans="1:6" x14ac:dyDescent="0.25">
      <c r="A13913">
        <v>164.04</v>
      </c>
      <c r="B13913">
        <v>207.67</v>
      </c>
      <c r="C13913">
        <v>7981.8</v>
      </c>
      <c r="D13913">
        <v>3.1</v>
      </c>
      <c r="E13913">
        <v>7339.91</v>
      </c>
      <c r="F13913">
        <v>55.567799999999998</v>
      </c>
    </row>
    <row r="13914" spans="1:6" x14ac:dyDescent="0.25">
      <c r="A13914">
        <v>164.04</v>
      </c>
      <c r="B13914">
        <v>207.67</v>
      </c>
      <c r="C13914">
        <v>7981.8</v>
      </c>
      <c r="D13914">
        <v>3.4</v>
      </c>
      <c r="E13914">
        <v>7816.42</v>
      </c>
      <c r="F13914">
        <v>54.2273</v>
      </c>
    </row>
    <row r="13915" spans="1:6" x14ac:dyDescent="0.25">
      <c r="A13915">
        <v>164.04</v>
      </c>
      <c r="B13915">
        <v>207.67</v>
      </c>
      <c r="C13915">
        <v>7981.8</v>
      </c>
      <c r="D13915">
        <v>3.7</v>
      </c>
      <c r="E13915">
        <v>7867.42</v>
      </c>
      <c r="F13915">
        <v>53.569299999999998</v>
      </c>
    </row>
    <row r="13916" spans="1:6" x14ac:dyDescent="0.25">
      <c r="A13916">
        <v>164.04</v>
      </c>
      <c r="B13916">
        <v>207.67</v>
      </c>
      <c r="C13916">
        <v>7981.8</v>
      </c>
      <c r="D13916">
        <v>4</v>
      </c>
      <c r="E13916">
        <v>7137.11</v>
      </c>
      <c r="F13916">
        <v>53.111400000000003</v>
      </c>
    </row>
    <row r="13917" spans="1:6" x14ac:dyDescent="0.25">
      <c r="A13917">
        <v>164.04</v>
      </c>
      <c r="B13917">
        <v>207.67</v>
      </c>
      <c r="C13917">
        <v>9527.25</v>
      </c>
      <c r="D13917">
        <v>1</v>
      </c>
      <c r="E13917">
        <v>8523.0300000000007</v>
      </c>
      <c r="F13917">
        <v>60.063600000000001</v>
      </c>
    </row>
    <row r="13918" spans="1:6" x14ac:dyDescent="0.25">
      <c r="A13918">
        <v>164.04</v>
      </c>
      <c r="B13918">
        <v>207.67</v>
      </c>
      <c r="C13918">
        <v>9527.25</v>
      </c>
      <c r="D13918">
        <v>1.3</v>
      </c>
      <c r="E13918">
        <v>7959.18</v>
      </c>
      <c r="F13918">
        <v>19.363600000000002</v>
      </c>
    </row>
    <row r="13919" spans="1:6" x14ac:dyDescent="0.25">
      <c r="A13919">
        <v>164.04</v>
      </c>
      <c r="B13919">
        <v>207.67</v>
      </c>
      <c r="C13919">
        <v>9527.25</v>
      </c>
      <c r="D13919">
        <v>1.6</v>
      </c>
      <c r="E13919">
        <v>8248.18</v>
      </c>
      <c r="F13919">
        <v>58.347099999999998</v>
      </c>
    </row>
    <row r="13920" spans="1:6" x14ac:dyDescent="0.25">
      <c r="A13920">
        <v>164.04</v>
      </c>
      <c r="B13920">
        <v>207.67</v>
      </c>
      <c r="C13920">
        <v>9527.25</v>
      </c>
      <c r="D13920">
        <v>1.9</v>
      </c>
      <c r="E13920">
        <v>7724.95</v>
      </c>
      <c r="F13920">
        <v>54.973199999999999</v>
      </c>
    </row>
    <row r="13921" spans="1:6" x14ac:dyDescent="0.25">
      <c r="A13921">
        <v>164.04</v>
      </c>
      <c r="B13921">
        <v>207.67</v>
      </c>
      <c r="C13921">
        <v>9527.25</v>
      </c>
      <c r="D13921">
        <v>2.2000000000000002</v>
      </c>
      <c r="E13921">
        <v>7500.18</v>
      </c>
      <c r="F13921">
        <v>52.2196</v>
      </c>
    </row>
    <row r="13922" spans="1:6" x14ac:dyDescent="0.25">
      <c r="A13922">
        <v>164.04</v>
      </c>
      <c r="B13922">
        <v>207.67</v>
      </c>
      <c r="C13922">
        <v>9527.25</v>
      </c>
      <c r="D13922">
        <v>2.5</v>
      </c>
      <c r="E13922">
        <v>7754.59</v>
      </c>
      <c r="F13922">
        <v>50.3643</v>
      </c>
    </row>
    <row r="13923" spans="1:6" x14ac:dyDescent="0.25">
      <c r="A13923">
        <v>164.04</v>
      </c>
      <c r="B13923">
        <v>207.67</v>
      </c>
      <c r="C13923">
        <v>9527.25</v>
      </c>
      <c r="D13923">
        <v>2.8</v>
      </c>
      <c r="E13923">
        <v>7342.18</v>
      </c>
      <c r="F13923">
        <v>56.6813</v>
      </c>
    </row>
    <row r="13924" spans="1:6" x14ac:dyDescent="0.25">
      <c r="A13924">
        <v>164.04</v>
      </c>
      <c r="B13924">
        <v>207.67</v>
      </c>
      <c r="C13924">
        <v>9527.25</v>
      </c>
      <c r="D13924">
        <v>3.1</v>
      </c>
      <c r="E13924">
        <v>7339.91</v>
      </c>
      <c r="F13924">
        <v>55.567799999999998</v>
      </c>
    </row>
    <row r="13925" spans="1:6" x14ac:dyDescent="0.25">
      <c r="A13925">
        <v>164.04</v>
      </c>
      <c r="B13925">
        <v>207.67</v>
      </c>
      <c r="C13925">
        <v>9527.25</v>
      </c>
      <c r="D13925">
        <v>3.4</v>
      </c>
      <c r="E13925">
        <v>7816.42</v>
      </c>
      <c r="F13925">
        <v>54.2273</v>
      </c>
    </row>
    <row r="13926" spans="1:6" x14ac:dyDescent="0.25">
      <c r="A13926">
        <v>164.04</v>
      </c>
      <c r="B13926">
        <v>207.67</v>
      </c>
      <c r="C13926">
        <v>9527.25</v>
      </c>
      <c r="D13926">
        <v>3.7</v>
      </c>
      <c r="E13926">
        <v>7867.42</v>
      </c>
      <c r="F13926">
        <v>53.569299999999998</v>
      </c>
    </row>
    <row r="13927" spans="1:6" x14ac:dyDescent="0.25">
      <c r="A13927">
        <v>164.04</v>
      </c>
      <c r="B13927">
        <v>207.67</v>
      </c>
      <c r="C13927">
        <v>9527.25</v>
      </c>
      <c r="D13927">
        <v>4</v>
      </c>
      <c r="E13927">
        <v>7137.11</v>
      </c>
      <c r="F13927">
        <v>53.111400000000003</v>
      </c>
    </row>
    <row r="13928" spans="1:6" x14ac:dyDescent="0.25">
      <c r="A13928" s="1">
        <v>164.04</v>
      </c>
      <c r="B13928" s="1">
        <v>207.67</v>
      </c>
      <c r="C13928" s="1">
        <v>11072.7</v>
      </c>
      <c r="D13928" s="1">
        <v>1</v>
      </c>
      <c r="E13928" s="1">
        <v>8523.0300000000007</v>
      </c>
      <c r="F13928" s="1">
        <v>60.063600000000001</v>
      </c>
    </row>
    <row r="13929" spans="1:6" x14ac:dyDescent="0.25">
      <c r="A13929">
        <v>164.04</v>
      </c>
      <c r="B13929">
        <v>207.67</v>
      </c>
      <c r="C13929">
        <v>11072.7</v>
      </c>
      <c r="D13929">
        <v>1.3</v>
      </c>
      <c r="E13929">
        <v>7959.18</v>
      </c>
      <c r="F13929">
        <v>19.363600000000002</v>
      </c>
    </row>
    <row r="13930" spans="1:6" x14ac:dyDescent="0.25">
      <c r="A13930">
        <v>164.04</v>
      </c>
      <c r="B13930">
        <v>207.67</v>
      </c>
      <c r="C13930">
        <v>11072.7</v>
      </c>
      <c r="D13930">
        <v>1.6</v>
      </c>
      <c r="E13930">
        <v>8248.18</v>
      </c>
      <c r="F13930">
        <v>58.347099999999998</v>
      </c>
    </row>
    <row r="13931" spans="1:6" x14ac:dyDescent="0.25">
      <c r="A13931">
        <v>164.04</v>
      </c>
      <c r="B13931">
        <v>207.67</v>
      </c>
      <c r="C13931">
        <v>11072.7</v>
      </c>
      <c r="D13931">
        <v>1.9</v>
      </c>
      <c r="E13931">
        <v>7724.95</v>
      </c>
      <c r="F13931">
        <v>54.973199999999999</v>
      </c>
    </row>
    <row r="13932" spans="1:6" x14ac:dyDescent="0.25">
      <c r="A13932">
        <v>164.04</v>
      </c>
      <c r="B13932">
        <v>207.67</v>
      </c>
      <c r="C13932">
        <v>11072.7</v>
      </c>
      <c r="D13932">
        <v>2.2000000000000002</v>
      </c>
      <c r="E13932">
        <v>7500.18</v>
      </c>
      <c r="F13932">
        <v>52.2196</v>
      </c>
    </row>
    <row r="13933" spans="1:6" x14ac:dyDescent="0.25">
      <c r="A13933">
        <v>164.04</v>
      </c>
      <c r="B13933">
        <v>207.67</v>
      </c>
      <c r="C13933">
        <v>11072.7</v>
      </c>
      <c r="D13933">
        <v>2.5</v>
      </c>
      <c r="E13933">
        <v>7754.59</v>
      </c>
      <c r="F13933">
        <v>50.3643</v>
      </c>
    </row>
    <row r="13934" spans="1:6" x14ac:dyDescent="0.25">
      <c r="A13934">
        <v>164.04</v>
      </c>
      <c r="B13934">
        <v>207.67</v>
      </c>
      <c r="C13934">
        <v>11072.7</v>
      </c>
      <c r="D13934">
        <v>2.8</v>
      </c>
      <c r="E13934">
        <v>7342.18</v>
      </c>
      <c r="F13934">
        <v>56.6813</v>
      </c>
    </row>
    <row r="13935" spans="1:6" x14ac:dyDescent="0.25">
      <c r="A13935">
        <v>164.04</v>
      </c>
      <c r="B13935">
        <v>207.67</v>
      </c>
      <c r="C13935">
        <v>11072.7</v>
      </c>
      <c r="D13935">
        <v>3.1</v>
      </c>
      <c r="E13935">
        <v>7339.91</v>
      </c>
      <c r="F13935">
        <v>55.567799999999998</v>
      </c>
    </row>
    <row r="13936" spans="1:6" x14ac:dyDescent="0.25">
      <c r="A13936">
        <v>164.04</v>
      </c>
      <c r="B13936">
        <v>207.67</v>
      </c>
      <c r="C13936">
        <v>11072.7</v>
      </c>
      <c r="D13936">
        <v>3.4</v>
      </c>
      <c r="E13936">
        <v>7816.42</v>
      </c>
      <c r="F13936">
        <v>54.2273</v>
      </c>
    </row>
    <row r="13937" spans="1:6" x14ac:dyDescent="0.25">
      <c r="A13937">
        <v>164.04</v>
      </c>
      <c r="B13937">
        <v>207.67</v>
      </c>
      <c r="C13937">
        <v>11072.7</v>
      </c>
      <c r="D13937">
        <v>3.7</v>
      </c>
      <c r="E13937">
        <v>7867.42</v>
      </c>
      <c r="F13937">
        <v>53.569299999999998</v>
      </c>
    </row>
    <row r="13938" spans="1:6" x14ac:dyDescent="0.25">
      <c r="A13938">
        <v>164.04</v>
      </c>
      <c r="B13938">
        <v>207.67</v>
      </c>
      <c r="C13938">
        <v>11072.7</v>
      </c>
      <c r="D13938">
        <v>4</v>
      </c>
      <c r="E13938">
        <v>7137.11</v>
      </c>
      <c r="F13938">
        <v>53.111400000000003</v>
      </c>
    </row>
    <row r="13939" spans="1:6" x14ac:dyDescent="0.25">
      <c r="A13939">
        <v>164.04</v>
      </c>
      <c r="B13939">
        <v>207.67</v>
      </c>
      <c r="C13939">
        <v>12618.2</v>
      </c>
      <c r="D13939">
        <v>1</v>
      </c>
      <c r="E13939">
        <v>8523.0300000000007</v>
      </c>
      <c r="F13939">
        <v>60.063600000000001</v>
      </c>
    </row>
    <row r="13940" spans="1:6" x14ac:dyDescent="0.25">
      <c r="A13940">
        <v>164.04</v>
      </c>
      <c r="B13940">
        <v>207.67</v>
      </c>
      <c r="C13940">
        <v>12618.2</v>
      </c>
      <c r="D13940">
        <v>1.3</v>
      </c>
      <c r="E13940">
        <v>7959.18</v>
      </c>
      <c r="F13940">
        <v>19.363600000000002</v>
      </c>
    </row>
    <row r="13941" spans="1:6" x14ac:dyDescent="0.25">
      <c r="A13941">
        <v>164.04</v>
      </c>
      <c r="B13941">
        <v>207.67</v>
      </c>
      <c r="C13941">
        <v>12618.2</v>
      </c>
      <c r="D13941">
        <v>1.6</v>
      </c>
      <c r="E13941">
        <v>8248.18</v>
      </c>
      <c r="F13941">
        <v>58.347099999999998</v>
      </c>
    </row>
    <row r="13942" spans="1:6" x14ac:dyDescent="0.25">
      <c r="A13942">
        <v>164.04</v>
      </c>
      <c r="B13942">
        <v>207.67</v>
      </c>
      <c r="C13942">
        <v>12618.2</v>
      </c>
      <c r="D13942">
        <v>1.9</v>
      </c>
      <c r="E13942">
        <v>7724.95</v>
      </c>
      <c r="F13942">
        <v>54.973199999999999</v>
      </c>
    </row>
    <row r="13943" spans="1:6" x14ac:dyDescent="0.25">
      <c r="A13943">
        <v>164.04</v>
      </c>
      <c r="B13943">
        <v>207.67</v>
      </c>
      <c r="C13943">
        <v>12618.2</v>
      </c>
      <c r="D13943">
        <v>2.2000000000000002</v>
      </c>
      <c r="E13943">
        <v>7500.18</v>
      </c>
      <c r="F13943">
        <v>52.2196</v>
      </c>
    </row>
    <row r="13944" spans="1:6" x14ac:dyDescent="0.25">
      <c r="A13944">
        <v>164.04</v>
      </c>
      <c r="B13944">
        <v>207.67</v>
      </c>
      <c r="C13944">
        <v>12618.2</v>
      </c>
      <c r="D13944">
        <v>2.5</v>
      </c>
      <c r="E13944">
        <v>7754.59</v>
      </c>
      <c r="F13944">
        <v>50.3643</v>
      </c>
    </row>
    <row r="13945" spans="1:6" x14ac:dyDescent="0.25">
      <c r="A13945">
        <v>164.04</v>
      </c>
      <c r="B13945">
        <v>207.67</v>
      </c>
      <c r="C13945">
        <v>12618.2</v>
      </c>
      <c r="D13945">
        <v>2.8</v>
      </c>
      <c r="E13945">
        <v>7342.18</v>
      </c>
      <c r="F13945">
        <v>56.6813</v>
      </c>
    </row>
    <row r="13946" spans="1:6" x14ac:dyDescent="0.25">
      <c r="A13946">
        <v>164.04</v>
      </c>
      <c r="B13946">
        <v>207.67</v>
      </c>
      <c r="C13946">
        <v>12618.2</v>
      </c>
      <c r="D13946">
        <v>3.1</v>
      </c>
      <c r="E13946">
        <v>7339.91</v>
      </c>
      <c r="F13946">
        <v>55.567799999999998</v>
      </c>
    </row>
    <row r="13947" spans="1:6" x14ac:dyDescent="0.25">
      <c r="A13947">
        <v>164.04</v>
      </c>
      <c r="B13947">
        <v>207.67</v>
      </c>
      <c r="C13947">
        <v>12618.2</v>
      </c>
      <c r="D13947">
        <v>3.4</v>
      </c>
      <c r="E13947">
        <v>7816.42</v>
      </c>
      <c r="F13947">
        <v>54.2273</v>
      </c>
    </row>
    <row r="13948" spans="1:6" x14ac:dyDescent="0.25">
      <c r="A13948">
        <v>164.04</v>
      </c>
      <c r="B13948">
        <v>207.67</v>
      </c>
      <c r="C13948">
        <v>12618.2</v>
      </c>
      <c r="D13948">
        <v>3.7</v>
      </c>
      <c r="E13948">
        <v>7867.42</v>
      </c>
      <c r="F13948">
        <v>53.569299999999998</v>
      </c>
    </row>
    <row r="13949" spans="1:6" x14ac:dyDescent="0.25">
      <c r="A13949">
        <v>164.04</v>
      </c>
      <c r="B13949">
        <v>207.67</v>
      </c>
      <c r="C13949">
        <v>12618.2</v>
      </c>
      <c r="D13949">
        <v>4</v>
      </c>
      <c r="E13949">
        <v>7137.11</v>
      </c>
      <c r="F13949">
        <v>53.111400000000003</v>
      </c>
    </row>
    <row r="13950" spans="1:6" x14ac:dyDescent="0.25">
      <c r="A13950">
        <v>164.04</v>
      </c>
      <c r="B13950">
        <v>207.67</v>
      </c>
      <c r="C13950">
        <v>14163.6</v>
      </c>
      <c r="D13950">
        <v>1</v>
      </c>
      <c r="E13950">
        <v>8523.0300000000007</v>
      </c>
      <c r="F13950">
        <v>60.063600000000001</v>
      </c>
    </row>
    <row r="13951" spans="1:6" x14ac:dyDescent="0.25">
      <c r="A13951">
        <v>164.04</v>
      </c>
      <c r="B13951">
        <v>207.67</v>
      </c>
      <c r="C13951">
        <v>14163.6</v>
      </c>
      <c r="D13951">
        <v>1.3</v>
      </c>
      <c r="E13951">
        <v>7959.18</v>
      </c>
      <c r="F13951">
        <v>19.363600000000002</v>
      </c>
    </row>
    <row r="13952" spans="1:6" x14ac:dyDescent="0.25">
      <c r="A13952">
        <v>164.04</v>
      </c>
      <c r="B13952">
        <v>207.67</v>
      </c>
      <c r="C13952">
        <v>14163.6</v>
      </c>
      <c r="D13952">
        <v>1.6</v>
      </c>
      <c r="E13952">
        <v>8248.18</v>
      </c>
      <c r="F13952">
        <v>58.347099999999998</v>
      </c>
    </row>
    <row r="13953" spans="1:6" x14ac:dyDescent="0.25">
      <c r="A13953">
        <v>164.04</v>
      </c>
      <c r="B13953">
        <v>207.67</v>
      </c>
      <c r="C13953">
        <v>14163.6</v>
      </c>
      <c r="D13953">
        <v>1.9</v>
      </c>
      <c r="E13953">
        <v>7724.95</v>
      </c>
      <c r="F13953">
        <v>54.973199999999999</v>
      </c>
    </row>
    <row r="13954" spans="1:6" x14ac:dyDescent="0.25">
      <c r="A13954">
        <v>164.04</v>
      </c>
      <c r="B13954">
        <v>207.67</v>
      </c>
      <c r="C13954">
        <v>14163.6</v>
      </c>
      <c r="D13954">
        <v>2.2000000000000002</v>
      </c>
      <c r="E13954">
        <v>7500.18</v>
      </c>
      <c r="F13954">
        <v>52.2196</v>
      </c>
    </row>
    <row r="13955" spans="1:6" x14ac:dyDescent="0.25">
      <c r="A13955">
        <v>164.04</v>
      </c>
      <c r="B13955">
        <v>207.67</v>
      </c>
      <c r="C13955">
        <v>14163.6</v>
      </c>
      <c r="D13955">
        <v>2.5</v>
      </c>
      <c r="E13955">
        <v>7754.59</v>
      </c>
      <c r="F13955">
        <v>50.3643</v>
      </c>
    </row>
    <row r="13956" spans="1:6" x14ac:dyDescent="0.25">
      <c r="A13956">
        <v>164.04</v>
      </c>
      <c r="B13956">
        <v>207.67</v>
      </c>
      <c r="C13956">
        <v>14163.6</v>
      </c>
      <c r="D13956">
        <v>2.8</v>
      </c>
      <c r="E13956">
        <v>7342.18</v>
      </c>
      <c r="F13956">
        <v>56.6813</v>
      </c>
    </row>
    <row r="13957" spans="1:6" x14ac:dyDescent="0.25">
      <c r="A13957">
        <v>164.04</v>
      </c>
      <c r="B13957">
        <v>207.67</v>
      </c>
      <c r="C13957">
        <v>14163.6</v>
      </c>
      <c r="D13957">
        <v>3.1</v>
      </c>
      <c r="E13957">
        <v>7339.91</v>
      </c>
      <c r="F13957">
        <v>55.567799999999998</v>
      </c>
    </row>
    <row r="13958" spans="1:6" x14ac:dyDescent="0.25">
      <c r="A13958">
        <v>164.04</v>
      </c>
      <c r="B13958">
        <v>207.67</v>
      </c>
      <c r="C13958">
        <v>14163.6</v>
      </c>
      <c r="D13958">
        <v>3.4</v>
      </c>
      <c r="E13958">
        <v>7816.42</v>
      </c>
      <c r="F13958">
        <v>54.2273</v>
      </c>
    </row>
    <row r="13959" spans="1:6" x14ac:dyDescent="0.25">
      <c r="A13959">
        <v>164.04</v>
      </c>
      <c r="B13959">
        <v>207.67</v>
      </c>
      <c r="C13959">
        <v>14163.6</v>
      </c>
      <c r="D13959">
        <v>3.7</v>
      </c>
      <c r="E13959">
        <v>7867.42</v>
      </c>
      <c r="F13959">
        <v>53.569299999999998</v>
      </c>
    </row>
    <row r="13960" spans="1:6" x14ac:dyDescent="0.25">
      <c r="A13960">
        <v>164.04</v>
      </c>
      <c r="B13960">
        <v>207.67</v>
      </c>
      <c r="C13960">
        <v>14163.6</v>
      </c>
      <c r="D13960">
        <v>4</v>
      </c>
      <c r="E13960">
        <v>7137.11</v>
      </c>
      <c r="F13960">
        <v>53.111400000000003</v>
      </c>
    </row>
    <row r="13961" spans="1:6" x14ac:dyDescent="0.25">
      <c r="A13961">
        <v>164.04</v>
      </c>
      <c r="B13961">
        <v>207.67</v>
      </c>
      <c r="C13961">
        <v>15709.1</v>
      </c>
      <c r="D13961">
        <v>1</v>
      </c>
      <c r="E13961">
        <v>8523.0300000000007</v>
      </c>
      <c r="F13961">
        <v>60.063600000000001</v>
      </c>
    </row>
    <row r="13962" spans="1:6" x14ac:dyDescent="0.25">
      <c r="A13962">
        <v>164.04</v>
      </c>
      <c r="B13962">
        <v>207.67</v>
      </c>
      <c r="C13962">
        <v>15709.1</v>
      </c>
      <c r="D13962">
        <v>1.3</v>
      </c>
      <c r="E13962">
        <v>7959.18</v>
      </c>
      <c r="F13962">
        <v>19.363600000000002</v>
      </c>
    </row>
    <row r="13963" spans="1:6" x14ac:dyDescent="0.25">
      <c r="A13963">
        <v>164.04</v>
      </c>
      <c r="B13963">
        <v>207.67</v>
      </c>
      <c r="C13963">
        <v>15709.1</v>
      </c>
      <c r="D13963">
        <v>1.6</v>
      </c>
      <c r="E13963">
        <v>8248.18</v>
      </c>
      <c r="F13963">
        <v>58.347099999999998</v>
      </c>
    </row>
    <row r="13964" spans="1:6" x14ac:dyDescent="0.25">
      <c r="A13964">
        <v>164.04</v>
      </c>
      <c r="B13964">
        <v>207.67</v>
      </c>
      <c r="C13964">
        <v>15709.1</v>
      </c>
      <c r="D13964">
        <v>1.9</v>
      </c>
      <c r="E13964">
        <v>7724.95</v>
      </c>
      <c r="F13964">
        <v>54.973199999999999</v>
      </c>
    </row>
    <row r="13965" spans="1:6" x14ac:dyDescent="0.25">
      <c r="A13965">
        <v>164.04</v>
      </c>
      <c r="B13965">
        <v>207.67</v>
      </c>
      <c r="C13965">
        <v>15709.1</v>
      </c>
      <c r="D13965">
        <v>2.2000000000000002</v>
      </c>
      <c r="E13965">
        <v>7500.18</v>
      </c>
      <c r="F13965">
        <v>52.2196</v>
      </c>
    </row>
    <row r="13966" spans="1:6" x14ac:dyDescent="0.25">
      <c r="A13966">
        <v>164.04</v>
      </c>
      <c r="B13966">
        <v>207.67</v>
      </c>
      <c r="C13966">
        <v>15709.1</v>
      </c>
      <c r="D13966">
        <v>2.5</v>
      </c>
      <c r="E13966">
        <v>7754.59</v>
      </c>
      <c r="F13966">
        <v>50.3643</v>
      </c>
    </row>
    <row r="13967" spans="1:6" x14ac:dyDescent="0.25">
      <c r="A13967">
        <v>164.04</v>
      </c>
      <c r="B13967">
        <v>207.67</v>
      </c>
      <c r="C13967">
        <v>15709.1</v>
      </c>
      <c r="D13967">
        <v>2.8</v>
      </c>
      <c r="E13967">
        <v>7342.18</v>
      </c>
      <c r="F13967">
        <v>56.6813</v>
      </c>
    </row>
    <row r="13968" spans="1:6" x14ac:dyDescent="0.25">
      <c r="A13968">
        <v>164.04</v>
      </c>
      <c r="B13968">
        <v>207.67</v>
      </c>
      <c r="C13968">
        <v>15709.1</v>
      </c>
      <c r="D13968">
        <v>3.1</v>
      </c>
      <c r="E13968">
        <v>7339.91</v>
      </c>
      <c r="F13968">
        <v>55.567799999999998</v>
      </c>
    </row>
    <row r="13969" spans="1:6" x14ac:dyDescent="0.25">
      <c r="A13969">
        <v>164.04</v>
      </c>
      <c r="B13969">
        <v>207.67</v>
      </c>
      <c r="C13969">
        <v>15709.1</v>
      </c>
      <c r="D13969">
        <v>3.4</v>
      </c>
      <c r="E13969">
        <v>7816.42</v>
      </c>
      <c r="F13969">
        <v>54.2273</v>
      </c>
    </row>
    <row r="13970" spans="1:6" x14ac:dyDescent="0.25">
      <c r="A13970">
        <v>164.04</v>
      </c>
      <c r="B13970">
        <v>207.67</v>
      </c>
      <c r="C13970">
        <v>15709.1</v>
      </c>
      <c r="D13970">
        <v>3.7</v>
      </c>
      <c r="E13970">
        <v>7867.42</v>
      </c>
      <c r="F13970">
        <v>53.569299999999998</v>
      </c>
    </row>
    <row r="13971" spans="1:6" x14ac:dyDescent="0.25">
      <c r="A13971">
        <v>164.04</v>
      </c>
      <c r="B13971">
        <v>207.67</v>
      </c>
      <c r="C13971">
        <v>15709.1</v>
      </c>
      <c r="D13971">
        <v>4</v>
      </c>
      <c r="E13971">
        <v>7137.11</v>
      </c>
      <c r="F13971">
        <v>53.111400000000003</v>
      </c>
    </row>
    <row r="13972" spans="1:6" x14ac:dyDescent="0.25">
      <c r="A13972">
        <v>164.04</v>
      </c>
      <c r="B13972">
        <v>207.67</v>
      </c>
      <c r="C13972">
        <v>17254.5</v>
      </c>
      <c r="D13972">
        <v>1</v>
      </c>
      <c r="E13972">
        <v>8523.0300000000007</v>
      </c>
      <c r="F13972">
        <v>60.063600000000001</v>
      </c>
    </row>
    <row r="13973" spans="1:6" x14ac:dyDescent="0.25">
      <c r="A13973">
        <v>164.04</v>
      </c>
      <c r="B13973">
        <v>207.67</v>
      </c>
      <c r="C13973">
        <v>17254.5</v>
      </c>
      <c r="D13973">
        <v>1.3</v>
      </c>
      <c r="E13973">
        <v>7959.18</v>
      </c>
      <c r="F13973">
        <v>19.363600000000002</v>
      </c>
    </row>
    <row r="13974" spans="1:6" x14ac:dyDescent="0.25">
      <c r="A13974">
        <v>164.04</v>
      </c>
      <c r="B13974">
        <v>207.67</v>
      </c>
      <c r="C13974">
        <v>17254.5</v>
      </c>
      <c r="D13974">
        <v>1.6</v>
      </c>
      <c r="E13974">
        <v>8248.18</v>
      </c>
      <c r="F13974">
        <v>58.347099999999998</v>
      </c>
    </row>
    <row r="13975" spans="1:6" x14ac:dyDescent="0.25">
      <c r="A13975">
        <v>164.04</v>
      </c>
      <c r="B13975">
        <v>207.67</v>
      </c>
      <c r="C13975">
        <v>17254.5</v>
      </c>
      <c r="D13975">
        <v>1.9</v>
      </c>
      <c r="E13975">
        <v>7724.95</v>
      </c>
      <c r="F13975">
        <v>54.973199999999999</v>
      </c>
    </row>
    <row r="13976" spans="1:6" x14ac:dyDescent="0.25">
      <c r="A13976">
        <v>164.04</v>
      </c>
      <c r="B13976">
        <v>207.67</v>
      </c>
      <c r="C13976">
        <v>17254.5</v>
      </c>
      <c r="D13976">
        <v>2.2000000000000002</v>
      </c>
      <c r="E13976">
        <v>7500.18</v>
      </c>
      <c r="F13976">
        <v>52.2196</v>
      </c>
    </row>
    <row r="13977" spans="1:6" x14ac:dyDescent="0.25">
      <c r="A13977">
        <v>164.04</v>
      </c>
      <c r="B13977">
        <v>207.67</v>
      </c>
      <c r="C13977">
        <v>17254.5</v>
      </c>
      <c r="D13977">
        <v>2.5</v>
      </c>
      <c r="E13977">
        <v>7754.59</v>
      </c>
      <c r="F13977">
        <v>50.3643</v>
      </c>
    </row>
    <row r="13978" spans="1:6" x14ac:dyDescent="0.25">
      <c r="A13978">
        <v>164.04</v>
      </c>
      <c r="B13978">
        <v>207.67</v>
      </c>
      <c r="C13978">
        <v>17254.5</v>
      </c>
      <c r="D13978">
        <v>2.8</v>
      </c>
      <c r="E13978">
        <v>7342.18</v>
      </c>
      <c r="F13978">
        <v>56.6813</v>
      </c>
    </row>
    <row r="13979" spans="1:6" x14ac:dyDescent="0.25">
      <c r="A13979">
        <v>164.04</v>
      </c>
      <c r="B13979">
        <v>207.67</v>
      </c>
      <c r="C13979">
        <v>17254.5</v>
      </c>
      <c r="D13979">
        <v>3.1</v>
      </c>
      <c r="E13979">
        <v>7339.91</v>
      </c>
      <c r="F13979">
        <v>55.567799999999998</v>
      </c>
    </row>
    <row r="13980" spans="1:6" x14ac:dyDescent="0.25">
      <c r="A13980">
        <v>164.04</v>
      </c>
      <c r="B13980">
        <v>207.67</v>
      </c>
      <c r="C13980">
        <v>17254.5</v>
      </c>
      <c r="D13980">
        <v>3.4</v>
      </c>
      <c r="E13980">
        <v>7816.42</v>
      </c>
      <c r="F13980">
        <v>54.2273</v>
      </c>
    </row>
    <row r="13981" spans="1:6" x14ac:dyDescent="0.25">
      <c r="A13981">
        <v>164.04</v>
      </c>
      <c r="B13981">
        <v>207.67</v>
      </c>
      <c r="C13981">
        <v>17254.5</v>
      </c>
      <c r="D13981">
        <v>3.7</v>
      </c>
      <c r="E13981">
        <v>7867.42</v>
      </c>
      <c r="F13981">
        <v>53.569299999999998</v>
      </c>
    </row>
    <row r="13982" spans="1:6" x14ac:dyDescent="0.25">
      <c r="A13982">
        <v>164.04</v>
      </c>
      <c r="B13982">
        <v>207.67</v>
      </c>
      <c r="C13982">
        <v>17254.5</v>
      </c>
      <c r="D13982">
        <v>4</v>
      </c>
      <c r="E13982">
        <v>7137.11</v>
      </c>
      <c r="F13982">
        <v>53.111400000000003</v>
      </c>
    </row>
    <row r="13983" spans="1:6" x14ac:dyDescent="0.25">
      <c r="A13983">
        <v>164.04</v>
      </c>
      <c r="B13983">
        <v>207.67</v>
      </c>
      <c r="C13983">
        <v>18800</v>
      </c>
      <c r="D13983">
        <v>1</v>
      </c>
      <c r="E13983">
        <v>8523.0300000000007</v>
      </c>
      <c r="F13983">
        <v>60.063600000000001</v>
      </c>
    </row>
    <row r="13984" spans="1:6" x14ac:dyDescent="0.25">
      <c r="A13984">
        <v>164.04</v>
      </c>
      <c r="B13984">
        <v>207.67</v>
      </c>
      <c r="C13984">
        <v>18800</v>
      </c>
      <c r="D13984">
        <v>1.3</v>
      </c>
      <c r="E13984">
        <v>7959.18</v>
      </c>
      <c r="F13984">
        <v>19.363600000000002</v>
      </c>
    </row>
    <row r="13985" spans="1:6" x14ac:dyDescent="0.25">
      <c r="A13985">
        <v>164.04</v>
      </c>
      <c r="B13985">
        <v>207.67</v>
      </c>
      <c r="C13985">
        <v>18800</v>
      </c>
      <c r="D13985">
        <v>1.6</v>
      </c>
      <c r="E13985">
        <v>8248.18</v>
      </c>
      <c r="F13985">
        <v>58.347099999999998</v>
      </c>
    </row>
    <row r="13986" spans="1:6" x14ac:dyDescent="0.25">
      <c r="A13986">
        <v>164.04</v>
      </c>
      <c r="B13986">
        <v>207.67</v>
      </c>
      <c r="C13986">
        <v>18800</v>
      </c>
      <c r="D13986">
        <v>1.9</v>
      </c>
      <c r="E13986">
        <v>7724.95</v>
      </c>
      <c r="F13986">
        <v>54.973199999999999</v>
      </c>
    </row>
    <row r="13987" spans="1:6" x14ac:dyDescent="0.25">
      <c r="A13987">
        <v>164.04</v>
      </c>
      <c r="B13987">
        <v>207.67</v>
      </c>
      <c r="C13987">
        <v>18800</v>
      </c>
      <c r="D13987">
        <v>2.2000000000000002</v>
      </c>
      <c r="E13987">
        <v>7500.18</v>
      </c>
      <c r="F13987">
        <v>52.2196</v>
      </c>
    </row>
    <row r="13988" spans="1:6" x14ac:dyDescent="0.25">
      <c r="A13988">
        <v>164.04</v>
      </c>
      <c r="B13988">
        <v>207.67</v>
      </c>
      <c r="C13988">
        <v>18800</v>
      </c>
      <c r="D13988">
        <v>2.5</v>
      </c>
      <c r="E13988">
        <v>7754.59</v>
      </c>
      <c r="F13988">
        <v>50.3643</v>
      </c>
    </row>
    <row r="13989" spans="1:6" x14ac:dyDescent="0.25">
      <c r="A13989">
        <v>164.04</v>
      </c>
      <c r="B13989">
        <v>207.67</v>
      </c>
      <c r="C13989">
        <v>18800</v>
      </c>
      <c r="D13989">
        <v>2.8</v>
      </c>
      <c r="E13989">
        <v>7342.18</v>
      </c>
      <c r="F13989">
        <v>56.6813</v>
      </c>
    </row>
    <row r="13990" spans="1:6" x14ac:dyDescent="0.25">
      <c r="A13990">
        <v>164.04</v>
      </c>
      <c r="B13990">
        <v>207.67</v>
      </c>
      <c r="C13990">
        <v>18800</v>
      </c>
      <c r="D13990">
        <v>3.1</v>
      </c>
      <c r="E13990">
        <v>7339.91</v>
      </c>
      <c r="F13990">
        <v>55.567799999999998</v>
      </c>
    </row>
    <row r="13991" spans="1:6" x14ac:dyDescent="0.25">
      <c r="A13991">
        <v>164.04</v>
      </c>
      <c r="B13991">
        <v>207.67</v>
      </c>
      <c r="C13991">
        <v>18800</v>
      </c>
      <c r="D13991">
        <v>3.4</v>
      </c>
      <c r="E13991">
        <v>7816.42</v>
      </c>
      <c r="F13991">
        <v>54.2273</v>
      </c>
    </row>
    <row r="13992" spans="1:6" x14ac:dyDescent="0.25">
      <c r="A13992">
        <v>164.04</v>
      </c>
      <c r="B13992">
        <v>207.67</v>
      </c>
      <c r="C13992">
        <v>18800</v>
      </c>
      <c r="D13992">
        <v>3.7</v>
      </c>
      <c r="E13992">
        <v>7867.42</v>
      </c>
      <c r="F13992">
        <v>53.569299999999998</v>
      </c>
    </row>
    <row r="13993" spans="1:6" x14ac:dyDescent="0.25">
      <c r="A13993" s="2">
        <v>164.04</v>
      </c>
      <c r="B13993" s="2">
        <v>207.67</v>
      </c>
      <c r="C13993" s="2">
        <v>18800</v>
      </c>
      <c r="D13993" s="2">
        <v>4</v>
      </c>
      <c r="E13993">
        <v>7137.11</v>
      </c>
      <c r="F13993">
        <v>53.111400000000003</v>
      </c>
    </row>
    <row r="13994" spans="1:6" x14ac:dyDescent="0.25">
      <c r="A13994" s="1">
        <v>164.04</v>
      </c>
      <c r="B13994" s="1">
        <v>211.3</v>
      </c>
      <c r="C13994" s="1">
        <v>1800</v>
      </c>
      <c r="D13994" s="1">
        <v>1</v>
      </c>
      <c r="E13994">
        <v>5333.32</v>
      </c>
      <c r="F13994">
        <v>60.063600000000001</v>
      </c>
    </row>
    <row r="13995" spans="1:6" x14ac:dyDescent="0.25">
      <c r="A13995">
        <v>164.04</v>
      </c>
      <c r="B13995">
        <v>211.3</v>
      </c>
      <c r="C13995">
        <v>1800</v>
      </c>
      <c r="D13995">
        <v>1.3</v>
      </c>
      <c r="E13995">
        <v>4722.7299999999996</v>
      </c>
      <c r="F13995">
        <v>23.903600000000001</v>
      </c>
    </row>
    <row r="13996" spans="1:6" x14ac:dyDescent="0.25">
      <c r="A13996">
        <v>164.04</v>
      </c>
      <c r="B13996">
        <v>211.3</v>
      </c>
      <c r="C13996">
        <v>1800</v>
      </c>
      <c r="D13996">
        <v>1.6</v>
      </c>
      <c r="E13996">
        <v>4319.08</v>
      </c>
      <c r="F13996">
        <v>53.918999999999997</v>
      </c>
    </row>
    <row r="13997" spans="1:6" x14ac:dyDescent="0.25">
      <c r="A13997">
        <v>164.04</v>
      </c>
      <c r="B13997">
        <v>211.3</v>
      </c>
      <c r="C13997">
        <v>1800</v>
      </c>
      <c r="D13997">
        <v>1.9</v>
      </c>
      <c r="E13997">
        <v>4038.24</v>
      </c>
      <c r="F13997">
        <v>50.161099999999998</v>
      </c>
    </row>
    <row r="13998" spans="1:6" x14ac:dyDescent="0.25">
      <c r="A13998">
        <v>164.04</v>
      </c>
      <c r="B13998">
        <v>211.3</v>
      </c>
      <c r="C13998">
        <v>1800</v>
      </c>
      <c r="D13998">
        <v>2.2000000000000002</v>
      </c>
      <c r="E13998">
        <v>3823.87</v>
      </c>
      <c r="F13998">
        <v>45.844200000000001</v>
      </c>
    </row>
    <row r="13999" spans="1:6" x14ac:dyDescent="0.25">
      <c r="A13999">
        <v>164.04</v>
      </c>
      <c r="B13999">
        <v>211.3</v>
      </c>
      <c r="C13999">
        <v>1800</v>
      </c>
      <c r="D13999">
        <v>2.5</v>
      </c>
      <c r="E13999">
        <v>3602.15</v>
      </c>
      <c r="F13999">
        <v>56.165599999999998</v>
      </c>
    </row>
    <row r="14000" spans="1:6" x14ac:dyDescent="0.25">
      <c r="A14000">
        <v>164.04</v>
      </c>
      <c r="B14000">
        <v>211.3</v>
      </c>
      <c r="C14000">
        <v>1800</v>
      </c>
      <c r="D14000">
        <v>2.8</v>
      </c>
      <c r="E14000">
        <v>3564.99</v>
      </c>
      <c r="F14000">
        <v>52.742100000000001</v>
      </c>
    </row>
    <row r="14001" spans="1:6" x14ac:dyDescent="0.25">
      <c r="A14001">
        <v>164.04</v>
      </c>
      <c r="B14001">
        <v>211.3</v>
      </c>
      <c r="C14001">
        <v>1800</v>
      </c>
      <c r="D14001">
        <v>3.1</v>
      </c>
      <c r="E14001">
        <v>3345.9</v>
      </c>
      <c r="F14001">
        <v>57.230800000000002</v>
      </c>
    </row>
    <row r="14002" spans="1:6" x14ac:dyDescent="0.25">
      <c r="A14002">
        <v>164.04</v>
      </c>
      <c r="B14002">
        <v>211.3</v>
      </c>
      <c r="C14002">
        <v>1800</v>
      </c>
      <c r="D14002">
        <v>3.4</v>
      </c>
      <c r="E14002">
        <v>3244.89</v>
      </c>
      <c r="F14002">
        <v>58.430700000000002</v>
      </c>
    </row>
    <row r="14003" spans="1:6" x14ac:dyDescent="0.25">
      <c r="A14003">
        <v>164.04</v>
      </c>
      <c r="B14003">
        <v>211.3</v>
      </c>
      <c r="C14003">
        <v>1800</v>
      </c>
      <c r="D14003">
        <v>3.7</v>
      </c>
      <c r="E14003">
        <v>3274.16</v>
      </c>
      <c r="F14003">
        <v>59.990900000000003</v>
      </c>
    </row>
    <row r="14004" spans="1:6" x14ac:dyDescent="0.25">
      <c r="A14004">
        <v>164.04</v>
      </c>
      <c r="B14004">
        <v>211.3</v>
      </c>
      <c r="C14004">
        <v>1800</v>
      </c>
      <c r="D14004">
        <v>4</v>
      </c>
      <c r="E14004">
        <v>3113.78</v>
      </c>
      <c r="F14004">
        <v>59.029200000000003</v>
      </c>
    </row>
    <row r="14005" spans="1:6" x14ac:dyDescent="0.25">
      <c r="A14005">
        <v>164.04</v>
      </c>
      <c r="B14005">
        <v>211.3</v>
      </c>
      <c r="C14005">
        <v>3345.45</v>
      </c>
      <c r="D14005">
        <v>1</v>
      </c>
      <c r="E14005">
        <v>6745.84</v>
      </c>
      <c r="F14005">
        <v>60.063600000000001</v>
      </c>
    </row>
    <row r="14006" spans="1:6" x14ac:dyDescent="0.25">
      <c r="A14006">
        <v>164.04</v>
      </c>
      <c r="B14006">
        <v>211.3</v>
      </c>
      <c r="C14006">
        <v>3345.45</v>
      </c>
      <c r="D14006">
        <v>1.3</v>
      </c>
      <c r="E14006">
        <v>6109.04</v>
      </c>
      <c r="F14006">
        <v>19.363600000000002</v>
      </c>
    </row>
    <row r="14007" spans="1:6" x14ac:dyDescent="0.25">
      <c r="A14007">
        <v>164.04</v>
      </c>
      <c r="B14007">
        <v>211.3</v>
      </c>
      <c r="C14007">
        <v>3345.45</v>
      </c>
      <c r="D14007">
        <v>1.6</v>
      </c>
      <c r="E14007">
        <v>5821.33</v>
      </c>
      <c r="F14007">
        <v>58.347099999999998</v>
      </c>
    </row>
    <row r="14008" spans="1:6" x14ac:dyDescent="0.25">
      <c r="A14008">
        <v>164.04</v>
      </c>
      <c r="B14008">
        <v>211.3</v>
      </c>
      <c r="C14008">
        <v>3345.45</v>
      </c>
      <c r="D14008">
        <v>1.9</v>
      </c>
      <c r="E14008">
        <v>5438.07</v>
      </c>
      <c r="F14008">
        <v>54.973199999999999</v>
      </c>
    </row>
    <row r="14009" spans="1:6" x14ac:dyDescent="0.25">
      <c r="A14009">
        <v>164.04</v>
      </c>
      <c r="B14009">
        <v>211.3</v>
      </c>
      <c r="C14009">
        <v>3345.45</v>
      </c>
      <c r="D14009">
        <v>2.2000000000000002</v>
      </c>
      <c r="E14009">
        <v>5062.42</v>
      </c>
      <c r="F14009">
        <v>52.2196</v>
      </c>
    </row>
    <row r="14010" spans="1:6" x14ac:dyDescent="0.25">
      <c r="A14010">
        <v>164.04</v>
      </c>
      <c r="B14010">
        <v>211.3</v>
      </c>
      <c r="C14010">
        <v>3345.45</v>
      </c>
      <c r="D14010">
        <v>2.5</v>
      </c>
      <c r="E14010">
        <v>4883.03</v>
      </c>
      <c r="F14010">
        <v>50.3643</v>
      </c>
    </row>
    <row r="14011" spans="1:6" x14ac:dyDescent="0.25">
      <c r="A14011">
        <v>164.04</v>
      </c>
      <c r="B14011">
        <v>211.3</v>
      </c>
      <c r="C14011">
        <v>3345.45</v>
      </c>
      <c r="D14011">
        <v>2.8</v>
      </c>
      <c r="E14011">
        <v>4838.75</v>
      </c>
      <c r="F14011">
        <v>56.6813</v>
      </c>
    </row>
    <row r="14012" spans="1:6" x14ac:dyDescent="0.25">
      <c r="A14012">
        <v>164.04</v>
      </c>
      <c r="B14012">
        <v>211.3</v>
      </c>
      <c r="C14012">
        <v>3345.45</v>
      </c>
      <c r="D14012">
        <v>3.1</v>
      </c>
      <c r="E14012">
        <v>4639.37</v>
      </c>
      <c r="F14012">
        <v>55.567799999999998</v>
      </c>
    </row>
    <row r="14013" spans="1:6" x14ac:dyDescent="0.25">
      <c r="A14013">
        <v>164.04</v>
      </c>
      <c r="B14013">
        <v>211.3</v>
      </c>
      <c r="C14013">
        <v>3345.45</v>
      </c>
      <c r="D14013">
        <v>3.4</v>
      </c>
      <c r="E14013">
        <v>4551.45</v>
      </c>
      <c r="F14013">
        <v>54.2273</v>
      </c>
    </row>
    <row r="14014" spans="1:6" x14ac:dyDescent="0.25">
      <c r="A14014">
        <v>164.04</v>
      </c>
      <c r="B14014">
        <v>211.3</v>
      </c>
      <c r="C14014">
        <v>3345.45</v>
      </c>
      <c r="D14014">
        <v>3.7</v>
      </c>
      <c r="E14014">
        <v>4486.2</v>
      </c>
      <c r="F14014">
        <v>53.569299999999998</v>
      </c>
    </row>
    <row r="14015" spans="1:6" x14ac:dyDescent="0.25">
      <c r="A14015">
        <v>164.04</v>
      </c>
      <c r="B14015">
        <v>211.3</v>
      </c>
      <c r="C14015">
        <v>3345.45</v>
      </c>
      <c r="D14015">
        <v>4</v>
      </c>
      <c r="E14015">
        <v>4448.62</v>
      </c>
      <c r="F14015">
        <v>53.111400000000003</v>
      </c>
    </row>
    <row r="14016" spans="1:6" x14ac:dyDescent="0.25">
      <c r="A14016">
        <v>164.04</v>
      </c>
      <c r="B14016">
        <v>211.3</v>
      </c>
      <c r="C14016">
        <v>4890.8999999999996</v>
      </c>
      <c r="D14016">
        <v>1</v>
      </c>
      <c r="E14016">
        <v>8223.67</v>
      </c>
      <c r="F14016">
        <v>60.063600000000001</v>
      </c>
    </row>
    <row r="14017" spans="1:6" x14ac:dyDescent="0.25">
      <c r="A14017">
        <v>164.04</v>
      </c>
      <c r="B14017">
        <v>211.3</v>
      </c>
      <c r="C14017">
        <v>4890.8999999999996</v>
      </c>
      <c r="D14017">
        <v>1.3</v>
      </c>
      <c r="E14017">
        <v>7537.45</v>
      </c>
      <c r="F14017">
        <v>19.363600000000002</v>
      </c>
    </row>
    <row r="14018" spans="1:6" x14ac:dyDescent="0.25">
      <c r="A14018">
        <v>164.04</v>
      </c>
      <c r="B14018">
        <v>211.3</v>
      </c>
      <c r="C14018">
        <v>4890.8999999999996</v>
      </c>
      <c r="D14018">
        <v>1.6</v>
      </c>
      <c r="E14018">
        <v>7133.45</v>
      </c>
      <c r="F14018">
        <v>58.347099999999998</v>
      </c>
    </row>
    <row r="14019" spans="1:6" x14ac:dyDescent="0.25">
      <c r="A14019">
        <v>164.04</v>
      </c>
      <c r="B14019">
        <v>211.3</v>
      </c>
      <c r="C14019">
        <v>4890.8999999999996</v>
      </c>
      <c r="D14019">
        <v>1.9</v>
      </c>
      <c r="E14019">
        <v>6882.09</v>
      </c>
      <c r="F14019">
        <v>54.973199999999999</v>
      </c>
    </row>
    <row r="14020" spans="1:6" x14ac:dyDescent="0.25">
      <c r="A14020">
        <v>164.04</v>
      </c>
      <c r="B14020">
        <v>211.3</v>
      </c>
      <c r="C14020">
        <v>4890.8999999999996</v>
      </c>
      <c r="D14020">
        <v>2.2000000000000002</v>
      </c>
      <c r="E14020">
        <v>6480.29</v>
      </c>
      <c r="F14020">
        <v>52.2196</v>
      </c>
    </row>
    <row r="14021" spans="1:6" x14ac:dyDescent="0.25">
      <c r="A14021">
        <v>164.04</v>
      </c>
      <c r="B14021">
        <v>211.3</v>
      </c>
      <c r="C14021">
        <v>4890.8999999999996</v>
      </c>
      <c r="D14021">
        <v>2.5</v>
      </c>
      <c r="E14021">
        <v>6317.74</v>
      </c>
      <c r="F14021">
        <v>50.3643</v>
      </c>
    </row>
    <row r="14022" spans="1:6" x14ac:dyDescent="0.25">
      <c r="A14022">
        <v>164.04</v>
      </c>
      <c r="B14022">
        <v>211.3</v>
      </c>
      <c r="C14022">
        <v>4890.8999999999996</v>
      </c>
      <c r="D14022">
        <v>2.8</v>
      </c>
      <c r="E14022">
        <v>6209.96</v>
      </c>
      <c r="F14022">
        <v>56.6813</v>
      </c>
    </row>
    <row r="14023" spans="1:6" x14ac:dyDescent="0.25">
      <c r="A14023">
        <v>164.04</v>
      </c>
      <c r="B14023">
        <v>211.3</v>
      </c>
      <c r="C14023">
        <v>4890.8999999999996</v>
      </c>
      <c r="D14023">
        <v>3.1</v>
      </c>
      <c r="E14023">
        <v>6085.27</v>
      </c>
      <c r="F14023">
        <v>55.567799999999998</v>
      </c>
    </row>
    <row r="14024" spans="1:6" x14ac:dyDescent="0.25">
      <c r="A14024">
        <v>164.04</v>
      </c>
      <c r="B14024">
        <v>211.3</v>
      </c>
      <c r="C14024">
        <v>4890.8999999999996</v>
      </c>
      <c r="D14024">
        <v>3.4</v>
      </c>
      <c r="E14024">
        <v>6118.75</v>
      </c>
      <c r="F14024">
        <v>54.2273</v>
      </c>
    </row>
    <row r="14025" spans="1:6" x14ac:dyDescent="0.25">
      <c r="A14025" s="2">
        <v>164.04</v>
      </c>
      <c r="B14025" s="2">
        <v>211.3</v>
      </c>
      <c r="C14025" s="2">
        <v>4890.8999999999996</v>
      </c>
      <c r="D14025" s="2">
        <v>3.7</v>
      </c>
      <c r="E14025">
        <v>5990.86</v>
      </c>
      <c r="F14025">
        <v>53.569299999999998</v>
      </c>
    </row>
    <row r="14026" spans="1:6" x14ac:dyDescent="0.25">
      <c r="A14026" s="2">
        <v>164.04</v>
      </c>
      <c r="B14026" s="2">
        <v>211.3</v>
      </c>
      <c r="C14026" s="2">
        <v>4890.8999999999996</v>
      </c>
      <c r="D14026" s="2">
        <v>4</v>
      </c>
      <c r="E14026">
        <v>5838.85</v>
      </c>
      <c r="F14026">
        <v>53.111400000000003</v>
      </c>
    </row>
    <row r="14027" spans="1:6" x14ac:dyDescent="0.25">
      <c r="A14027">
        <v>164.04</v>
      </c>
      <c r="B14027">
        <v>211.3</v>
      </c>
      <c r="C14027">
        <v>6436.35</v>
      </c>
      <c r="D14027">
        <v>1</v>
      </c>
      <c r="E14027">
        <v>8523.0300000000007</v>
      </c>
      <c r="F14027">
        <v>60.063600000000001</v>
      </c>
    </row>
    <row r="14028" spans="1:6" x14ac:dyDescent="0.25">
      <c r="A14028">
        <v>164.04</v>
      </c>
      <c r="B14028">
        <v>211.3</v>
      </c>
      <c r="C14028">
        <v>6436.35</v>
      </c>
      <c r="D14028">
        <v>1.3</v>
      </c>
      <c r="E14028">
        <v>7959.18</v>
      </c>
      <c r="F14028">
        <v>19.363600000000002</v>
      </c>
    </row>
    <row r="14029" spans="1:6" x14ac:dyDescent="0.25">
      <c r="A14029">
        <v>164.04</v>
      </c>
      <c r="B14029">
        <v>211.3</v>
      </c>
      <c r="C14029">
        <v>6436.35</v>
      </c>
      <c r="D14029">
        <v>1.6</v>
      </c>
      <c r="E14029">
        <v>8248.18</v>
      </c>
      <c r="F14029">
        <v>58.347099999999998</v>
      </c>
    </row>
    <row r="14030" spans="1:6" x14ac:dyDescent="0.25">
      <c r="A14030">
        <v>164.04</v>
      </c>
      <c r="B14030">
        <v>211.3</v>
      </c>
      <c r="C14030">
        <v>6436.35</v>
      </c>
      <c r="D14030">
        <v>1.9</v>
      </c>
      <c r="E14030">
        <v>7724.95</v>
      </c>
      <c r="F14030">
        <v>54.973199999999999</v>
      </c>
    </row>
    <row r="14031" spans="1:6" x14ac:dyDescent="0.25">
      <c r="A14031">
        <v>164.04</v>
      </c>
      <c r="B14031">
        <v>211.3</v>
      </c>
      <c r="C14031">
        <v>6436.35</v>
      </c>
      <c r="D14031">
        <v>2.2000000000000002</v>
      </c>
      <c r="E14031">
        <v>7500.18</v>
      </c>
      <c r="F14031">
        <v>52.2196</v>
      </c>
    </row>
    <row r="14032" spans="1:6" x14ac:dyDescent="0.25">
      <c r="A14032">
        <v>164.04</v>
      </c>
      <c r="B14032">
        <v>211.3</v>
      </c>
      <c r="C14032">
        <v>6436.35</v>
      </c>
      <c r="D14032">
        <v>2.5</v>
      </c>
      <c r="E14032">
        <v>7498.37</v>
      </c>
      <c r="F14032">
        <v>50.3643</v>
      </c>
    </row>
    <row r="14033" spans="1:6" x14ac:dyDescent="0.25">
      <c r="A14033">
        <v>164.04</v>
      </c>
      <c r="B14033">
        <v>211.3</v>
      </c>
      <c r="C14033">
        <v>6436.35</v>
      </c>
      <c r="D14033">
        <v>2.8</v>
      </c>
      <c r="E14033">
        <v>7342.18</v>
      </c>
      <c r="F14033">
        <v>56.6813</v>
      </c>
    </row>
    <row r="14034" spans="1:6" x14ac:dyDescent="0.25">
      <c r="A14034">
        <v>164.04</v>
      </c>
      <c r="B14034">
        <v>211.3</v>
      </c>
      <c r="C14034">
        <v>6436.35</v>
      </c>
      <c r="D14034">
        <v>3.1</v>
      </c>
      <c r="E14034">
        <v>7339.91</v>
      </c>
      <c r="F14034">
        <v>55.567799999999998</v>
      </c>
    </row>
    <row r="14035" spans="1:6" x14ac:dyDescent="0.25">
      <c r="A14035">
        <v>164.04</v>
      </c>
      <c r="B14035">
        <v>211.3</v>
      </c>
      <c r="C14035">
        <v>6436.35</v>
      </c>
      <c r="D14035">
        <v>3.4</v>
      </c>
      <c r="E14035">
        <v>7205.83</v>
      </c>
      <c r="F14035">
        <v>54.2273</v>
      </c>
    </row>
    <row r="14036" spans="1:6" x14ac:dyDescent="0.25">
      <c r="A14036">
        <v>164.04</v>
      </c>
      <c r="B14036">
        <v>211.3</v>
      </c>
      <c r="C14036">
        <v>6436.35</v>
      </c>
      <c r="D14036">
        <v>3.7</v>
      </c>
      <c r="E14036">
        <v>7212.41</v>
      </c>
      <c r="F14036">
        <v>53.569299999999998</v>
      </c>
    </row>
    <row r="14037" spans="1:6" x14ac:dyDescent="0.25">
      <c r="A14037">
        <v>164.04</v>
      </c>
      <c r="B14037">
        <v>211.3</v>
      </c>
      <c r="C14037">
        <v>6436.35</v>
      </c>
      <c r="D14037">
        <v>4</v>
      </c>
      <c r="E14037">
        <v>7137.11</v>
      </c>
      <c r="F14037">
        <v>53.111400000000003</v>
      </c>
    </row>
    <row r="14038" spans="1:6" x14ac:dyDescent="0.25">
      <c r="A14038">
        <v>164.04</v>
      </c>
      <c r="B14038">
        <v>211.3</v>
      </c>
      <c r="C14038">
        <v>7981.8</v>
      </c>
      <c r="D14038">
        <v>1</v>
      </c>
      <c r="E14038">
        <v>8523.0300000000007</v>
      </c>
      <c r="F14038">
        <v>60.063600000000001</v>
      </c>
    </row>
    <row r="14039" spans="1:6" x14ac:dyDescent="0.25">
      <c r="A14039">
        <v>164.04</v>
      </c>
      <c r="B14039">
        <v>211.3</v>
      </c>
      <c r="C14039">
        <v>7981.8</v>
      </c>
      <c r="D14039">
        <v>1.3</v>
      </c>
      <c r="E14039">
        <v>7959.18</v>
      </c>
      <c r="F14039">
        <v>19.363600000000002</v>
      </c>
    </row>
    <row r="14040" spans="1:6" x14ac:dyDescent="0.25">
      <c r="A14040">
        <v>164.04</v>
      </c>
      <c r="B14040">
        <v>211.3</v>
      </c>
      <c r="C14040">
        <v>7981.8</v>
      </c>
      <c r="D14040">
        <v>1.6</v>
      </c>
      <c r="E14040">
        <v>8248.18</v>
      </c>
      <c r="F14040">
        <v>58.347099999999998</v>
      </c>
    </row>
    <row r="14041" spans="1:6" x14ac:dyDescent="0.25">
      <c r="A14041">
        <v>164.04</v>
      </c>
      <c r="B14041">
        <v>211.3</v>
      </c>
      <c r="C14041">
        <v>7981.8</v>
      </c>
      <c r="D14041">
        <v>1.9</v>
      </c>
      <c r="E14041">
        <v>7724.95</v>
      </c>
      <c r="F14041">
        <v>54.973199999999999</v>
      </c>
    </row>
    <row r="14042" spans="1:6" x14ac:dyDescent="0.25">
      <c r="A14042">
        <v>164.04</v>
      </c>
      <c r="B14042">
        <v>211.3</v>
      </c>
      <c r="C14042">
        <v>7981.8</v>
      </c>
      <c r="D14042">
        <v>2.2000000000000002</v>
      </c>
      <c r="E14042">
        <v>7500.18</v>
      </c>
      <c r="F14042">
        <v>52.2196</v>
      </c>
    </row>
    <row r="14043" spans="1:6" x14ac:dyDescent="0.25">
      <c r="A14043">
        <v>164.04</v>
      </c>
      <c r="B14043">
        <v>211.3</v>
      </c>
      <c r="C14043">
        <v>7981.8</v>
      </c>
      <c r="D14043">
        <v>2.5</v>
      </c>
      <c r="E14043">
        <v>7754.59</v>
      </c>
      <c r="F14043">
        <v>50.3643</v>
      </c>
    </row>
    <row r="14044" spans="1:6" x14ac:dyDescent="0.25">
      <c r="A14044">
        <v>164.04</v>
      </c>
      <c r="B14044">
        <v>211.3</v>
      </c>
      <c r="C14044">
        <v>7981.8</v>
      </c>
      <c r="D14044">
        <v>2.8</v>
      </c>
      <c r="E14044">
        <v>7342.18</v>
      </c>
      <c r="F14044">
        <v>56.6813</v>
      </c>
    </row>
    <row r="14045" spans="1:6" x14ac:dyDescent="0.25">
      <c r="A14045">
        <v>164.04</v>
      </c>
      <c r="B14045">
        <v>211.3</v>
      </c>
      <c r="C14045">
        <v>7981.8</v>
      </c>
      <c r="D14045">
        <v>3.1</v>
      </c>
      <c r="E14045">
        <v>7339.91</v>
      </c>
      <c r="F14045">
        <v>55.567799999999998</v>
      </c>
    </row>
    <row r="14046" spans="1:6" x14ac:dyDescent="0.25">
      <c r="A14046">
        <v>164.04</v>
      </c>
      <c r="B14046">
        <v>211.3</v>
      </c>
      <c r="C14046">
        <v>7981.8</v>
      </c>
      <c r="D14046">
        <v>3.4</v>
      </c>
      <c r="E14046">
        <v>7816.42</v>
      </c>
      <c r="F14046">
        <v>54.2273</v>
      </c>
    </row>
    <row r="14047" spans="1:6" x14ac:dyDescent="0.25">
      <c r="A14047">
        <v>164.04</v>
      </c>
      <c r="B14047">
        <v>211.3</v>
      </c>
      <c r="C14047">
        <v>7981.8</v>
      </c>
      <c r="D14047">
        <v>3.7</v>
      </c>
      <c r="E14047">
        <v>7867.42</v>
      </c>
      <c r="F14047">
        <v>53.569299999999998</v>
      </c>
    </row>
    <row r="14048" spans="1:6" x14ac:dyDescent="0.25">
      <c r="A14048">
        <v>164.04</v>
      </c>
      <c r="B14048">
        <v>211.3</v>
      </c>
      <c r="C14048">
        <v>7981.8</v>
      </c>
      <c r="D14048">
        <v>4</v>
      </c>
      <c r="E14048">
        <v>7137.11</v>
      </c>
      <c r="F14048">
        <v>53.111400000000003</v>
      </c>
    </row>
    <row r="14049" spans="1:6" x14ac:dyDescent="0.25">
      <c r="A14049">
        <v>164.04</v>
      </c>
      <c r="B14049">
        <v>211.3</v>
      </c>
      <c r="C14049">
        <v>9527.25</v>
      </c>
      <c r="D14049">
        <v>1</v>
      </c>
      <c r="E14049">
        <v>8523.0300000000007</v>
      </c>
      <c r="F14049">
        <v>60.063600000000001</v>
      </c>
    </row>
    <row r="14050" spans="1:6" x14ac:dyDescent="0.25">
      <c r="A14050">
        <v>164.04</v>
      </c>
      <c r="B14050">
        <v>211.3</v>
      </c>
      <c r="C14050">
        <v>9527.25</v>
      </c>
      <c r="D14050">
        <v>1.3</v>
      </c>
      <c r="E14050">
        <v>7959.18</v>
      </c>
      <c r="F14050">
        <v>19.363600000000002</v>
      </c>
    </row>
    <row r="14051" spans="1:6" x14ac:dyDescent="0.25">
      <c r="A14051">
        <v>164.04</v>
      </c>
      <c r="B14051">
        <v>211.3</v>
      </c>
      <c r="C14051">
        <v>9527.25</v>
      </c>
      <c r="D14051">
        <v>1.6</v>
      </c>
      <c r="E14051">
        <v>8248.18</v>
      </c>
      <c r="F14051">
        <v>58.347099999999998</v>
      </c>
    </row>
    <row r="14052" spans="1:6" x14ac:dyDescent="0.25">
      <c r="A14052">
        <v>164.04</v>
      </c>
      <c r="B14052">
        <v>211.3</v>
      </c>
      <c r="C14052">
        <v>9527.25</v>
      </c>
      <c r="D14052">
        <v>1.9</v>
      </c>
      <c r="E14052">
        <v>7724.95</v>
      </c>
      <c r="F14052">
        <v>54.973199999999999</v>
      </c>
    </row>
    <row r="14053" spans="1:6" x14ac:dyDescent="0.25">
      <c r="A14053">
        <v>164.04</v>
      </c>
      <c r="B14053">
        <v>211.3</v>
      </c>
      <c r="C14053">
        <v>9527.25</v>
      </c>
      <c r="D14053">
        <v>2.2000000000000002</v>
      </c>
      <c r="E14053">
        <v>7500.18</v>
      </c>
      <c r="F14053">
        <v>52.2196</v>
      </c>
    </row>
    <row r="14054" spans="1:6" x14ac:dyDescent="0.25">
      <c r="A14054">
        <v>164.04</v>
      </c>
      <c r="B14054">
        <v>211.3</v>
      </c>
      <c r="C14054">
        <v>9527.25</v>
      </c>
      <c r="D14054">
        <v>2.5</v>
      </c>
      <c r="E14054">
        <v>7754.59</v>
      </c>
      <c r="F14054">
        <v>50.3643</v>
      </c>
    </row>
    <row r="14055" spans="1:6" x14ac:dyDescent="0.25">
      <c r="A14055">
        <v>164.04</v>
      </c>
      <c r="B14055">
        <v>211.3</v>
      </c>
      <c r="C14055">
        <v>9527.25</v>
      </c>
      <c r="D14055">
        <v>2.8</v>
      </c>
      <c r="E14055">
        <v>7342.18</v>
      </c>
      <c r="F14055">
        <v>56.6813</v>
      </c>
    </row>
    <row r="14056" spans="1:6" x14ac:dyDescent="0.25">
      <c r="A14056">
        <v>164.04</v>
      </c>
      <c r="B14056">
        <v>211.3</v>
      </c>
      <c r="C14056">
        <v>9527.25</v>
      </c>
      <c r="D14056">
        <v>3.1</v>
      </c>
      <c r="E14056">
        <v>7339.91</v>
      </c>
      <c r="F14056">
        <v>55.567799999999998</v>
      </c>
    </row>
    <row r="14057" spans="1:6" x14ac:dyDescent="0.25">
      <c r="A14057">
        <v>164.04</v>
      </c>
      <c r="B14057">
        <v>211.3</v>
      </c>
      <c r="C14057">
        <v>9527.25</v>
      </c>
      <c r="D14057">
        <v>3.4</v>
      </c>
      <c r="E14057">
        <v>7816.42</v>
      </c>
      <c r="F14057">
        <v>54.2273</v>
      </c>
    </row>
    <row r="14058" spans="1:6" x14ac:dyDescent="0.25">
      <c r="A14058">
        <v>164.04</v>
      </c>
      <c r="B14058">
        <v>211.3</v>
      </c>
      <c r="C14058">
        <v>9527.25</v>
      </c>
      <c r="D14058">
        <v>3.7</v>
      </c>
      <c r="E14058">
        <v>7867.42</v>
      </c>
      <c r="F14058">
        <v>53.569299999999998</v>
      </c>
    </row>
    <row r="14059" spans="1:6" x14ac:dyDescent="0.25">
      <c r="A14059">
        <v>164.04</v>
      </c>
      <c r="B14059">
        <v>211.3</v>
      </c>
      <c r="C14059">
        <v>9527.25</v>
      </c>
      <c r="D14059">
        <v>4</v>
      </c>
      <c r="E14059">
        <v>7137.11</v>
      </c>
      <c r="F14059">
        <v>53.111400000000003</v>
      </c>
    </row>
    <row r="14060" spans="1:6" x14ac:dyDescent="0.25">
      <c r="A14060">
        <v>164.04</v>
      </c>
      <c r="B14060">
        <v>211.3</v>
      </c>
      <c r="C14060">
        <v>11072.7</v>
      </c>
      <c r="D14060">
        <v>1</v>
      </c>
      <c r="E14060">
        <v>8523.0300000000007</v>
      </c>
      <c r="F14060">
        <v>60.063600000000001</v>
      </c>
    </row>
    <row r="14061" spans="1:6" x14ac:dyDescent="0.25">
      <c r="A14061">
        <v>164.04</v>
      </c>
      <c r="B14061">
        <v>211.3</v>
      </c>
      <c r="C14061">
        <v>11072.7</v>
      </c>
      <c r="D14061">
        <v>1.3</v>
      </c>
      <c r="E14061">
        <v>7959.18</v>
      </c>
      <c r="F14061">
        <v>19.363600000000002</v>
      </c>
    </row>
    <row r="14062" spans="1:6" x14ac:dyDescent="0.25">
      <c r="A14062">
        <v>164.04</v>
      </c>
      <c r="B14062">
        <v>211.3</v>
      </c>
      <c r="C14062">
        <v>11072.7</v>
      </c>
      <c r="D14062">
        <v>1.6</v>
      </c>
      <c r="E14062">
        <v>8248.18</v>
      </c>
      <c r="F14062">
        <v>58.347099999999998</v>
      </c>
    </row>
    <row r="14063" spans="1:6" x14ac:dyDescent="0.25">
      <c r="A14063">
        <v>164.04</v>
      </c>
      <c r="B14063">
        <v>211.3</v>
      </c>
      <c r="C14063">
        <v>11072.7</v>
      </c>
      <c r="D14063">
        <v>1.9</v>
      </c>
      <c r="E14063">
        <v>7724.95</v>
      </c>
      <c r="F14063">
        <v>54.973199999999999</v>
      </c>
    </row>
    <row r="14064" spans="1:6" x14ac:dyDescent="0.25">
      <c r="A14064">
        <v>164.04</v>
      </c>
      <c r="B14064">
        <v>211.3</v>
      </c>
      <c r="C14064">
        <v>11072.7</v>
      </c>
      <c r="D14064">
        <v>2.2000000000000002</v>
      </c>
      <c r="E14064">
        <v>7500.18</v>
      </c>
      <c r="F14064">
        <v>52.2196</v>
      </c>
    </row>
    <row r="14065" spans="1:6" x14ac:dyDescent="0.25">
      <c r="A14065">
        <v>164.04</v>
      </c>
      <c r="B14065">
        <v>211.3</v>
      </c>
      <c r="C14065">
        <v>11072.7</v>
      </c>
      <c r="D14065">
        <v>2.5</v>
      </c>
      <c r="E14065">
        <v>7754.59</v>
      </c>
      <c r="F14065">
        <v>50.3643</v>
      </c>
    </row>
    <row r="14066" spans="1:6" x14ac:dyDescent="0.25">
      <c r="A14066">
        <v>164.04</v>
      </c>
      <c r="B14066">
        <v>211.3</v>
      </c>
      <c r="C14066">
        <v>11072.7</v>
      </c>
      <c r="D14066">
        <v>2.8</v>
      </c>
      <c r="E14066">
        <v>7342.18</v>
      </c>
      <c r="F14066">
        <v>56.6813</v>
      </c>
    </row>
    <row r="14067" spans="1:6" x14ac:dyDescent="0.25">
      <c r="A14067">
        <v>164.04</v>
      </c>
      <c r="B14067">
        <v>211.3</v>
      </c>
      <c r="C14067">
        <v>11072.7</v>
      </c>
      <c r="D14067">
        <v>3.1</v>
      </c>
      <c r="E14067">
        <v>7339.91</v>
      </c>
      <c r="F14067">
        <v>55.567799999999998</v>
      </c>
    </row>
    <row r="14068" spans="1:6" x14ac:dyDescent="0.25">
      <c r="A14068">
        <v>164.04</v>
      </c>
      <c r="B14068">
        <v>211.3</v>
      </c>
      <c r="C14068">
        <v>11072.7</v>
      </c>
      <c r="D14068">
        <v>3.4</v>
      </c>
      <c r="E14068">
        <v>7816.42</v>
      </c>
      <c r="F14068">
        <v>54.2273</v>
      </c>
    </row>
    <row r="14069" spans="1:6" x14ac:dyDescent="0.25">
      <c r="A14069">
        <v>164.04</v>
      </c>
      <c r="B14069">
        <v>211.3</v>
      </c>
      <c r="C14069">
        <v>11072.7</v>
      </c>
      <c r="D14069">
        <v>3.7</v>
      </c>
      <c r="E14069">
        <v>7867.42</v>
      </c>
      <c r="F14069">
        <v>53.569299999999998</v>
      </c>
    </row>
    <row r="14070" spans="1:6" x14ac:dyDescent="0.25">
      <c r="A14070">
        <v>164.04</v>
      </c>
      <c r="B14070">
        <v>211.3</v>
      </c>
      <c r="C14070">
        <v>11072.7</v>
      </c>
      <c r="D14070">
        <v>4</v>
      </c>
      <c r="E14070">
        <v>7137.11</v>
      </c>
      <c r="F14070">
        <v>53.111400000000003</v>
      </c>
    </row>
    <row r="14071" spans="1:6" x14ac:dyDescent="0.25">
      <c r="A14071">
        <v>164.04</v>
      </c>
      <c r="B14071">
        <v>211.3</v>
      </c>
      <c r="C14071">
        <v>12618.2</v>
      </c>
      <c r="D14071">
        <v>1</v>
      </c>
      <c r="E14071">
        <v>8523.0300000000007</v>
      </c>
      <c r="F14071">
        <v>60.063600000000001</v>
      </c>
    </row>
    <row r="14072" spans="1:6" x14ac:dyDescent="0.25">
      <c r="A14072">
        <v>164.04</v>
      </c>
      <c r="B14072">
        <v>211.3</v>
      </c>
      <c r="C14072">
        <v>12618.2</v>
      </c>
      <c r="D14072">
        <v>1.3</v>
      </c>
      <c r="E14072">
        <v>7959.18</v>
      </c>
      <c r="F14072">
        <v>19.363600000000002</v>
      </c>
    </row>
    <row r="14073" spans="1:6" x14ac:dyDescent="0.25">
      <c r="A14073">
        <v>164.04</v>
      </c>
      <c r="B14073">
        <v>211.3</v>
      </c>
      <c r="C14073">
        <v>12618.2</v>
      </c>
      <c r="D14073">
        <v>1.6</v>
      </c>
      <c r="E14073">
        <v>8248.18</v>
      </c>
      <c r="F14073">
        <v>58.347099999999998</v>
      </c>
    </row>
    <row r="14074" spans="1:6" x14ac:dyDescent="0.25">
      <c r="A14074">
        <v>164.04</v>
      </c>
      <c r="B14074">
        <v>211.3</v>
      </c>
      <c r="C14074">
        <v>12618.2</v>
      </c>
      <c r="D14074">
        <v>1.9</v>
      </c>
      <c r="E14074">
        <v>7724.95</v>
      </c>
      <c r="F14074">
        <v>54.973199999999999</v>
      </c>
    </row>
    <row r="14075" spans="1:6" x14ac:dyDescent="0.25">
      <c r="A14075">
        <v>164.04</v>
      </c>
      <c r="B14075">
        <v>211.3</v>
      </c>
      <c r="C14075">
        <v>12618.2</v>
      </c>
      <c r="D14075">
        <v>2.2000000000000002</v>
      </c>
      <c r="E14075">
        <v>7500.18</v>
      </c>
      <c r="F14075">
        <v>52.2196</v>
      </c>
    </row>
    <row r="14076" spans="1:6" x14ac:dyDescent="0.25">
      <c r="A14076">
        <v>164.04</v>
      </c>
      <c r="B14076">
        <v>211.3</v>
      </c>
      <c r="C14076">
        <v>12618.2</v>
      </c>
      <c r="D14076">
        <v>2.5</v>
      </c>
      <c r="E14076">
        <v>7754.59</v>
      </c>
      <c r="F14076">
        <v>50.3643</v>
      </c>
    </row>
    <row r="14077" spans="1:6" x14ac:dyDescent="0.25">
      <c r="A14077">
        <v>164.04</v>
      </c>
      <c r="B14077">
        <v>211.3</v>
      </c>
      <c r="C14077">
        <v>12618.2</v>
      </c>
      <c r="D14077">
        <v>2.8</v>
      </c>
      <c r="E14077">
        <v>7342.18</v>
      </c>
      <c r="F14077">
        <v>56.6813</v>
      </c>
    </row>
    <row r="14078" spans="1:6" x14ac:dyDescent="0.25">
      <c r="A14078">
        <v>164.04</v>
      </c>
      <c r="B14078">
        <v>211.3</v>
      </c>
      <c r="C14078">
        <v>12618.2</v>
      </c>
      <c r="D14078">
        <v>3.1</v>
      </c>
      <c r="E14078">
        <v>7339.91</v>
      </c>
      <c r="F14078">
        <v>55.567799999999998</v>
      </c>
    </row>
    <row r="14079" spans="1:6" x14ac:dyDescent="0.25">
      <c r="A14079">
        <v>164.04</v>
      </c>
      <c r="B14079">
        <v>211.3</v>
      </c>
      <c r="C14079">
        <v>12618.2</v>
      </c>
      <c r="D14079">
        <v>3.4</v>
      </c>
      <c r="E14079">
        <v>7816.42</v>
      </c>
      <c r="F14079">
        <v>54.2273</v>
      </c>
    </row>
    <row r="14080" spans="1:6" x14ac:dyDescent="0.25">
      <c r="A14080">
        <v>164.04</v>
      </c>
      <c r="B14080">
        <v>211.3</v>
      </c>
      <c r="C14080">
        <v>12618.2</v>
      </c>
      <c r="D14080">
        <v>3.7</v>
      </c>
      <c r="E14080">
        <v>7867.42</v>
      </c>
      <c r="F14080">
        <v>53.569299999999998</v>
      </c>
    </row>
    <row r="14081" spans="1:6" x14ac:dyDescent="0.25">
      <c r="A14081">
        <v>164.04</v>
      </c>
      <c r="B14081">
        <v>211.3</v>
      </c>
      <c r="C14081">
        <v>12618.2</v>
      </c>
      <c r="D14081">
        <v>4</v>
      </c>
      <c r="E14081">
        <v>7137.11</v>
      </c>
      <c r="F14081">
        <v>53.111400000000003</v>
      </c>
    </row>
    <row r="14082" spans="1:6" x14ac:dyDescent="0.25">
      <c r="A14082">
        <v>164.04</v>
      </c>
      <c r="B14082">
        <v>211.3</v>
      </c>
      <c r="C14082">
        <v>14163.6</v>
      </c>
      <c r="D14082">
        <v>1</v>
      </c>
      <c r="E14082">
        <v>8523.0300000000007</v>
      </c>
      <c r="F14082">
        <v>60.063600000000001</v>
      </c>
    </row>
    <row r="14083" spans="1:6" x14ac:dyDescent="0.25">
      <c r="A14083">
        <v>164.04</v>
      </c>
      <c r="B14083">
        <v>211.3</v>
      </c>
      <c r="C14083">
        <v>14163.6</v>
      </c>
      <c r="D14083">
        <v>1.3</v>
      </c>
      <c r="E14083">
        <v>7959.18</v>
      </c>
      <c r="F14083">
        <v>19.363600000000002</v>
      </c>
    </row>
    <row r="14084" spans="1:6" x14ac:dyDescent="0.25">
      <c r="A14084">
        <v>164.04</v>
      </c>
      <c r="B14084">
        <v>211.3</v>
      </c>
      <c r="C14084">
        <v>14163.6</v>
      </c>
      <c r="D14084">
        <v>1.6</v>
      </c>
      <c r="E14084">
        <v>8248.18</v>
      </c>
      <c r="F14084">
        <v>58.347099999999998</v>
      </c>
    </row>
    <row r="14085" spans="1:6" x14ac:dyDescent="0.25">
      <c r="A14085">
        <v>164.04</v>
      </c>
      <c r="B14085">
        <v>211.3</v>
      </c>
      <c r="C14085">
        <v>14163.6</v>
      </c>
      <c r="D14085">
        <v>1.9</v>
      </c>
      <c r="E14085">
        <v>7724.95</v>
      </c>
      <c r="F14085">
        <v>54.973199999999999</v>
      </c>
    </row>
    <row r="14086" spans="1:6" x14ac:dyDescent="0.25">
      <c r="A14086">
        <v>164.04</v>
      </c>
      <c r="B14086">
        <v>211.3</v>
      </c>
      <c r="C14086">
        <v>14163.6</v>
      </c>
      <c r="D14086">
        <v>2.2000000000000002</v>
      </c>
      <c r="E14086">
        <v>7500.18</v>
      </c>
      <c r="F14086">
        <v>52.2196</v>
      </c>
    </row>
    <row r="14087" spans="1:6" x14ac:dyDescent="0.25">
      <c r="A14087">
        <v>164.04</v>
      </c>
      <c r="B14087">
        <v>211.3</v>
      </c>
      <c r="C14087">
        <v>14163.6</v>
      </c>
      <c r="D14087">
        <v>2.5</v>
      </c>
      <c r="E14087">
        <v>7754.59</v>
      </c>
      <c r="F14087">
        <v>50.3643</v>
      </c>
    </row>
    <row r="14088" spans="1:6" x14ac:dyDescent="0.25">
      <c r="A14088">
        <v>164.04</v>
      </c>
      <c r="B14088">
        <v>211.3</v>
      </c>
      <c r="C14088">
        <v>14163.6</v>
      </c>
      <c r="D14088">
        <v>2.8</v>
      </c>
      <c r="E14088">
        <v>7342.18</v>
      </c>
      <c r="F14088">
        <v>56.6813</v>
      </c>
    </row>
    <row r="14089" spans="1:6" x14ac:dyDescent="0.25">
      <c r="A14089">
        <v>164.04</v>
      </c>
      <c r="B14089">
        <v>211.3</v>
      </c>
      <c r="C14089">
        <v>14163.6</v>
      </c>
      <c r="D14089">
        <v>3.1</v>
      </c>
      <c r="E14089">
        <v>7339.91</v>
      </c>
      <c r="F14089">
        <v>55.567799999999998</v>
      </c>
    </row>
    <row r="14090" spans="1:6" x14ac:dyDescent="0.25">
      <c r="A14090">
        <v>164.04</v>
      </c>
      <c r="B14090">
        <v>211.3</v>
      </c>
      <c r="C14090">
        <v>14163.6</v>
      </c>
      <c r="D14090">
        <v>3.4</v>
      </c>
      <c r="E14090">
        <v>7816.42</v>
      </c>
      <c r="F14090">
        <v>54.2273</v>
      </c>
    </row>
    <row r="14091" spans="1:6" x14ac:dyDescent="0.25">
      <c r="A14091">
        <v>164.04</v>
      </c>
      <c r="B14091">
        <v>211.3</v>
      </c>
      <c r="C14091">
        <v>14163.6</v>
      </c>
      <c r="D14091">
        <v>3.7</v>
      </c>
      <c r="E14091">
        <v>7867.42</v>
      </c>
      <c r="F14091">
        <v>53.569299999999998</v>
      </c>
    </row>
    <row r="14092" spans="1:6" x14ac:dyDescent="0.25">
      <c r="A14092">
        <v>164.04</v>
      </c>
      <c r="B14092">
        <v>211.3</v>
      </c>
      <c r="C14092">
        <v>14163.6</v>
      </c>
      <c r="D14092">
        <v>4</v>
      </c>
      <c r="E14092">
        <v>7137.11</v>
      </c>
      <c r="F14092">
        <v>53.111400000000003</v>
      </c>
    </row>
    <row r="14093" spans="1:6" x14ac:dyDescent="0.25">
      <c r="A14093">
        <v>164.04</v>
      </c>
      <c r="B14093">
        <v>211.3</v>
      </c>
      <c r="C14093">
        <v>15709.1</v>
      </c>
      <c r="D14093">
        <v>1</v>
      </c>
      <c r="E14093">
        <v>8523.0300000000007</v>
      </c>
      <c r="F14093">
        <v>60.063600000000001</v>
      </c>
    </row>
    <row r="14094" spans="1:6" x14ac:dyDescent="0.25">
      <c r="A14094">
        <v>164.04</v>
      </c>
      <c r="B14094">
        <v>211.3</v>
      </c>
      <c r="C14094">
        <v>15709.1</v>
      </c>
      <c r="D14094">
        <v>1.3</v>
      </c>
      <c r="E14094">
        <v>7959.18</v>
      </c>
      <c r="F14094">
        <v>19.363600000000002</v>
      </c>
    </row>
    <row r="14095" spans="1:6" x14ac:dyDescent="0.25">
      <c r="A14095">
        <v>164.04</v>
      </c>
      <c r="B14095">
        <v>211.3</v>
      </c>
      <c r="C14095">
        <v>15709.1</v>
      </c>
      <c r="D14095">
        <v>1.6</v>
      </c>
      <c r="E14095">
        <v>8248.18</v>
      </c>
      <c r="F14095">
        <v>58.347099999999998</v>
      </c>
    </row>
    <row r="14096" spans="1:6" x14ac:dyDescent="0.25">
      <c r="A14096">
        <v>164.04</v>
      </c>
      <c r="B14096">
        <v>211.3</v>
      </c>
      <c r="C14096">
        <v>15709.1</v>
      </c>
      <c r="D14096">
        <v>1.9</v>
      </c>
      <c r="E14096">
        <v>7724.95</v>
      </c>
      <c r="F14096">
        <v>54.973199999999999</v>
      </c>
    </row>
    <row r="14097" spans="1:6" x14ac:dyDescent="0.25">
      <c r="A14097">
        <v>164.04</v>
      </c>
      <c r="B14097">
        <v>211.3</v>
      </c>
      <c r="C14097">
        <v>15709.1</v>
      </c>
      <c r="D14097">
        <v>2.2000000000000002</v>
      </c>
      <c r="E14097">
        <v>7500.18</v>
      </c>
      <c r="F14097">
        <v>52.2196</v>
      </c>
    </row>
    <row r="14098" spans="1:6" x14ac:dyDescent="0.25">
      <c r="A14098">
        <v>164.04</v>
      </c>
      <c r="B14098">
        <v>211.3</v>
      </c>
      <c r="C14098">
        <v>15709.1</v>
      </c>
      <c r="D14098">
        <v>2.5</v>
      </c>
      <c r="E14098">
        <v>7754.59</v>
      </c>
      <c r="F14098">
        <v>50.3643</v>
      </c>
    </row>
    <row r="14099" spans="1:6" x14ac:dyDescent="0.25">
      <c r="A14099">
        <v>164.04</v>
      </c>
      <c r="B14099">
        <v>211.3</v>
      </c>
      <c r="C14099">
        <v>15709.1</v>
      </c>
      <c r="D14099">
        <v>2.8</v>
      </c>
      <c r="E14099">
        <v>7342.18</v>
      </c>
      <c r="F14099">
        <v>56.6813</v>
      </c>
    </row>
    <row r="14100" spans="1:6" x14ac:dyDescent="0.25">
      <c r="A14100">
        <v>164.04</v>
      </c>
      <c r="B14100">
        <v>211.3</v>
      </c>
      <c r="C14100">
        <v>15709.1</v>
      </c>
      <c r="D14100">
        <v>3.1</v>
      </c>
      <c r="E14100">
        <v>7339.91</v>
      </c>
      <c r="F14100">
        <v>55.567799999999998</v>
      </c>
    </row>
    <row r="14101" spans="1:6" x14ac:dyDescent="0.25">
      <c r="A14101">
        <v>164.04</v>
      </c>
      <c r="B14101">
        <v>211.3</v>
      </c>
      <c r="C14101">
        <v>15709.1</v>
      </c>
      <c r="D14101">
        <v>3.4</v>
      </c>
      <c r="E14101">
        <v>7816.42</v>
      </c>
      <c r="F14101">
        <v>54.2273</v>
      </c>
    </row>
    <row r="14102" spans="1:6" x14ac:dyDescent="0.25">
      <c r="A14102">
        <v>164.04</v>
      </c>
      <c r="B14102">
        <v>211.3</v>
      </c>
      <c r="C14102">
        <v>15709.1</v>
      </c>
      <c r="D14102">
        <v>3.7</v>
      </c>
      <c r="E14102">
        <v>7867.42</v>
      </c>
      <c r="F14102">
        <v>53.569299999999998</v>
      </c>
    </row>
    <row r="14103" spans="1:6" x14ac:dyDescent="0.25">
      <c r="A14103">
        <v>164.04</v>
      </c>
      <c r="B14103">
        <v>211.3</v>
      </c>
      <c r="C14103">
        <v>15709.1</v>
      </c>
      <c r="D14103">
        <v>4</v>
      </c>
      <c r="E14103">
        <v>7137.11</v>
      </c>
      <c r="F14103">
        <v>53.111400000000003</v>
      </c>
    </row>
    <row r="14104" spans="1:6" x14ac:dyDescent="0.25">
      <c r="A14104">
        <v>164.04</v>
      </c>
      <c r="B14104">
        <v>211.3</v>
      </c>
      <c r="C14104">
        <v>17254.5</v>
      </c>
      <c r="D14104">
        <v>1</v>
      </c>
      <c r="E14104">
        <v>8523.0300000000007</v>
      </c>
      <c r="F14104">
        <v>60.063600000000001</v>
      </c>
    </row>
    <row r="14105" spans="1:6" x14ac:dyDescent="0.25">
      <c r="A14105">
        <v>164.04</v>
      </c>
      <c r="B14105">
        <v>211.3</v>
      </c>
      <c r="C14105">
        <v>17254.5</v>
      </c>
      <c r="D14105">
        <v>1.3</v>
      </c>
      <c r="E14105">
        <v>7959.18</v>
      </c>
      <c r="F14105">
        <v>19.363600000000002</v>
      </c>
    </row>
    <row r="14106" spans="1:6" x14ac:dyDescent="0.25">
      <c r="A14106">
        <v>164.04</v>
      </c>
      <c r="B14106">
        <v>211.3</v>
      </c>
      <c r="C14106">
        <v>17254.5</v>
      </c>
      <c r="D14106">
        <v>1.6</v>
      </c>
      <c r="E14106">
        <v>8248.18</v>
      </c>
      <c r="F14106">
        <v>58.347099999999998</v>
      </c>
    </row>
    <row r="14107" spans="1:6" x14ac:dyDescent="0.25">
      <c r="A14107">
        <v>164.04</v>
      </c>
      <c r="B14107">
        <v>211.3</v>
      </c>
      <c r="C14107">
        <v>17254.5</v>
      </c>
      <c r="D14107">
        <v>1.9</v>
      </c>
      <c r="E14107">
        <v>7724.95</v>
      </c>
      <c r="F14107">
        <v>54.973199999999999</v>
      </c>
    </row>
    <row r="14108" spans="1:6" x14ac:dyDescent="0.25">
      <c r="A14108">
        <v>164.04</v>
      </c>
      <c r="B14108">
        <v>211.3</v>
      </c>
      <c r="C14108">
        <v>17254.5</v>
      </c>
      <c r="D14108">
        <v>2.2000000000000002</v>
      </c>
      <c r="E14108">
        <v>7500.18</v>
      </c>
      <c r="F14108">
        <v>52.2196</v>
      </c>
    </row>
    <row r="14109" spans="1:6" x14ac:dyDescent="0.25">
      <c r="A14109">
        <v>164.04</v>
      </c>
      <c r="B14109">
        <v>211.3</v>
      </c>
      <c r="C14109">
        <v>17254.5</v>
      </c>
      <c r="D14109">
        <v>2.5</v>
      </c>
      <c r="E14109">
        <v>7754.59</v>
      </c>
      <c r="F14109">
        <v>50.3643</v>
      </c>
    </row>
    <row r="14110" spans="1:6" x14ac:dyDescent="0.25">
      <c r="A14110">
        <v>164.04</v>
      </c>
      <c r="B14110">
        <v>211.3</v>
      </c>
      <c r="C14110">
        <v>17254.5</v>
      </c>
      <c r="D14110">
        <v>2.8</v>
      </c>
      <c r="E14110">
        <v>7342.18</v>
      </c>
      <c r="F14110">
        <v>56.6813</v>
      </c>
    </row>
    <row r="14111" spans="1:6" x14ac:dyDescent="0.25">
      <c r="A14111">
        <v>164.04</v>
      </c>
      <c r="B14111">
        <v>211.3</v>
      </c>
      <c r="C14111">
        <v>17254.5</v>
      </c>
      <c r="D14111">
        <v>3.1</v>
      </c>
      <c r="E14111">
        <v>7339.91</v>
      </c>
      <c r="F14111">
        <v>55.567799999999998</v>
      </c>
    </row>
    <row r="14112" spans="1:6" x14ac:dyDescent="0.25">
      <c r="A14112">
        <v>164.04</v>
      </c>
      <c r="B14112">
        <v>211.3</v>
      </c>
      <c r="C14112">
        <v>17254.5</v>
      </c>
      <c r="D14112">
        <v>3.4</v>
      </c>
      <c r="E14112">
        <v>7816.42</v>
      </c>
      <c r="F14112">
        <v>54.2273</v>
      </c>
    </row>
    <row r="14113" spans="1:6" x14ac:dyDescent="0.25">
      <c r="A14113">
        <v>164.04</v>
      </c>
      <c r="B14113">
        <v>211.3</v>
      </c>
      <c r="C14113">
        <v>17254.5</v>
      </c>
      <c r="D14113">
        <v>3.7</v>
      </c>
      <c r="E14113">
        <v>7867.42</v>
      </c>
      <c r="F14113">
        <v>53.569299999999998</v>
      </c>
    </row>
    <row r="14114" spans="1:6" x14ac:dyDescent="0.25">
      <c r="A14114">
        <v>164.04</v>
      </c>
      <c r="B14114">
        <v>211.3</v>
      </c>
      <c r="C14114">
        <v>17254.5</v>
      </c>
      <c r="D14114">
        <v>4</v>
      </c>
      <c r="E14114">
        <v>7137.11</v>
      </c>
      <c r="F14114">
        <v>53.111400000000003</v>
      </c>
    </row>
    <row r="14115" spans="1:6" x14ac:dyDescent="0.25">
      <c r="A14115">
        <v>164.04</v>
      </c>
      <c r="B14115">
        <v>211.3</v>
      </c>
      <c r="C14115">
        <v>18800</v>
      </c>
      <c r="D14115">
        <v>1</v>
      </c>
      <c r="E14115">
        <v>8523.0300000000007</v>
      </c>
      <c r="F14115">
        <v>60.063600000000001</v>
      </c>
    </row>
    <row r="14116" spans="1:6" x14ac:dyDescent="0.25">
      <c r="A14116">
        <v>164.04</v>
      </c>
      <c r="B14116">
        <v>211.3</v>
      </c>
      <c r="C14116">
        <v>18800</v>
      </c>
      <c r="D14116">
        <v>1.3</v>
      </c>
      <c r="E14116">
        <v>7959.18</v>
      </c>
      <c r="F14116">
        <v>19.363600000000002</v>
      </c>
    </row>
    <row r="14117" spans="1:6" x14ac:dyDescent="0.25">
      <c r="A14117">
        <v>164.04</v>
      </c>
      <c r="B14117">
        <v>211.3</v>
      </c>
      <c r="C14117">
        <v>18800</v>
      </c>
      <c r="D14117">
        <v>1.6</v>
      </c>
      <c r="E14117">
        <v>8248.18</v>
      </c>
      <c r="F14117">
        <v>58.347099999999998</v>
      </c>
    </row>
    <row r="14118" spans="1:6" x14ac:dyDescent="0.25">
      <c r="A14118">
        <v>164.04</v>
      </c>
      <c r="B14118">
        <v>211.3</v>
      </c>
      <c r="C14118">
        <v>18800</v>
      </c>
      <c r="D14118">
        <v>1.9</v>
      </c>
      <c r="E14118">
        <v>7724.95</v>
      </c>
      <c r="F14118">
        <v>54.973199999999999</v>
      </c>
    </row>
    <row r="14119" spans="1:6" x14ac:dyDescent="0.25">
      <c r="A14119">
        <v>164.04</v>
      </c>
      <c r="B14119">
        <v>211.3</v>
      </c>
      <c r="C14119">
        <v>18800</v>
      </c>
      <c r="D14119">
        <v>2.2000000000000002</v>
      </c>
      <c r="E14119">
        <v>7500.18</v>
      </c>
      <c r="F14119">
        <v>52.2196</v>
      </c>
    </row>
    <row r="14120" spans="1:6" x14ac:dyDescent="0.25">
      <c r="A14120">
        <v>164.04</v>
      </c>
      <c r="B14120">
        <v>211.3</v>
      </c>
      <c r="C14120">
        <v>18800</v>
      </c>
      <c r="D14120">
        <v>2.5</v>
      </c>
      <c r="E14120">
        <v>7754.59</v>
      </c>
      <c r="F14120">
        <v>50.3643</v>
      </c>
    </row>
    <row r="14121" spans="1:6" x14ac:dyDescent="0.25">
      <c r="A14121">
        <v>164.04</v>
      </c>
      <c r="B14121">
        <v>211.3</v>
      </c>
      <c r="C14121">
        <v>18800</v>
      </c>
      <c r="D14121">
        <v>2.8</v>
      </c>
      <c r="E14121">
        <v>7342.18</v>
      </c>
      <c r="F14121">
        <v>56.6813</v>
      </c>
    </row>
    <row r="14122" spans="1:6" x14ac:dyDescent="0.25">
      <c r="A14122">
        <v>164.04</v>
      </c>
      <c r="B14122">
        <v>211.3</v>
      </c>
      <c r="C14122">
        <v>18800</v>
      </c>
      <c r="D14122">
        <v>3.1</v>
      </c>
      <c r="E14122">
        <v>7339.91</v>
      </c>
      <c r="F14122">
        <v>55.567799999999998</v>
      </c>
    </row>
    <row r="14123" spans="1:6" x14ac:dyDescent="0.25">
      <c r="A14123">
        <v>164.04</v>
      </c>
      <c r="B14123">
        <v>211.3</v>
      </c>
      <c r="C14123">
        <v>18800</v>
      </c>
      <c r="D14123">
        <v>3.4</v>
      </c>
      <c r="E14123">
        <v>7816.42</v>
      </c>
      <c r="F14123">
        <v>54.2273</v>
      </c>
    </row>
    <row r="14124" spans="1:6" x14ac:dyDescent="0.25">
      <c r="A14124">
        <v>164.04</v>
      </c>
      <c r="B14124">
        <v>211.3</v>
      </c>
      <c r="C14124">
        <v>18800</v>
      </c>
      <c r="D14124">
        <v>3.7</v>
      </c>
      <c r="E14124">
        <v>7867.42</v>
      </c>
      <c r="F14124">
        <v>53.569299999999998</v>
      </c>
    </row>
    <row r="14125" spans="1:6" x14ac:dyDescent="0.25">
      <c r="A14125" s="2">
        <v>164.04</v>
      </c>
      <c r="B14125" s="2">
        <v>211.3</v>
      </c>
      <c r="C14125" s="2">
        <v>18800</v>
      </c>
      <c r="D14125" s="2">
        <v>4</v>
      </c>
      <c r="E14125" s="2">
        <v>7137.11</v>
      </c>
      <c r="F14125">
        <v>53.111400000000003</v>
      </c>
    </row>
    <row r="14126" spans="1:6" x14ac:dyDescent="0.25">
      <c r="A14126" s="2">
        <v>164.04</v>
      </c>
      <c r="B14126" s="2">
        <v>214.93</v>
      </c>
      <c r="C14126" s="2">
        <v>1800</v>
      </c>
      <c r="D14126" s="2">
        <v>1</v>
      </c>
      <c r="E14126" s="2">
        <v>5333.32</v>
      </c>
      <c r="F14126" s="2">
        <v>60.063600000000001</v>
      </c>
    </row>
    <row r="14127" spans="1:6" x14ac:dyDescent="0.25">
      <c r="A14127">
        <v>164.04</v>
      </c>
      <c r="B14127">
        <v>214.93</v>
      </c>
      <c r="C14127">
        <v>1800</v>
      </c>
      <c r="D14127">
        <v>1.3</v>
      </c>
      <c r="E14127">
        <v>4722.7299999999996</v>
      </c>
      <c r="F14127">
        <v>23.903600000000001</v>
      </c>
    </row>
    <row r="14128" spans="1:6" x14ac:dyDescent="0.25">
      <c r="A14128">
        <v>164.04</v>
      </c>
      <c r="B14128">
        <v>214.93</v>
      </c>
      <c r="C14128">
        <v>1800</v>
      </c>
      <c r="D14128">
        <v>1.6</v>
      </c>
      <c r="E14128">
        <v>4319.08</v>
      </c>
      <c r="F14128">
        <v>53.918999999999997</v>
      </c>
    </row>
    <row r="14129" spans="1:6" x14ac:dyDescent="0.25">
      <c r="A14129">
        <v>164.04</v>
      </c>
      <c r="B14129">
        <v>214.93</v>
      </c>
      <c r="C14129">
        <v>1800</v>
      </c>
      <c r="D14129">
        <v>1.9</v>
      </c>
      <c r="E14129">
        <v>4038.24</v>
      </c>
      <c r="F14129">
        <v>50.161099999999998</v>
      </c>
    </row>
    <row r="14130" spans="1:6" x14ac:dyDescent="0.25">
      <c r="A14130">
        <v>164.04</v>
      </c>
      <c r="B14130">
        <v>214.93</v>
      </c>
      <c r="C14130">
        <v>1800</v>
      </c>
      <c r="D14130">
        <v>2.2000000000000002</v>
      </c>
      <c r="E14130">
        <v>3823.87</v>
      </c>
      <c r="F14130">
        <v>45.844200000000001</v>
      </c>
    </row>
    <row r="14131" spans="1:6" x14ac:dyDescent="0.25">
      <c r="A14131">
        <v>164.04</v>
      </c>
      <c r="B14131">
        <v>214.93</v>
      </c>
      <c r="C14131">
        <v>1800</v>
      </c>
      <c r="D14131">
        <v>2.5</v>
      </c>
      <c r="E14131">
        <v>3602.15</v>
      </c>
      <c r="F14131">
        <v>56.165599999999998</v>
      </c>
    </row>
    <row r="14132" spans="1:6" x14ac:dyDescent="0.25">
      <c r="A14132">
        <v>164.04</v>
      </c>
      <c r="B14132">
        <v>214.93</v>
      </c>
      <c r="C14132">
        <v>1800</v>
      </c>
      <c r="D14132">
        <v>2.8</v>
      </c>
      <c r="E14132">
        <v>3564.99</v>
      </c>
      <c r="F14132">
        <v>52.742100000000001</v>
      </c>
    </row>
    <row r="14133" spans="1:6" x14ac:dyDescent="0.25">
      <c r="A14133">
        <v>164.04</v>
      </c>
      <c r="B14133">
        <v>214.93</v>
      </c>
      <c r="C14133">
        <v>1800</v>
      </c>
      <c r="D14133">
        <v>3.1</v>
      </c>
      <c r="E14133">
        <v>3345.9</v>
      </c>
      <c r="F14133">
        <v>57.230800000000002</v>
      </c>
    </row>
    <row r="14134" spans="1:6" x14ac:dyDescent="0.25">
      <c r="A14134">
        <v>164.04</v>
      </c>
      <c r="B14134">
        <v>214.93</v>
      </c>
      <c r="C14134">
        <v>1800</v>
      </c>
      <c r="D14134">
        <v>3.4</v>
      </c>
      <c r="E14134">
        <v>3244.89</v>
      </c>
      <c r="F14134">
        <v>58.430700000000002</v>
      </c>
    </row>
    <row r="14135" spans="1:6" x14ac:dyDescent="0.25">
      <c r="A14135">
        <v>164.04</v>
      </c>
      <c r="B14135">
        <v>214.93</v>
      </c>
      <c r="C14135">
        <v>1800</v>
      </c>
      <c r="D14135">
        <v>3.7</v>
      </c>
      <c r="E14135">
        <v>3274.16</v>
      </c>
      <c r="F14135">
        <v>59.990900000000003</v>
      </c>
    </row>
    <row r="14136" spans="1:6" x14ac:dyDescent="0.25">
      <c r="A14136">
        <v>164.04</v>
      </c>
      <c r="B14136">
        <v>214.93</v>
      </c>
      <c r="C14136">
        <v>1800</v>
      </c>
      <c r="D14136">
        <v>4</v>
      </c>
      <c r="E14136">
        <v>3113.78</v>
      </c>
      <c r="F14136">
        <v>59.029200000000003</v>
      </c>
    </row>
    <row r="14137" spans="1:6" x14ac:dyDescent="0.25">
      <c r="A14137">
        <v>164.04</v>
      </c>
      <c r="B14137">
        <v>214.93</v>
      </c>
      <c r="C14137">
        <v>3345.45</v>
      </c>
      <c r="D14137">
        <v>1</v>
      </c>
      <c r="E14137">
        <v>6745.84</v>
      </c>
      <c r="F14137">
        <v>60.063600000000001</v>
      </c>
    </row>
    <row r="14138" spans="1:6" x14ac:dyDescent="0.25">
      <c r="A14138">
        <v>164.04</v>
      </c>
      <c r="B14138">
        <v>214.93</v>
      </c>
      <c r="C14138">
        <v>3345.45</v>
      </c>
      <c r="D14138">
        <v>1.3</v>
      </c>
      <c r="E14138">
        <v>6109.04</v>
      </c>
      <c r="F14138">
        <v>19.363600000000002</v>
      </c>
    </row>
    <row r="14139" spans="1:6" x14ac:dyDescent="0.25">
      <c r="A14139">
        <v>164.04</v>
      </c>
      <c r="B14139">
        <v>214.93</v>
      </c>
      <c r="C14139">
        <v>3345.45</v>
      </c>
      <c r="D14139">
        <v>1.6</v>
      </c>
      <c r="E14139">
        <v>5821.33</v>
      </c>
      <c r="F14139">
        <v>58.347099999999998</v>
      </c>
    </row>
    <row r="14140" spans="1:6" x14ac:dyDescent="0.25">
      <c r="A14140">
        <v>164.04</v>
      </c>
      <c r="B14140">
        <v>214.93</v>
      </c>
      <c r="C14140">
        <v>3345.45</v>
      </c>
      <c r="D14140">
        <v>1.9</v>
      </c>
      <c r="E14140">
        <v>5438.07</v>
      </c>
      <c r="F14140">
        <v>54.973199999999999</v>
      </c>
    </row>
    <row r="14141" spans="1:6" x14ac:dyDescent="0.25">
      <c r="A14141">
        <v>164.04</v>
      </c>
      <c r="B14141">
        <v>214.93</v>
      </c>
      <c r="C14141">
        <v>3345.45</v>
      </c>
      <c r="D14141">
        <v>2.2000000000000002</v>
      </c>
      <c r="E14141">
        <v>5062.42</v>
      </c>
      <c r="F14141">
        <v>52.2196</v>
      </c>
    </row>
    <row r="14142" spans="1:6" x14ac:dyDescent="0.25">
      <c r="A14142">
        <v>164.04</v>
      </c>
      <c r="B14142">
        <v>214.93</v>
      </c>
      <c r="C14142">
        <v>3345.45</v>
      </c>
      <c r="D14142">
        <v>2.5</v>
      </c>
      <c r="E14142">
        <v>4883.03</v>
      </c>
      <c r="F14142">
        <v>50.3643</v>
      </c>
    </row>
    <row r="14143" spans="1:6" x14ac:dyDescent="0.25">
      <c r="A14143">
        <v>164.04</v>
      </c>
      <c r="B14143">
        <v>214.93</v>
      </c>
      <c r="C14143">
        <v>3345.45</v>
      </c>
      <c r="D14143">
        <v>2.8</v>
      </c>
      <c r="E14143">
        <v>4838.75</v>
      </c>
      <c r="F14143">
        <v>56.6813</v>
      </c>
    </row>
    <row r="14144" spans="1:6" x14ac:dyDescent="0.25">
      <c r="A14144">
        <v>164.04</v>
      </c>
      <c r="B14144">
        <v>214.93</v>
      </c>
      <c r="C14144">
        <v>3345.45</v>
      </c>
      <c r="D14144">
        <v>3.1</v>
      </c>
      <c r="E14144">
        <v>4639.37</v>
      </c>
      <c r="F14144">
        <v>55.567799999999998</v>
      </c>
    </row>
    <row r="14145" spans="1:6" x14ac:dyDescent="0.25">
      <c r="A14145">
        <v>164.04</v>
      </c>
      <c r="B14145">
        <v>214.93</v>
      </c>
      <c r="C14145">
        <v>3345.45</v>
      </c>
      <c r="D14145">
        <v>3.4</v>
      </c>
      <c r="E14145">
        <v>4551.45</v>
      </c>
      <c r="F14145">
        <v>54.2273</v>
      </c>
    </row>
    <row r="14146" spans="1:6" x14ac:dyDescent="0.25">
      <c r="A14146">
        <v>164.04</v>
      </c>
      <c r="B14146">
        <v>214.93</v>
      </c>
      <c r="C14146">
        <v>3345.45</v>
      </c>
      <c r="D14146">
        <v>3.7</v>
      </c>
      <c r="E14146">
        <v>4486.2</v>
      </c>
      <c r="F14146">
        <v>53.569299999999998</v>
      </c>
    </row>
    <row r="14147" spans="1:6" x14ac:dyDescent="0.25">
      <c r="A14147">
        <v>164.04</v>
      </c>
      <c r="B14147">
        <v>214.93</v>
      </c>
      <c r="C14147">
        <v>3345.45</v>
      </c>
      <c r="D14147">
        <v>4</v>
      </c>
      <c r="E14147">
        <v>4448.62</v>
      </c>
      <c r="F14147">
        <v>53.111400000000003</v>
      </c>
    </row>
    <row r="14148" spans="1:6" x14ac:dyDescent="0.25">
      <c r="A14148">
        <v>164.04</v>
      </c>
      <c r="B14148">
        <v>214.93</v>
      </c>
      <c r="C14148">
        <v>4890.8999999999996</v>
      </c>
      <c r="D14148">
        <v>1</v>
      </c>
      <c r="E14148">
        <v>8223.67</v>
      </c>
      <c r="F14148">
        <v>60.063600000000001</v>
      </c>
    </row>
    <row r="14149" spans="1:6" x14ac:dyDescent="0.25">
      <c r="A14149">
        <v>164.04</v>
      </c>
      <c r="B14149">
        <v>214.93</v>
      </c>
      <c r="C14149">
        <v>4890.8999999999996</v>
      </c>
      <c r="D14149">
        <v>1.3</v>
      </c>
      <c r="E14149">
        <v>7537.45</v>
      </c>
      <c r="F14149">
        <v>19.363600000000002</v>
      </c>
    </row>
    <row r="14150" spans="1:6" x14ac:dyDescent="0.25">
      <c r="A14150">
        <v>164.04</v>
      </c>
      <c r="B14150">
        <v>214.93</v>
      </c>
      <c r="C14150">
        <v>4890.8999999999996</v>
      </c>
      <c r="D14150">
        <v>1.6</v>
      </c>
      <c r="E14150">
        <v>7133.45</v>
      </c>
      <c r="F14150">
        <v>58.347099999999998</v>
      </c>
    </row>
    <row r="14151" spans="1:6" x14ac:dyDescent="0.25">
      <c r="A14151">
        <v>164.04</v>
      </c>
      <c r="B14151">
        <v>214.93</v>
      </c>
      <c r="C14151">
        <v>4890.8999999999996</v>
      </c>
      <c r="D14151">
        <v>1.9</v>
      </c>
      <c r="E14151">
        <v>6882.09</v>
      </c>
      <c r="F14151">
        <v>54.973199999999999</v>
      </c>
    </row>
    <row r="14152" spans="1:6" x14ac:dyDescent="0.25">
      <c r="A14152">
        <v>164.04</v>
      </c>
      <c r="B14152">
        <v>214.93</v>
      </c>
      <c r="C14152">
        <v>4890.8999999999996</v>
      </c>
      <c r="D14152">
        <v>2.2000000000000002</v>
      </c>
      <c r="E14152">
        <v>6480.29</v>
      </c>
      <c r="F14152">
        <v>52.2196</v>
      </c>
    </row>
    <row r="14153" spans="1:6" x14ac:dyDescent="0.25">
      <c r="A14153">
        <v>164.04</v>
      </c>
      <c r="B14153">
        <v>214.93</v>
      </c>
      <c r="C14153">
        <v>4890.8999999999996</v>
      </c>
      <c r="D14153">
        <v>2.5</v>
      </c>
      <c r="E14153">
        <v>6317.74</v>
      </c>
      <c r="F14153">
        <v>50.3643</v>
      </c>
    </row>
    <row r="14154" spans="1:6" x14ac:dyDescent="0.25">
      <c r="A14154">
        <v>164.04</v>
      </c>
      <c r="B14154">
        <v>214.93</v>
      </c>
      <c r="C14154">
        <v>4890.8999999999996</v>
      </c>
      <c r="D14154">
        <v>2.8</v>
      </c>
      <c r="E14154">
        <v>6209.96</v>
      </c>
      <c r="F14154">
        <v>56.6813</v>
      </c>
    </row>
    <row r="14155" spans="1:6" x14ac:dyDescent="0.25">
      <c r="A14155">
        <v>164.04</v>
      </c>
      <c r="B14155">
        <v>214.93</v>
      </c>
      <c r="C14155">
        <v>4890.8999999999996</v>
      </c>
      <c r="D14155">
        <v>3.1</v>
      </c>
      <c r="E14155">
        <v>6085.27</v>
      </c>
      <c r="F14155">
        <v>55.567799999999998</v>
      </c>
    </row>
    <row r="14156" spans="1:6" x14ac:dyDescent="0.25">
      <c r="A14156">
        <v>164.04</v>
      </c>
      <c r="B14156">
        <v>214.93</v>
      </c>
      <c r="C14156">
        <v>4890.8999999999996</v>
      </c>
      <c r="D14156">
        <v>3.4</v>
      </c>
      <c r="E14156">
        <v>6118.75</v>
      </c>
      <c r="F14156">
        <v>54.2273</v>
      </c>
    </row>
    <row r="14157" spans="1:6" x14ac:dyDescent="0.25">
      <c r="A14157">
        <v>164.04</v>
      </c>
      <c r="B14157">
        <v>214.93</v>
      </c>
      <c r="C14157">
        <v>4890.8999999999996</v>
      </c>
      <c r="D14157">
        <v>3.7</v>
      </c>
      <c r="E14157">
        <v>5990.86</v>
      </c>
      <c r="F14157">
        <v>53.569299999999998</v>
      </c>
    </row>
    <row r="14158" spans="1:6" x14ac:dyDescent="0.25">
      <c r="A14158">
        <v>164.04</v>
      </c>
      <c r="B14158">
        <v>214.93</v>
      </c>
      <c r="C14158">
        <v>4890.8999999999996</v>
      </c>
      <c r="D14158">
        <v>4</v>
      </c>
      <c r="E14158">
        <v>5838.85</v>
      </c>
      <c r="F14158">
        <v>53.111400000000003</v>
      </c>
    </row>
    <row r="14159" spans="1:6" x14ac:dyDescent="0.25">
      <c r="A14159">
        <v>164.04</v>
      </c>
      <c r="B14159">
        <v>214.93</v>
      </c>
      <c r="C14159">
        <v>6436.35</v>
      </c>
      <c r="D14159">
        <v>1</v>
      </c>
      <c r="E14159">
        <v>8523.0300000000007</v>
      </c>
      <c r="F14159">
        <v>60.063600000000001</v>
      </c>
    </row>
    <row r="14160" spans="1:6" x14ac:dyDescent="0.25">
      <c r="A14160">
        <v>164.04</v>
      </c>
      <c r="B14160">
        <v>214.93</v>
      </c>
      <c r="C14160">
        <v>6436.35</v>
      </c>
      <c r="D14160">
        <v>1.3</v>
      </c>
      <c r="E14160">
        <v>7959.18</v>
      </c>
      <c r="F14160">
        <v>19.363600000000002</v>
      </c>
    </row>
    <row r="14161" spans="1:6" x14ac:dyDescent="0.25">
      <c r="A14161">
        <v>164.04</v>
      </c>
      <c r="B14161">
        <v>214.93</v>
      </c>
      <c r="C14161">
        <v>6436.35</v>
      </c>
      <c r="D14161">
        <v>1.6</v>
      </c>
      <c r="E14161">
        <v>8248.18</v>
      </c>
      <c r="F14161">
        <v>58.347099999999998</v>
      </c>
    </row>
    <row r="14162" spans="1:6" x14ac:dyDescent="0.25">
      <c r="A14162">
        <v>164.04</v>
      </c>
      <c r="B14162">
        <v>214.93</v>
      </c>
      <c r="C14162">
        <v>6436.35</v>
      </c>
      <c r="D14162">
        <v>1.9</v>
      </c>
      <c r="E14162">
        <v>7724.95</v>
      </c>
      <c r="F14162">
        <v>54.973199999999999</v>
      </c>
    </row>
    <row r="14163" spans="1:6" x14ac:dyDescent="0.25">
      <c r="A14163">
        <v>164.04</v>
      </c>
      <c r="B14163">
        <v>214.93</v>
      </c>
      <c r="C14163">
        <v>6436.35</v>
      </c>
      <c r="D14163">
        <v>2.2000000000000002</v>
      </c>
      <c r="E14163">
        <v>7500.18</v>
      </c>
      <c r="F14163">
        <v>52.2196</v>
      </c>
    </row>
    <row r="14164" spans="1:6" x14ac:dyDescent="0.25">
      <c r="A14164">
        <v>164.04</v>
      </c>
      <c r="B14164">
        <v>214.93</v>
      </c>
      <c r="C14164">
        <v>6436.35</v>
      </c>
      <c r="D14164">
        <v>2.5</v>
      </c>
      <c r="E14164">
        <v>7498.37</v>
      </c>
      <c r="F14164">
        <v>50.3643</v>
      </c>
    </row>
    <row r="14165" spans="1:6" x14ac:dyDescent="0.25">
      <c r="A14165">
        <v>164.04</v>
      </c>
      <c r="B14165">
        <v>214.93</v>
      </c>
      <c r="C14165">
        <v>6436.35</v>
      </c>
      <c r="D14165">
        <v>2.8</v>
      </c>
      <c r="E14165">
        <v>7342.18</v>
      </c>
      <c r="F14165">
        <v>56.6813</v>
      </c>
    </row>
    <row r="14166" spans="1:6" x14ac:dyDescent="0.25">
      <c r="A14166">
        <v>164.04</v>
      </c>
      <c r="B14166">
        <v>214.93</v>
      </c>
      <c r="C14166">
        <v>6436.35</v>
      </c>
      <c r="D14166">
        <v>3.1</v>
      </c>
      <c r="E14166">
        <v>7339.91</v>
      </c>
      <c r="F14166">
        <v>55.567799999999998</v>
      </c>
    </row>
    <row r="14167" spans="1:6" x14ac:dyDescent="0.25">
      <c r="A14167">
        <v>164.04</v>
      </c>
      <c r="B14167">
        <v>214.93</v>
      </c>
      <c r="C14167">
        <v>6436.35</v>
      </c>
      <c r="D14167">
        <v>3.4</v>
      </c>
      <c r="E14167">
        <v>7205.83</v>
      </c>
      <c r="F14167">
        <v>54.2273</v>
      </c>
    </row>
    <row r="14168" spans="1:6" x14ac:dyDescent="0.25">
      <c r="A14168">
        <v>164.04</v>
      </c>
      <c r="B14168">
        <v>214.93</v>
      </c>
      <c r="C14168">
        <v>6436.35</v>
      </c>
      <c r="D14168">
        <v>3.7</v>
      </c>
      <c r="E14168">
        <v>7212.41</v>
      </c>
      <c r="F14168">
        <v>53.569299999999998</v>
      </c>
    </row>
    <row r="14169" spans="1:6" x14ac:dyDescent="0.25">
      <c r="A14169">
        <v>164.04</v>
      </c>
      <c r="B14169">
        <v>214.93</v>
      </c>
      <c r="C14169">
        <v>6436.35</v>
      </c>
      <c r="D14169">
        <v>4</v>
      </c>
      <c r="E14169">
        <v>7137.11</v>
      </c>
      <c r="F14169">
        <v>53.111400000000003</v>
      </c>
    </row>
    <row r="14170" spans="1:6" x14ac:dyDescent="0.25">
      <c r="A14170">
        <v>164.04</v>
      </c>
      <c r="B14170">
        <v>214.93</v>
      </c>
      <c r="C14170">
        <v>7981.8</v>
      </c>
      <c r="D14170">
        <v>1</v>
      </c>
      <c r="E14170">
        <v>8523.0300000000007</v>
      </c>
      <c r="F14170">
        <v>60.063600000000001</v>
      </c>
    </row>
    <row r="14171" spans="1:6" x14ac:dyDescent="0.25">
      <c r="A14171">
        <v>164.04</v>
      </c>
      <c r="B14171">
        <v>214.93</v>
      </c>
      <c r="C14171">
        <v>7981.8</v>
      </c>
      <c r="D14171">
        <v>1.3</v>
      </c>
      <c r="E14171">
        <v>7959.18</v>
      </c>
      <c r="F14171">
        <v>19.363600000000002</v>
      </c>
    </row>
    <row r="14172" spans="1:6" x14ac:dyDescent="0.25">
      <c r="A14172">
        <v>164.04</v>
      </c>
      <c r="B14172">
        <v>214.93</v>
      </c>
      <c r="C14172">
        <v>7981.8</v>
      </c>
      <c r="D14172">
        <v>1.6</v>
      </c>
      <c r="E14172">
        <v>8248.18</v>
      </c>
      <c r="F14172">
        <v>58.347099999999998</v>
      </c>
    </row>
    <row r="14173" spans="1:6" x14ac:dyDescent="0.25">
      <c r="A14173">
        <v>164.04</v>
      </c>
      <c r="B14173">
        <v>214.93</v>
      </c>
      <c r="C14173">
        <v>7981.8</v>
      </c>
      <c r="D14173">
        <v>1.9</v>
      </c>
      <c r="E14173">
        <v>7724.95</v>
      </c>
      <c r="F14173">
        <v>54.973199999999999</v>
      </c>
    </row>
    <row r="14174" spans="1:6" x14ac:dyDescent="0.25">
      <c r="A14174">
        <v>164.04</v>
      </c>
      <c r="B14174">
        <v>214.93</v>
      </c>
      <c r="C14174">
        <v>7981.8</v>
      </c>
      <c r="D14174">
        <v>2.2000000000000002</v>
      </c>
      <c r="E14174">
        <v>7500.18</v>
      </c>
      <c r="F14174">
        <v>52.2196</v>
      </c>
    </row>
    <row r="14175" spans="1:6" x14ac:dyDescent="0.25">
      <c r="A14175">
        <v>164.04</v>
      </c>
      <c r="B14175">
        <v>214.93</v>
      </c>
      <c r="C14175">
        <v>7981.8</v>
      </c>
      <c r="D14175">
        <v>2.5</v>
      </c>
      <c r="E14175">
        <v>7754.59</v>
      </c>
      <c r="F14175">
        <v>50.3643</v>
      </c>
    </row>
    <row r="14176" spans="1:6" x14ac:dyDescent="0.25">
      <c r="A14176">
        <v>164.04</v>
      </c>
      <c r="B14176">
        <v>214.93</v>
      </c>
      <c r="C14176">
        <v>7981.8</v>
      </c>
      <c r="D14176">
        <v>2.8</v>
      </c>
      <c r="E14176">
        <v>7342.18</v>
      </c>
      <c r="F14176">
        <v>56.6813</v>
      </c>
    </row>
    <row r="14177" spans="1:6" x14ac:dyDescent="0.25">
      <c r="A14177">
        <v>164.04</v>
      </c>
      <c r="B14177">
        <v>214.93</v>
      </c>
      <c r="C14177">
        <v>7981.8</v>
      </c>
      <c r="D14177">
        <v>3.1</v>
      </c>
      <c r="E14177">
        <v>7339.91</v>
      </c>
      <c r="F14177">
        <v>55.567799999999998</v>
      </c>
    </row>
    <row r="14178" spans="1:6" x14ac:dyDescent="0.25">
      <c r="A14178">
        <v>164.04</v>
      </c>
      <c r="B14178">
        <v>214.93</v>
      </c>
      <c r="C14178">
        <v>7981.8</v>
      </c>
      <c r="D14178">
        <v>3.4</v>
      </c>
      <c r="E14178">
        <v>7816.42</v>
      </c>
      <c r="F14178">
        <v>54.2273</v>
      </c>
    </row>
    <row r="14179" spans="1:6" x14ac:dyDescent="0.25">
      <c r="A14179">
        <v>164.04</v>
      </c>
      <c r="B14179">
        <v>214.93</v>
      </c>
      <c r="C14179">
        <v>7981.8</v>
      </c>
      <c r="D14179">
        <v>3.7</v>
      </c>
      <c r="E14179">
        <v>7867.42</v>
      </c>
      <c r="F14179">
        <v>53.569299999999998</v>
      </c>
    </row>
    <row r="14180" spans="1:6" x14ac:dyDescent="0.25">
      <c r="A14180">
        <v>164.04</v>
      </c>
      <c r="B14180">
        <v>214.93</v>
      </c>
      <c r="C14180">
        <v>7981.8</v>
      </c>
      <c r="D14180">
        <v>4</v>
      </c>
      <c r="E14180">
        <v>7137.11</v>
      </c>
      <c r="F14180">
        <v>53.111400000000003</v>
      </c>
    </row>
    <row r="14181" spans="1:6" x14ac:dyDescent="0.25">
      <c r="A14181">
        <v>164.04</v>
      </c>
      <c r="B14181">
        <v>214.93</v>
      </c>
      <c r="C14181">
        <v>9527.25</v>
      </c>
      <c r="D14181">
        <v>1</v>
      </c>
      <c r="E14181">
        <v>8523.0300000000007</v>
      </c>
      <c r="F14181">
        <v>60.063600000000001</v>
      </c>
    </row>
    <row r="14182" spans="1:6" x14ac:dyDescent="0.25">
      <c r="A14182">
        <v>164.04</v>
      </c>
      <c r="B14182">
        <v>214.93</v>
      </c>
      <c r="C14182">
        <v>9527.25</v>
      </c>
      <c r="D14182">
        <v>1.3</v>
      </c>
      <c r="E14182">
        <v>7959.18</v>
      </c>
      <c r="F14182">
        <v>19.363600000000002</v>
      </c>
    </row>
    <row r="14183" spans="1:6" x14ac:dyDescent="0.25">
      <c r="A14183">
        <v>164.04</v>
      </c>
      <c r="B14183">
        <v>214.93</v>
      </c>
      <c r="C14183">
        <v>9527.25</v>
      </c>
      <c r="D14183">
        <v>1.6</v>
      </c>
      <c r="E14183">
        <v>8248.18</v>
      </c>
      <c r="F14183">
        <v>58.347099999999998</v>
      </c>
    </row>
    <row r="14184" spans="1:6" x14ac:dyDescent="0.25">
      <c r="A14184">
        <v>164.04</v>
      </c>
      <c r="B14184">
        <v>214.93</v>
      </c>
      <c r="C14184">
        <v>9527.25</v>
      </c>
      <c r="D14184">
        <v>1.9</v>
      </c>
      <c r="E14184">
        <v>7724.95</v>
      </c>
      <c r="F14184">
        <v>54.973199999999999</v>
      </c>
    </row>
    <row r="14185" spans="1:6" x14ac:dyDescent="0.25">
      <c r="A14185">
        <v>164.04</v>
      </c>
      <c r="B14185">
        <v>214.93</v>
      </c>
      <c r="C14185">
        <v>9527.25</v>
      </c>
      <c r="D14185">
        <v>2.2000000000000002</v>
      </c>
      <c r="E14185">
        <v>7500.18</v>
      </c>
      <c r="F14185">
        <v>52.2196</v>
      </c>
    </row>
    <row r="14186" spans="1:6" x14ac:dyDescent="0.25">
      <c r="A14186">
        <v>164.04</v>
      </c>
      <c r="B14186">
        <v>214.93</v>
      </c>
      <c r="C14186">
        <v>9527.25</v>
      </c>
      <c r="D14186">
        <v>2.5</v>
      </c>
      <c r="E14186">
        <v>7754.59</v>
      </c>
      <c r="F14186">
        <v>50.3643</v>
      </c>
    </row>
    <row r="14187" spans="1:6" x14ac:dyDescent="0.25">
      <c r="A14187">
        <v>164.04</v>
      </c>
      <c r="B14187">
        <v>214.93</v>
      </c>
      <c r="C14187">
        <v>9527.25</v>
      </c>
      <c r="D14187">
        <v>2.8</v>
      </c>
      <c r="E14187">
        <v>7342.18</v>
      </c>
      <c r="F14187">
        <v>56.6813</v>
      </c>
    </row>
    <row r="14188" spans="1:6" x14ac:dyDescent="0.25">
      <c r="A14188">
        <v>164.04</v>
      </c>
      <c r="B14188">
        <v>214.93</v>
      </c>
      <c r="C14188">
        <v>9527.25</v>
      </c>
      <c r="D14188">
        <v>3.1</v>
      </c>
      <c r="E14188">
        <v>7339.91</v>
      </c>
      <c r="F14188">
        <v>55.567799999999998</v>
      </c>
    </row>
    <row r="14189" spans="1:6" x14ac:dyDescent="0.25">
      <c r="A14189">
        <v>164.04</v>
      </c>
      <c r="B14189">
        <v>214.93</v>
      </c>
      <c r="C14189">
        <v>9527.25</v>
      </c>
      <c r="D14189">
        <v>3.4</v>
      </c>
      <c r="E14189">
        <v>7816.42</v>
      </c>
      <c r="F14189">
        <v>54.2273</v>
      </c>
    </row>
    <row r="14190" spans="1:6" x14ac:dyDescent="0.25">
      <c r="A14190">
        <v>164.04</v>
      </c>
      <c r="B14190">
        <v>214.93</v>
      </c>
      <c r="C14190">
        <v>9527.25</v>
      </c>
      <c r="D14190">
        <v>3.7</v>
      </c>
      <c r="E14190">
        <v>7867.42</v>
      </c>
      <c r="F14190">
        <v>53.569299999999998</v>
      </c>
    </row>
    <row r="14191" spans="1:6" x14ac:dyDescent="0.25">
      <c r="A14191">
        <v>164.04</v>
      </c>
      <c r="B14191">
        <v>214.93</v>
      </c>
      <c r="C14191">
        <v>9527.25</v>
      </c>
      <c r="D14191">
        <v>4</v>
      </c>
      <c r="E14191">
        <v>7137.11</v>
      </c>
      <c r="F14191">
        <v>53.111400000000003</v>
      </c>
    </row>
    <row r="14192" spans="1:6" x14ac:dyDescent="0.25">
      <c r="A14192">
        <v>164.04</v>
      </c>
      <c r="B14192">
        <v>214.93</v>
      </c>
      <c r="C14192">
        <v>11072.7</v>
      </c>
      <c r="D14192">
        <v>1</v>
      </c>
      <c r="E14192">
        <v>8523.0300000000007</v>
      </c>
      <c r="F14192">
        <v>60.063600000000001</v>
      </c>
    </row>
    <row r="14193" spans="1:6" x14ac:dyDescent="0.25">
      <c r="A14193">
        <v>164.04</v>
      </c>
      <c r="B14193">
        <v>214.93</v>
      </c>
      <c r="C14193">
        <v>11072.7</v>
      </c>
      <c r="D14193">
        <v>1.3</v>
      </c>
      <c r="E14193">
        <v>7959.18</v>
      </c>
      <c r="F14193">
        <v>19.363600000000002</v>
      </c>
    </row>
    <row r="14194" spans="1:6" x14ac:dyDescent="0.25">
      <c r="A14194">
        <v>164.04</v>
      </c>
      <c r="B14194">
        <v>214.93</v>
      </c>
      <c r="C14194">
        <v>11072.7</v>
      </c>
      <c r="D14194">
        <v>1.6</v>
      </c>
      <c r="E14194">
        <v>8248.18</v>
      </c>
      <c r="F14194">
        <v>58.347099999999998</v>
      </c>
    </row>
    <row r="14195" spans="1:6" x14ac:dyDescent="0.25">
      <c r="A14195">
        <v>164.04</v>
      </c>
      <c r="B14195">
        <v>214.93</v>
      </c>
      <c r="C14195">
        <v>11072.7</v>
      </c>
      <c r="D14195">
        <v>1.9</v>
      </c>
      <c r="E14195">
        <v>7724.95</v>
      </c>
      <c r="F14195">
        <v>54.973199999999999</v>
      </c>
    </row>
    <row r="14196" spans="1:6" x14ac:dyDescent="0.25">
      <c r="A14196">
        <v>164.04</v>
      </c>
      <c r="B14196">
        <v>214.93</v>
      </c>
      <c r="C14196">
        <v>11072.7</v>
      </c>
      <c r="D14196">
        <v>2.2000000000000002</v>
      </c>
      <c r="E14196">
        <v>7500.18</v>
      </c>
      <c r="F14196">
        <v>52.2196</v>
      </c>
    </row>
    <row r="14197" spans="1:6" x14ac:dyDescent="0.25">
      <c r="A14197">
        <v>164.04</v>
      </c>
      <c r="B14197">
        <v>214.93</v>
      </c>
      <c r="C14197">
        <v>11072.7</v>
      </c>
      <c r="D14197">
        <v>2.5</v>
      </c>
      <c r="E14197">
        <v>7754.59</v>
      </c>
      <c r="F14197">
        <v>50.3643</v>
      </c>
    </row>
    <row r="14198" spans="1:6" x14ac:dyDescent="0.25">
      <c r="A14198">
        <v>164.04</v>
      </c>
      <c r="B14198">
        <v>214.93</v>
      </c>
      <c r="C14198">
        <v>11072.7</v>
      </c>
      <c r="D14198">
        <v>2.8</v>
      </c>
      <c r="E14198">
        <v>7342.18</v>
      </c>
      <c r="F14198">
        <v>56.6813</v>
      </c>
    </row>
    <row r="14199" spans="1:6" x14ac:dyDescent="0.25">
      <c r="A14199">
        <v>164.04</v>
      </c>
      <c r="B14199">
        <v>214.93</v>
      </c>
      <c r="C14199">
        <v>11072.7</v>
      </c>
      <c r="D14199">
        <v>3.1</v>
      </c>
      <c r="E14199">
        <v>7339.91</v>
      </c>
      <c r="F14199">
        <v>55.567799999999998</v>
      </c>
    </row>
    <row r="14200" spans="1:6" x14ac:dyDescent="0.25">
      <c r="A14200">
        <v>164.04</v>
      </c>
      <c r="B14200">
        <v>214.93</v>
      </c>
      <c r="C14200">
        <v>11072.7</v>
      </c>
      <c r="D14200">
        <v>3.4</v>
      </c>
      <c r="E14200">
        <v>7816.42</v>
      </c>
      <c r="F14200">
        <v>54.2273</v>
      </c>
    </row>
    <row r="14201" spans="1:6" x14ac:dyDescent="0.25">
      <c r="A14201">
        <v>164.04</v>
      </c>
      <c r="B14201">
        <v>214.93</v>
      </c>
      <c r="C14201">
        <v>11072.7</v>
      </c>
      <c r="D14201">
        <v>3.7</v>
      </c>
      <c r="E14201">
        <v>7867.42</v>
      </c>
      <c r="F14201">
        <v>53.569299999999998</v>
      </c>
    </row>
    <row r="14202" spans="1:6" x14ac:dyDescent="0.25">
      <c r="A14202">
        <v>164.04</v>
      </c>
      <c r="B14202">
        <v>214.93</v>
      </c>
      <c r="C14202">
        <v>11072.7</v>
      </c>
      <c r="D14202">
        <v>4</v>
      </c>
      <c r="E14202">
        <v>7137.11</v>
      </c>
      <c r="F14202">
        <v>53.111400000000003</v>
      </c>
    </row>
    <row r="14203" spans="1:6" x14ac:dyDescent="0.25">
      <c r="A14203">
        <v>164.04</v>
      </c>
      <c r="B14203">
        <v>214.93</v>
      </c>
      <c r="C14203">
        <v>12618.2</v>
      </c>
      <c r="D14203">
        <v>1</v>
      </c>
      <c r="E14203">
        <v>8523.0300000000007</v>
      </c>
      <c r="F14203">
        <v>60.063600000000001</v>
      </c>
    </row>
    <row r="14204" spans="1:6" x14ac:dyDescent="0.25">
      <c r="A14204">
        <v>164.04</v>
      </c>
      <c r="B14204">
        <v>214.93</v>
      </c>
      <c r="C14204">
        <v>12618.2</v>
      </c>
      <c r="D14204">
        <v>1.3</v>
      </c>
      <c r="E14204">
        <v>7959.18</v>
      </c>
      <c r="F14204">
        <v>19.363600000000002</v>
      </c>
    </row>
    <row r="14205" spans="1:6" x14ac:dyDescent="0.25">
      <c r="A14205">
        <v>164.04</v>
      </c>
      <c r="B14205">
        <v>214.93</v>
      </c>
      <c r="C14205">
        <v>12618.2</v>
      </c>
      <c r="D14205">
        <v>1.6</v>
      </c>
      <c r="E14205">
        <v>8248.18</v>
      </c>
      <c r="F14205">
        <v>58.347099999999998</v>
      </c>
    </row>
    <row r="14206" spans="1:6" x14ac:dyDescent="0.25">
      <c r="A14206">
        <v>164.04</v>
      </c>
      <c r="B14206">
        <v>214.93</v>
      </c>
      <c r="C14206">
        <v>12618.2</v>
      </c>
      <c r="D14206">
        <v>1.9</v>
      </c>
      <c r="E14206">
        <v>7724.95</v>
      </c>
      <c r="F14206">
        <v>54.973199999999999</v>
      </c>
    </row>
    <row r="14207" spans="1:6" x14ac:dyDescent="0.25">
      <c r="A14207">
        <v>164.04</v>
      </c>
      <c r="B14207">
        <v>214.93</v>
      </c>
      <c r="C14207">
        <v>12618.2</v>
      </c>
      <c r="D14207">
        <v>2.2000000000000002</v>
      </c>
      <c r="E14207">
        <v>7500.18</v>
      </c>
      <c r="F14207">
        <v>52.2196</v>
      </c>
    </row>
    <row r="14208" spans="1:6" x14ac:dyDescent="0.25">
      <c r="A14208">
        <v>164.04</v>
      </c>
      <c r="B14208">
        <v>214.93</v>
      </c>
      <c r="C14208">
        <v>12618.2</v>
      </c>
      <c r="D14208">
        <v>2.5</v>
      </c>
      <c r="E14208">
        <v>7754.59</v>
      </c>
      <c r="F14208">
        <v>50.3643</v>
      </c>
    </row>
    <row r="14209" spans="1:6" x14ac:dyDescent="0.25">
      <c r="A14209">
        <v>164.04</v>
      </c>
      <c r="B14209">
        <v>214.93</v>
      </c>
      <c r="C14209">
        <v>12618.2</v>
      </c>
      <c r="D14209">
        <v>2.8</v>
      </c>
      <c r="E14209">
        <v>7342.18</v>
      </c>
      <c r="F14209">
        <v>56.6813</v>
      </c>
    </row>
    <row r="14210" spans="1:6" x14ac:dyDescent="0.25">
      <c r="A14210">
        <v>164.04</v>
      </c>
      <c r="B14210">
        <v>214.93</v>
      </c>
      <c r="C14210">
        <v>12618.2</v>
      </c>
      <c r="D14210">
        <v>3.1</v>
      </c>
      <c r="E14210">
        <v>7339.91</v>
      </c>
      <c r="F14210">
        <v>55.567799999999998</v>
      </c>
    </row>
    <row r="14211" spans="1:6" x14ac:dyDescent="0.25">
      <c r="A14211">
        <v>164.04</v>
      </c>
      <c r="B14211">
        <v>214.93</v>
      </c>
      <c r="C14211">
        <v>12618.2</v>
      </c>
      <c r="D14211">
        <v>3.4</v>
      </c>
      <c r="E14211">
        <v>7816.42</v>
      </c>
      <c r="F14211">
        <v>54.2273</v>
      </c>
    </row>
    <row r="14212" spans="1:6" x14ac:dyDescent="0.25">
      <c r="A14212">
        <v>164.04</v>
      </c>
      <c r="B14212">
        <v>214.93</v>
      </c>
      <c r="C14212">
        <v>12618.2</v>
      </c>
      <c r="D14212">
        <v>3.7</v>
      </c>
      <c r="E14212">
        <v>7867.42</v>
      </c>
      <c r="F14212">
        <v>53.569299999999998</v>
      </c>
    </row>
    <row r="14213" spans="1:6" x14ac:dyDescent="0.25">
      <c r="A14213">
        <v>164.04</v>
      </c>
      <c r="B14213">
        <v>214.93</v>
      </c>
      <c r="C14213">
        <v>12618.2</v>
      </c>
      <c r="D14213">
        <v>4</v>
      </c>
      <c r="E14213">
        <v>7137.11</v>
      </c>
      <c r="F14213">
        <v>53.111400000000003</v>
      </c>
    </row>
    <row r="14214" spans="1:6" x14ac:dyDescent="0.25">
      <c r="A14214">
        <v>164.04</v>
      </c>
      <c r="B14214">
        <v>214.93</v>
      </c>
      <c r="C14214">
        <v>14163.6</v>
      </c>
      <c r="D14214">
        <v>1</v>
      </c>
      <c r="E14214">
        <v>8523.0300000000007</v>
      </c>
      <c r="F14214">
        <v>60.063600000000001</v>
      </c>
    </row>
    <row r="14215" spans="1:6" x14ac:dyDescent="0.25">
      <c r="A14215">
        <v>164.04</v>
      </c>
      <c r="B14215">
        <v>214.93</v>
      </c>
      <c r="C14215">
        <v>14163.6</v>
      </c>
      <c r="D14215">
        <v>1.3</v>
      </c>
      <c r="E14215">
        <v>7959.18</v>
      </c>
      <c r="F14215">
        <v>19.363600000000002</v>
      </c>
    </row>
    <row r="14216" spans="1:6" x14ac:dyDescent="0.25">
      <c r="A14216">
        <v>164.04</v>
      </c>
      <c r="B14216">
        <v>214.93</v>
      </c>
      <c r="C14216">
        <v>14163.6</v>
      </c>
      <c r="D14216">
        <v>1.6</v>
      </c>
      <c r="E14216">
        <v>8248.18</v>
      </c>
      <c r="F14216">
        <v>58.347099999999998</v>
      </c>
    </row>
    <row r="14217" spans="1:6" x14ac:dyDescent="0.25">
      <c r="A14217">
        <v>164.04</v>
      </c>
      <c r="B14217">
        <v>214.93</v>
      </c>
      <c r="C14217">
        <v>14163.6</v>
      </c>
      <c r="D14217">
        <v>1.9</v>
      </c>
      <c r="E14217">
        <v>7724.95</v>
      </c>
      <c r="F14217">
        <v>54.973199999999999</v>
      </c>
    </row>
    <row r="14218" spans="1:6" x14ac:dyDescent="0.25">
      <c r="A14218">
        <v>164.04</v>
      </c>
      <c r="B14218">
        <v>214.93</v>
      </c>
      <c r="C14218">
        <v>14163.6</v>
      </c>
      <c r="D14218">
        <v>2.2000000000000002</v>
      </c>
      <c r="E14218">
        <v>7500.18</v>
      </c>
      <c r="F14218">
        <v>52.2196</v>
      </c>
    </row>
    <row r="14219" spans="1:6" x14ac:dyDescent="0.25">
      <c r="A14219">
        <v>164.04</v>
      </c>
      <c r="B14219">
        <v>214.93</v>
      </c>
      <c r="C14219">
        <v>14163.6</v>
      </c>
      <c r="D14219">
        <v>2.5</v>
      </c>
      <c r="E14219">
        <v>7754.59</v>
      </c>
      <c r="F14219">
        <v>50.3643</v>
      </c>
    </row>
    <row r="14220" spans="1:6" x14ac:dyDescent="0.25">
      <c r="A14220">
        <v>164.04</v>
      </c>
      <c r="B14220">
        <v>214.93</v>
      </c>
      <c r="C14220">
        <v>14163.6</v>
      </c>
      <c r="D14220">
        <v>2.8</v>
      </c>
      <c r="E14220">
        <v>7342.18</v>
      </c>
      <c r="F14220">
        <v>56.6813</v>
      </c>
    </row>
    <row r="14221" spans="1:6" x14ac:dyDescent="0.25">
      <c r="A14221">
        <v>164.04</v>
      </c>
      <c r="B14221">
        <v>214.93</v>
      </c>
      <c r="C14221">
        <v>14163.6</v>
      </c>
      <c r="D14221">
        <v>3.1</v>
      </c>
      <c r="E14221">
        <v>7339.91</v>
      </c>
      <c r="F14221">
        <v>55.567799999999998</v>
      </c>
    </row>
    <row r="14222" spans="1:6" x14ac:dyDescent="0.25">
      <c r="A14222">
        <v>164.04</v>
      </c>
      <c r="B14222">
        <v>214.93</v>
      </c>
      <c r="C14222">
        <v>14163.6</v>
      </c>
      <c r="D14222">
        <v>3.4</v>
      </c>
      <c r="E14222">
        <v>7816.42</v>
      </c>
      <c r="F14222">
        <v>54.2273</v>
      </c>
    </row>
    <row r="14223" spans="1:6" x14ac:dyDescent="0.25">
      <c r="A14223">
        <v>164.04</v>
      </c>
      <c r="B14223">
        <v>214.93</v>
      </c>
      <c r="C14223">
        <v>14163.6</v>
      </c>
      <c r="D14223">
        <v>3.7</v>
      </c>
      <c r="E14223">
        <v>7867.42</v>
      </c>
      <c r="F14223">
        <v>53.569299999999998</v>
      </c>
    </row>
    <row r="14224" spans="1:6" x14ac:dyDescent="0.25">
      <c r="A14224">
        <v>164.04</v>
      </c>
      <c r="B14224">
        <v>214.93</v>
      </c>
      <c r="C14224">
        <v>14163.6</v>
      </c>
      <c r="D14224">
        <v>4</v>
      </c>
      <c r="E14224">
        <v>7137.11</v>
      </c>
      <c r="F14224">
        <v>53.111400000000003</v>
      </c>
    </row>
    <row r="14225" spans="1:6" x14ac:dyDescent="0.25">
      <c r="A14225">
        <v>164.04</v>
      </c>
      <c r="B14225">
        <v>214.93</v>
      </c>
      <c r="C14225">
        <v>15709.1</v>
      </c>
      <c r="D14225">
        <v>1</v>
      </c>
      <c r="E14225">
        <v>8523.0300000000007</v>
      </c>
      <c r="F14225">
        <v>60.063600000000001</v>
      </c>
    </row>
    <row r="14226" spans="1:6" x14ac:dyDescent="0.25">
      <c r="A14226">
        <v>164.04</v>
      </c>
      <c r="B14226">
        <v>214.93</v>
      </c>
      <c r="C14226">
        <v>15709.1</v>
      </c>
      <c r="D14226">
        <v>1.3</v>
      </c>
      <c r="E14226">
        <v>7959.18</v>
      </c>
      <c r="F14226">
        <v>19.363600000000002</v>
      </c>
    </row>
    <row r="14227" spans="1:6" x14ac:dyDescent="0.25">
      <c r="A14227">
        <v>164.04</v>
      </c>
      <c r="B14227">
        <v>214.93</v>
      </c>
      <c r="C14227">
        <v>15709.1</v>
      </c>
      <c r="D14227">
        <v>1.6</v>
      </c>
      <c r="E14227">
        <v>8248.18</v>
      </c>
      <c r="F14227">
        <v>58.347099999999998</v>
      </c>
    </row>
    <row r="14228" spans="1:6" x14ac:dyDescent="0.25">
      <c r="A14228">
        <v>164.04</v>
      </c>
      <c r="B14228">
        <v>214.93</v>
      </c>
      <c r="C14228">
        <v>15709.1</v>
      </c>
      <c r="D14228">
        <v>1.9</v>
      </c>
      <c r="E14228">
        <v>7724.95</v>
      </c>
      <c r="F14228">
        <v>54.973199999999999</v>
      </c>
    </row>
    <row r="14229" spans="1:6" x14ac:dyDescent="0.25">
      <c r="A14229">
        <v>164.04</v>
      </c>
      <c r="B14229">
        <v>214.93</v>
      </c>
      <c r="C14229">
        <v>15709.1</v>
      </c>
      <c r="D14229">
        <v>2.2000000000000002</v>
      </c>
      <c r="E14229">
        <v>7500.18</v>
      </c>
      <c r="F14229">
        <v>52.2196</v>
      </c>
    </row>
    <row r="14230" spans="1:6" x14ac:dyDescent="0.25">
      <c r="A14230">
        <v>164.04</v>
      </c>
      <c r="B14230">
        <v>214.93</v>
      </c>
      <c r="C14230">
        <v>15709.1</v>
      </c>
      <c r="D14230">
        <v>2.5</v>
      </c>
      <c r="E14230">
        <v>7754.59</v>
      </c>
      <c r="F14230">
        <v>50.3643</v>
      </c>
    </row>
    <row r="14231" spans="1:6" x14ac:dyDescent="0.25">
      <c r="A14231">
        <v>164.04</v>
      </c>
      <c r="B14231">
        <v>214.93</v>
      </c>
      <c r="C14231">
        <v>15709.1</v>
      </c>
      <c r="D14231">
        <v>2.8</v>
      </c>
      <c r="E14231">
        <v>7342.18</v>
      </c>
      <c r="F14231">
        <v>56.6813</v>
      </c>
    </row>
    <row r="14232" spans="1:6" x14ac:dyDescent="0.25">
      <c r="A14232">
        <v>164.04</v>
      </c>
      <c r="B14232">
        <v>214.93</v>
      </c>
      <c r="C14232">
        <v>15709.1</v>
      </c>
      <c r="D14232">
        <v>3.1</v>
      </c>
      <c r="E14232">
        <v>7339.91</v>
      </c>
      <c r="F14232">
        <v>55.567799999999998</v>
      </c>
    </row>
    <row r="14233" spans="1:6" x14ac:dyDescent="0.25">
      <c r="A14233">
        <v>164.04</v>
      </c>
      <c r="B14233">
        <v>214.93</v>
      </c>
      <c r="C14233">
        <v>15709.1</v>
      </c>
      <c r="D14233">
        <v>3.4</v>
      </c>
      <c r="E14233">
        <v>7816.42</v>
      </c>
      <c r="F14233">
        <v>54.2273</v>
      </c>
    </row>
    <row r="14234" spans="1:6" x14ac:dyDescent="0.25">
      <c r="A14234">
        <v>164.04</v>
      </c>
      <c r="B14234">
        <v>214.93</v>
      </c>
      <c r="C14234">
        <v>15709.1</v>
      </c>
      <c r="D14234">
        <v>3.7</v>
      </c>
      <c r="E14234">
        <v>7867.42</v>
      </c>
      <c r="F14234">
        <v>53.569299999999998</v>
      </c>
    </row>
    <row r="14235" spans="1:6" x14ac:dyDescent="0.25">
      <c r="A14235">
        <v>164.04</v>
      </c>
      <c r="B14235">
        <v>214.93</v>
      </c>
      <c r="C14235">
        <v>15709.1</v>
      </c>
      <c r="D14235">
        <v>4</v>
      </c>
      <c r="E14235">
        <v>7137.11</v>
      </c>
      <c r="F14235">
        <v>53.111400000000003</v>
      </c>
    </row>
    <row r="14236" spans="1:6" x14ac:dyDescent="0.25">
      <c r="A14236">
        <v>164.04</v>
      </c>
      <c r="B14236">
        <v>214.93</v>
      </c>
      <c r="C14236">
        <v>17254.5</v>
      </c>
      <c r="D14236">
        <v>1</v>
      </c>
      <c r="E14236">
        <v>8523.0300000000007</v>
      </c>
      <c r="F14236">
        <v>60.063600000000001</v>
      </c>
    </row>
    <row r="14237" spans="1:6" x14ac:dyDescent="0.25">
      <c r="A14237">
        <v>164.04</v>
      </c>
      <c r="B14237">
        <v>214.93</v>
      </c>
      <c r="C14237">
        <v>17254.5</v>
      </c>
      <c r="D14237">
        <v>1.3</v>
      </c>
      <c r="E14237">
        <v>7959.18</v>
      </c>
      <c r="F14237">
        <v>19.363600000000002</v>
      </c>
    </row>
    <row r="14238" spans="1:6" x14ac:dyDescent="0.25">
      <c r="A14238">
        <v>164.04</v>
      </c>
      <c r="B14238">
        <v>214.93</v>
      </c>
      <c r="C14238">
        <v>17254.5</v>
      </c>
      <c r="D14238">
        <v>1.6</v>
      </c>
      <c r="E14238">
        <v>8248.18</v>
      </c>
      <c r="F14238">
        <v>58.347099999999998</v>
      </c>
    </row>
    <row r="14239" spans="1:6" x14ac:dyDescent="0.25">
      <c r="A14239">
        <v>164.04</v>
      </c>
      <c r="B14239">
        <v>214.93</v>
      </c>
      <c r="C14239">
        <v>17254.5</v>
      </c>
      <c r="D14239">
        <v>1.9</v>
      </c>
      <c r="E14239">
        <v>7724.95</v>
      </c>
      <c r="F14239">
        <v>54.973199999999999</v>
      </c>
    </row>
    <row r="14240" spans="1:6" x14ac:dyDescent="0.25">
      <c r="A14240">
        <v>164.04</v>
      </c>
      <c r="B14240">
        <v>214.93</v>
      </c>
      <c r="C14240">
        <v>17254.5</v>
      </c>
      <c r="D14240">
        <v>2.2000000000000002</v>
      </c>
      <c r="E14240">
        <v>7500.18</v>
      </c>
      <c r="F14240">
        <v>52.2196</v>
      </c>
    </row>
    <row r="14241" spans="1:6" x14ac:dyDescent="0.25">
      <c r="A14241">
        <v>164.04</v>
      </c>
      <c r="B14241">
        <v>214.93</v>
      </c>
      <c r="C14241">
        <v>17254.5</v>
      </c>
      <c r="D14241">
        <v>2.5</v>
      </c>
      <c r="E14241">
        <v>7754.59</v>
      </c>
      <c r="F14241">
        <v>50.3643</v>
      </c>
    </row>
    <row r="14242" spans="1:6" x14ac:dyDescent="0.25">
      <c r="A14242">
        <v>164.04</v>
      </c>
      <c r="B14242">
        <v>214.93</v>
      </c>
      <c r="C14242">
        <v>17254.5</v>
      </c>
      <c r="D14242">
        <v>2.8</v>
      </c>
      <c r="E14242">
        <v>7342.18</v>
      </c>
      <c r="F14242">
        <v>56.6813</v>
      </c>
    </row>
    <row r="14243" spans="1:6" x14ac:dyDescent="0.25">
      <c r="A14243">
        <v>164.04</v>
      </c>
      <c r="B14243">
        <v>214.93</v>
      </c>
      <c r="C14243">
        <v>17254.5</v>
      </c>
      <c r="D14243">
        <v>3.1</v>
      </c>
      <c r="E14243">
        <v>7339.91</v>
      </c>
      <c r="F14243">
        <v>55.567799999999998</v>
      </c>
    </row>
    <row r="14244" spans="1:6" x14ac:dyDescent="0.25">
      <c r="A14244">
        <v>164.04</v>
      </c>
      <c r="B14244">
        <v>214.93</v>
      </c>
      <c r="C14244">
        <v>17254.5</v>
      </c>
      <c r="D14244">
        <v>3.4</v>
      </c>
      <c r="E14244">
        <v>7816.42</v>
      </c>
      <c r="F14244">
        <v>54.2273</v>
      </c>
    </row>
    <row r="14245" spans="1:6" x14ac:dyDescent="0.25">
      <c r="A14245">
        <v>164.04</v>
      </c>
      <c r="B14245">
        <v>214.93</v>
      </c>
      <c r="C14245">
        <v>17254.5</v>
      </c>
      <c r="D14245">
        <v>3.7</v>
      </c>
      <c r="E14245">
        <v>7867.42</v>
      </c>
      <c r="F14245">
        <v>53.569299999999998</v>
      </c>
    </row>
    <row r="14246" spans="1:6" x14ac:dyDescent="0.25">
      <c r="A14246">
        <v>164.04</v>
      </c>
      <c r="B14246">
        <v>214.93</v>
      </c>
      <c r="C14246">
        <v>17254.5</v>
      </c>
      <c r="D14246">
        <v>4</v>
      </c>
      <c r="E14246">
        <v>7137.11</v>
      </c>
      <c r="F14246">
        <v>53.111400000000003</v>
      </c>
    </row>
    <row r="14247" spans="1:6" x14ac:dyDescent="0.25">
      <c r="A14247">
        <v>164.04</v>
      </c>
      <c r="B14247">
        <v>214.93</v>
      </c>
      <c r="C14247">
        <v>18800</v>
      </c>
      <c r="D14247">
        <v>1</v>
      </c>
      <c r="E14247">
        <v>8523.0300000000007</v>
      </c>
      <c r="F14247">
        <v>60.063600000000001</v>
      </c>
    </row>
    <row r="14248" spans="1:6" x14ac:dyDescent="0.25">
      <c r="A14248">
        <v>164.04</v>
      </c>
      <c r="B14248">
        <v>214.93</v>
      </c>
      <c r="C14248">
        <v>18800</v>
      </c>
      <c r="D14248">
        <v>1.3</v>
      </c>
      <c r="E14248">
        <v>7959.18</v>
      </c>
      <c r="F14248">
        <v>19.363600000000002</v>
      </c>
    </row>
    <row r="14249" spans="1:6" x14ac:dyDescent="0.25">
      <c r="A14249">
        <v>164.04</v>
      </c>
      <c r="B14249">
        <v>214.93</v>
      </c>
      <c r="C14249">
        <v>18800</v>
      </c>
      <c r="D14249">
        <v>1.6</v>
      </c>
      <c r="E14249">
        <v>8248.18</v>
      </c>
      <c r="F14249">
        <v>58.347099999999998</v>
      </c>
    </row>
    <row r="14250" spans="1:6" x14ac:dyDescent="0.25">
      <c r="A14250">
        <v>164.04</v>
      </c>
      <c r="B14250">
        <v>214.93</v>
      </c>
      <c r="C14250">
        <v>18800</v>
      </c>
      <c r="D14250">
        <v>1.9</v>
      </c>
      <c r="E14250">
        <v>7724.95</v>
      </c>
      <c r="F14250">
        <v>54.973199999999999</v>
      </c>
    </row>
    <row r="14251" spans="1:6" x14ac:dyDescent="0.25">
      <c r="A14251">
        <v>164.04</v>
      </c>
      <c r="B14251">
        <v>214.93</v>
      </c>
      <c r="C14251">
        <v>18800</v>
      </c>
      <c r="D14251">
        <v>2.2000000000000002</v>
      </c>
      <c r="E14251">
        <v>7500.18</v>
      </c>
      <c r="F14251">
        <v>52.2196</v>
      </c>
    </row>
    <row r="14252" spans="1:6" x14ac:dyDescent="0.25">
      <c r="A14252">
        <v>164.04</v>
      </c>
      <c r="B14252">
        <v>214.93</v>
      </c>
      <c r="C14252">
        <v>18800</v>
      </c>
      <c r="D14252">
        <v>2.5</v>
      </c>
      <c r="E14252">
        <v>7754.59</v>
      </c>
      <c r="F14252">
        <v>50.3643</v>
      </c>
    </row>
    <row r="14253" spans="1:6" x14ac:dyDescent="0.25">
      <c r="A14253">
        <v>164.04</v>
      </c>
      <c r="B14253">
        <v>214.93</v>
      </c>
      <c r="C14253">
        <v>18800</v>
      </c>
      <c r="D14253">
        <v>2.8</v>
      </c>
      <c r="E14253">
        <v>7342.18</v>
      </c>
      <c r="F14253">
        <v>56.6813</v>
      </c>
    </row>
    <row r="14254" spans="1:6" x14ac:dyDescent="0.25">
      <c r="A14254">
        <v>164.04</v>
      </c>
      <c r="B14254">
        <v>214.93</v>
      </c>
      <c r="C14254">
        <v>18800</v>
      </c>
      <c r="D14254">
        <v>3.1</v>
      </c>
      <c r="E14254">
        <v>7339.91</v>
      </c>
      <c r="F14254">
        <v>55.567799999999998</v>
      </c>
    </row>
    <row r="14255" spans="1:6" x14ac:dyDescent="0.25">
      <c r="A14255">
        <v>164.04</v>
      </c>
      <c r="B14255">
        <v>214.93</v>
      </c>
      <c r="C14255">
        <v>18800</v>
      </c>
      <c r="D14255">
        <v>3.4</v>
      </c>
      <c r="E14255">
        <v>7816.42</v>
      </c>
      <c r="F14255">
        <v>54.2273</v>
      </c>
    </row>
    <row r="14256" spans="1:6" x14ac:dyDescent="0.25">
      <c r="A14256">
        <v>164.04</v>
      </c>
      <c r="B14256">
        <v>214.93</v>
      </c>
      <c r="C14256">
        <v>18800</v>
      </c>
      <c r="D14256">
        <v>3.7</v>
      </c>
      <c r="E14256">
        <v>7867.42</v>
      </c>
      <c r="F14256">
        <v>53.569299999999998</v>
      </c>
    </row>
    <row r="14257" spans="1:6" x14ac:dyDescent="0.25">
      <c r="A14257" s="2">
        <v>164.04</v>
      </c>
      <c r="B14257" s="2">
        <v>214.93</v>
      </c>
      <c r="C14257" s="2">
        <v>18800</v>
      </c>
      <c r="D14257" s="2">
        <v>4</v>
      </c>
      <c r="E14257" s="2">
        <v>7137.11</v>
      </c>
      <c r="F14257" s="2">
        <v>53.111400000000003</v>
      </c>
    </row>
    <row r="14258" spans="1:6" x14ac:dyDescent="0.25">
      <c r="A14258" s="2">
        <v>167.67</v>
      </c>
      <c r="B14258" s="2">
        <v>175</v>
      </c>
      <c r="C14258" s="2">
        <v>1800</v>
      </c>
      <c r="D14258" s="2">
        <v>1</v>
      </c>
      <c r="E14258" s="2">
        <v>5200.8500000000004</v>
      </c>
      <c r="F14258" s="2">
        <v>68.071700000000007</v>
      </c>
    </row>
    <row r="14259" spans="1:6" x14ac:dyDescent="0.25">
      <c r="A14259" s="2">
        <v>167.67</v>
      </c>
      <c r="B14259" s="2">
        <v>175</v>
      </c>
      <c r="C14259" s="2">
        <v>1800</v>
      </c>
      <c r="D14259" s="2">
        <v>1.3</v>
      </c>
      <c r="E14259" s="2">
        <v>4586.66</v>
      </c>
      <c r="F14259" s="2">
        <v>71.020300000000006</v>
      </c>
    </row>
    <row r="14260" spans="1:6" x14ac:dyDescent="0.25">
      <c r="A14260">
        <v>167.67</v>
      </c>
      <c r="B14260">
        <v>175</v>
      </c>
      <c r="C14260">
        <v>1800</v>
      </c>
      <c r="D14260">
        <v>1.6</v>
      </c>
      <c r="E14260">
        <v>4230.63</v>
      </c>
      <c r="F14260">
        <v>71.690399999999997</v>
      </c>
    </row>
    <row r="14261" spans="1:6" x14ac:dyDescent="0.25">
      <c r="A14261">
        <v>167.67</v>
      </c>
      <c r="B14261">
        <v>175</v>
      </c>
      <c r="C14261">
        <v>1800</v>
      </c>
      <c r="D14261">
        <v>1.9</v>
      </c>
      <c r="E14261">
        <v>3931.34</v>
      </c>
      <c r="F14261">
        <v>69.316500000000005</v>
      </c>
    </row>
    <row r="14262" spans="1:6" x14ac:dyDescent="0.25">
      <c r="A14262">
        <v>167.67</v>
      </c>
      <c r="B14262">
        <v>175</v>
      </c>
      <c r="C14262">
        <v>1800</v>
      </c>
      <c r="D14262">
        <v>2.2000000000000002</v>
      </c>
      <c r="E14262">
        <v>3801.48</v>
      </c>
      <c r="F14262">
        <v>70.762</v>
      </c>
    </row>
    <row r="14263" spans="1:6" x14ac:dyDescent="0.25">
      <c r="A14263">
        <v>167.67</v>
      </c>
      <c r="B14263">
        <v>175</v>
      </c>
      <c r="C14263">
        <v>1800</v>
      </c>
      <c r="D14263">
        <v>2.5</v>
      </c>
      <c r="E14263">
        <v>3738.54</v>
      </c>
      <c r="F14263">
        <v>58.161099999999998</v>
      </c>
    </row>
    <row r="14264" spans="1:6" x14ac:dyDescent="0.25">
      <c r="A14264">
        <v>167.67</v>
      </c>
      <c r="B14264">
        <v>175</v>
      </c>
      <c r="C14264">
        <v>1800</v>
      </c>
      <c r="D14264">
        <v>2.8</v>
      </c>
      <c r="E14264">
        <v>3544.49</v>
      </c>
      <c r="F14264">
        <v>67.951499999999996</v>
      </c>
    </row>
    <row r="14265" spans="1:6" x14ac:dyDescent="0.25">
      <c r="A14265">
        <v>167.67</v>
      </c>
      <c r="B14265">
        <v>175</v>
      </c>
      <c r="C14265">
        <v>1800</v>
      </c>
      <c r="D14265">
        <v>3.1</v>
      </c>
      <c r="E14265">
        <v>3470.81</v>
      </c>
      <c r="F14265">
        <v>69.2072</v>
      </c>
    </row>
    <row r="14266" spans="1:6" x14ac:dyDescent="0.25">
      <c r="A14266">
        <v>167.67</v>
      </c>
      <c r="B14266">
        <v>175</v>
      </c>
      <c r="C14266">
        <v>1800</v>
      </c>
      <c r="D14266">
        <v>3.4</v>
      </c>
      <c r="E14266">
        <v>3480.01</v>
      </c>
      <c r="F14266">
        <v>65.313000000000002</v>
      </c>
    </row>
    <row r="14267" spans="1:6" x14ac:dyDescent="0.25">
      <c r="A14267">
        <v>167.67</v>
      </c>
      <c r="B14267">
        <v>175</v>
      </c>
      <c r="C14267">
        <v>1800</v>
      </c>
      <c r="D14267">
        <v>3.7</v>
      </c>
      <c r="E14267">
        <v>3383.21</v>
      </c>
      <c r="F14267">
        <v>67.429400000000001</v>
      </c>
    </row>
    <row r="14268" spans="1:6" x14ac:dyDescent="0.25">
      <c r="A14268">
        <v>167.67</v>
      </c>
      <c r="B14268">
        <v>175</v>
      </c>
      <c r="C14268">
        <v>1800</v>
      </c>
      <c r="D14268">
        <v>4</v>
      </c>
      <c r="E14268">
        <v>3316.27</v>
      </c>
      <c r="F14268">
        <v>68.268100000000004</v>
      </c>
    </row>
    <row r="14269" spans="1:6" x14ac:dyDescent="0.25">
      <c r="A14269">
        <v>167.67</v>
      </c>
      <c r="B14269">
        <v>175</v>
      </c>
      <c r="C14269">
        <v>3345.45</v>
      </c>
      <c r="D14269">
        <v>1</v>
      </c>
      <c r="E14269">
        <v>5775.93</v>
      </c>
      <c r="F14269">
        <v>68.071700000000007</v>
      </c>
    </row>
    <row r="14270" spans="1:6" x14ac:dyDescent="0.25">
      <c r="A14270">
        <v>167.67</v>
      </c>
      <c r="B14270">
        <v>175</v>
      </c>
      <c r="C14270">
        <v>3345.45</v>
      </c>
      <c r="D14270">
        <v>1.3</v>
      </c>
      <c r="E14270">
        <v>5350.28</v>
      </c>
      <c r="F14270">
        <v>71.020300000000006</v>
      </c>
    </row>
    <row r="14271" spans="1:6" x14ac:dyDescent="0.25">
      <c r="A14271">
        <v>167.67</v>
      </c>
      <c r="B14271">
        <v>175</v>
      </c>
      <c r="C14271">
        <v>3345.45</v>
      </c>
      <c r="D14271">
        <v>1.6</v>
      </c>
      <c r="E14271">
        <v>5111.9399999999996</v>
      </c>
      <c r="F14271">
        <v>71.690399999999997</v>
      </c>
    </row>
    <row r="14272" spans="1:6" x14ac:dyDescent="0.25">
      <c r="A14272">
        <v>167.67</v>
      </c>
      <c r="B14272">
        <v>175</v>
      </c>
      <c r="C14272">
        <v>3345.45</v>
      </c>
      <c r="D14272">
        <v>1.9</v>
      </c>
      <c r="E14272">
        <v>4987.7</v>
      </c>
      <c r="F14272">
        <v>69.316500000000005</v>
      </c>
    </row>
    <row r="14273" spans="1:6" x14ac:dyDescent="0.25">
      <c r="A14273">
        <v>167.67</v>
      </c>
      <c r="B14273">
        <v>175</v>
      </c>
      <c r="C14273">
        <v>3345.45</v>
      </c>
      <c r="D14273">
        <v>2.2000000000000002</v>
      </c>
      <c r="E14273">
        <v>4823.3500000000004</v>
      </c>
      <c r="F14273">
        <v>73.441599999999994</v>
      </c>
    </row>
    <row r="14274" spans="1:6" x14ac:dyDescent="0.25">
      <c r="A14274">
        <v>167.67</v>
      </c>
      <c r="B14274">
        <v>175</v>
      </c>
      <c r="C14274">
        <v>3345.45</v>
      </c>
      <c r="D14274">
        <v>2.5</v>
      </c>
      <c r="E14274">
        <v>4675.26</v>
      </c>
      <c r="F14274">
        <v>63.775199999999998</v>
      </c>
    </row>
    <row r="14275" spans="1:6" x14ac:dyDescent="0.25">
      <c r="A14275">
        <v>167.67</v>
      </c>
      <c r="B14275">
        <v>175</v>
      </c>
      <c r="C14275">
        <v>3345.45</v>
      </c>
      <c r="D14275">
        <v>2.8</v>
      </c>
      <c r="E14275">
        <v>4657.34</v>
      </c>
      <c r="F14275">
        <v>71.703800000000001</v>
      </c>
    </row>
    <row r="14276" spans="1:6" x14ac:dyDescent="0.25">
      <c r="A14276">
        <v>167.67</v>
      </c>
      <c r="B14276">
        <v>175</v>
      </c>
      <c r="C14276">
        <v>3345.45</v>
      </c>
      <c r="D14276">
        <v>3.1</v>
      </c>
      <c r="E14276">
        <v>4511.97</v>
      </c>
      <c r="F14276">
        <v>73.101900000000001</v>
      </c>
    </row>
    <row r="14277" spans="1:6" x14ac:dyDescent="0.25">
      <c r="A14277">
        <v>167.67</v>
      </c>
      <c r="B14277">
        <v>175</v>
      </c>
      <c r="C14277">
        <v>3345.45</v>
      </c>
      <c r="D14277">
        <v>3.4</v>
      </c>
      <c r="E14277">
        <v>4535.6400000000003</v>
      </c>
      <c r="F14277">
        <v>72.049800000000005</v>
      </c>
    </row>
    <row r="14278" spans="1:6" x14ac:dyDescent="0.25">
      <c r="A14278">
        <v>167.67</v>
      </c>
      <c r="B14278">
        <v>175</v>
      </c>
      <c r="C14278">
        <v>3345.45</v>
      </c>
      <c r="D14278">
        <v>3.7</v>
      </c>
      <c r="E14278">
        <v>4355.29</v>
      </c>
      <c r="F14278">
        <v>75.409700000000001</v>
      </c>
    </row>
    <row r="14279" spans="1:6" x14ac:dyDescent="0.25">
      <c r="A14279">
        <v>167.67</v>
      </c>
      <c r="B14279">
        <v>175</v>
      </c>
      <c r="C14279">
        <v>3345.45</v>
      </c>
      <c r="D14279">
        <v>4</v>
      </c>
      <c r="E14279">
        <v>4361.99</v>
      </c>
      <c r="F14279">
        <v>74.384699999999995</v>
      </c>
    </row>
    <row r="14280" spans="1:6" x14ac:dyDescent="0.25">
      <c r="A14280">
        <v>167.67</v>
      </c>
      <c r="B14280">
        <v>175</v>
      </c>
      <c r="C14280">
        <v>4890.8999999999996</v>
      </c>
      <c r="D14280">
        <v>1</v>
      </c>
      <c r="E14280">
        <v>5775.93</v>
      </c>
      <c r="F14280">
        <v>68.071700000000007</v>
      </c>
    </row>
    <row r="14281" spans="1:6" x14ac:dyDescent="0.25">
      <c r="A14281">
        <v>167.67</v>
      </c>
      <c r="B14281">
        <v>175</v>
      </c>
      <c r="C14281">
        <v>4890.8999999999996</v>
      </c>
      <c r="D14281">
        <v>1.3</v>
      </c>
      <c r="E14281">
        <v>5350.28</v>
      </c>
      <c r="F14281">
        <v>71.020300000000006</v>
      </c>
    </row>
    <row r="14282" spans="1:6" x14ac:dyDescent="0.25">
      <c r="A14282">
        <v>167.67</v>
      </c>
      <c r="B14282">
        <v>175</v>
      </c>
      <c r="C14282">
        <v>4890.8999999999996</v>
      </c>
      <c r="D14282">
        <v>1.6</v>
      </c>
      <c r="E14282">
        <v>5111.9399999999996</v>
      </c>
      <c r="F14282">
        <v>71.690399999999997</v>
      </c>
    </row>
    <row r="14283" spans="1:6" x14ac:dyDescent="0.25">
      <c r="A14283">
        <v>167.67</v>
      </c>
      <c r="B14283">
        <v>175</v>
      </c>
      <c r="C14283">
        <v>4890.8999999999996</v>
      </c>
      <c r="D14283">
        <v>1.9</v>
      </c>
      <c r="E14283">
        <v>4987.7</v>
      </c>
      <c r="F14283">
        <v>69.316500000000005</v>
      </c>
    </row>
    <row r="14284" spans="1:6" x14ac:dyDescent="0.25">
      <c r="A14284">
        <v>167.67</v>
      </c>
      <c r="B14284">
        <v>175</v>
      </c>
      <c r="C14284">
        <v>4890.8999999999996</v>
      </c>
      <c r="D14284">
        <v>2.2000000000000002</v>
      </c>
      <c r="E14284">
        <v>4823.3500000000004</v>
      </c>
      <c r="F14284">
        <v>73.441599999999994</v>
      </c>
    </row>
    <row r="14285" spans="1:6" x14ac:dyDescent="0.25">
      <c r="A14285">
        <v>167.67</v>
      </c>
      <c r="B14285">
        <v>175</v>
      </c>
      <c r="C14285">
        <v>4890.8999999999996</v>
      </c>
      <c r="D14285">
        <v>2.5</v>
      </c>
      <c r="E14285">
        <v>4675.26</v>
      </c>
      <c r="F14285">
        <v>63.775199999999998</v>
      </c>
    </row>
    <row r="14286" spans="1:6" x14ac:dyDescent="0.25">
      <c r="A14286">
        <v>167.67</v>
      </c>
      <c r="B14286">
        <v>175</v>
      </c>
      <c r="C14286">
        <v>4890.8999999999996</v>
      </c>
      <c r="D14286">
        <v>2.8</v>
      </c>
      <c r="E14286">
        <v>4657.34</v>
      </c>
      <c r="F14286">
        <v>71.703800000000001</v>
      </c>
    </row>
    <row r="14287" spans="1:6" x14ac:dyDescent="0.25">
      <c r="A14287">
        <v>167.67</v>
      </c>
      <c r="B14287">
        <v>175</v>
      </c>
      <c r="C14287">
        <v>4890.8999999999996</v>
      </c>
      <c r="D14287">
        <v>3.1</v>
      </c>
      <c r="E14287">
        <v>4511.97</v>
      </c>
      <c r="F14287">
        <v>73.101900000000001</v>
      </c>
    </row>
    <row r="14288" spans="1:6" x14ac:dyDescent="0.25">
      <c r="A14288">
        <v>167.67</v>
      </c>
      <c r="B14288">
        <v>175</v>
      </c>
      <c r="C14288">
        <v>4890.8999999999996</v>
      </c>
      <c r="D14288">
        <v>3.4</v>
      </c>
      <c r="E14288">
        <v>4535.6400000000003</v>
      </c>
      <c r="F14288">
        <v>72.049800000000005</v>
      </c>
    </row>
    <row r="14289" spans="1:6" x14ac:dyDescent="0.25">
      <c r="A14289">
        <v>167.67</v>
      </c>
      <c r="B14289">
        <v>175</v>
      </c>
      <c r="C14289">
        <v>4890.8999999999996</v>
      </c>
      <c r="D14289">
        <v>3.7</v>
      </c>
      <c r="E14289">
        <v>4355.29</v>
      </c>
      <c r="F14289">
        <v>75.409700000000001</v>
      </c>
    </row>
    <row r="14290" spans="1:6" x14ac:dyDescent="0.25">
      <c r="A14290">
        <v>167.67</v>
      </c>
      <c r="B14290">
        <v>175</v>
      </c>
      <c r="C14290">
        <v>4890.8999999999996</v>
      </c>
      <c r="D14290">
        <v>4</v>
      </c>
      <c r="E14290">
        <v>4361.99</v>
      </c>
      <c r="F14290">
        <v>74.384699999999995</v>
      </c>
    </row>
    <row r="14291" spans="1:6" x14ac:dyDescent="0.25">
      <c r="A14291">
        <v>167.67</v>
      </c>
      <c r="B14291">
        <v>175</v>
      </c>
      <c r="C14291">
        <v>6436.35</v>
      </c>
      <c r="D14291">
        <v>1</v>
      </c>
      <c r="E14291">
        <v>5775.93</v>
      </c>
      <c r="F14291">
        <v>68.071700000000007</v>
      </c>
    </row>
    <row r="14292" spans="1:6" x14ac:dyDescent="0.25">
      <c r="A14292">
        <v>167.67</v>
      </c>
      <c r="B14292">
        <v>175</v>
      </c>
      <c r="C14292">
        <v>6436.35</v>
      </c>
      <c r="D14292">
        <v>1.3</v>
      </c>
      <c r="E14292">
        <v>5350.28</v>
      </c>
      <c r="F14292">
        <v>71.020300000000006</v>
      </c>
    </row>
    <row r="14293" spans="1:6" x14ac:dyDescent="0.25">
      <c r="A14293">
        <v>167.67</v>
      </c>
      <c r="B14293">
        <v>175</v>
      </c>
      <c r="C14293">
        <v>6436.35</v>
      </c>
      <c r="D14293">
        <v>1.6</v>
      </c>
      <c r="E14293">
        <v>5111.9399999999996</v>
      </c>
      <c r="F14293">
        <v>71.690399999999997</v>
      </c>
    </row>
    <row r="14294" spans="1:6" x14ac:dyDescent="0.25">
      <c r="A14294">
        <v>167.67</v>
      </c>
      <c r="B14294">
        <v>175</v>
      </c>
      <c r="C14294">
        <v>6436.35</v>
      </c>
      <c r="D14294">
        <v>1.9</v>
      </c>
      <c r="E14294">
        <v>4987.7</v>
      </c>
      <c r="F14294">
        <v>69.316500000000005</v>
      </c>
    </row>
    <row r="14295" spans="1:6" x14ac:dyDescent="0.25">
      <c r="A14295">
        <v>167.67</v>
      </c>
      <c r="B14295">
        <v>175</v>
      </c>
      <c r="C14295">
        <v>6436.35</v>
      </c>
      <c r="D14295">
        <v>2.2000000000000002</v>
      </c>
      <c r="E14295">
        <v>4823.3500000000004</v>
      </c>
      <c r="F14295">
        <v>73.441599999999994</v>
      </c>
    </row>
    <row r="14296" spans="1:6" x14ac:dyDescent="0.25">
      <c r="A14296">
        <v>167.67</v>
      </c>
      <c r="B14296">
        <v>175</v>
      </c>
      <c r="C14296">
        <v>6436.35</v>
      </c>
      <c r="D14296">
        <v>2.5</v>
      </c>
      <c r="E14296">
        <v>4675.26</v>
      </c>
      <c r="F14296">
        <v>63.775199999999998</v>
      </c>
    </row>
    <row r="14297" spans="1:6" x14ac:dyDescent="0.25">
      <c r="A14297">
        <v>167.67</v>
      </c>
      <c r="B14297">
        <v>175</v>
      </c>
      <c r="C14297">
        <v>6436.35</v>
      </c>
      <c r="D14297">
        <v>2.8</v>
      </c>
      <c r="E14297">
        <v>4657.34</v>
      </c>
      <c r="F14297">
        <v>71.703800000000001</v>
      </c>
    </row>
    <row r="14298" spans="1:6" x14ac:dyDescent="0.25">
      <c r="A14298">
        <v>167.67</v>
      </c>
      <c r="B14298">
        <v>175</v>
      </c>
      <c r="C14298">
        <v>6436.35</v>
      </c>
      <c r="D14298">
        <v>3.1</v>
      </c>
      <c r="E14298">
        <v>4511.97</v>
      </c>
      <c r="F14298">
        <v>73.101900000000001</v>
      </c>
    </row>
    <row r="14299" spans="1:6" x14ac:dyDescent="0.25">
      <c r="A14299">
        <v>167.67</v>
      </c>
      <c r="B14299">
        <v>175</v>
      </c>
      <c r="C14299">
        <v>6436.35</v>
      </c>
      <c r="D14299">
        <v>3.4</v>
      </c>
      <c r="E14299">
        <v>4535.6400000000003</v>
      </c>
      <c r="F14299">
        <v>72.049800000000005</v>
      </c>
    </row>
    <row r="14300" spans="1:6" x14ac:dyDescent="0.25">
      <c r="A14300">
        <v>167.67</v>
      </c>
      <c r="B14300">
        <v>175</v>
      </c>
      <c r="C14300">
        <v>6436.35</v>
      </c>
      <c r="D14300">
        <v>3.7</v>
      </c>
      <c r="E14300">
        <v>4355.29</v>
      </c>
      <c r="F14300">
        <v>75.409700000000001</v>
      </c>
    </row>
    <row r="14301" spans="1:6" x14ac:dyDescent="0.25">
      <c r="A14301">
        <v>167.67</v>
      </c>
      <c r="B14301">
        <v>175</v>
      </c>
      <c r="C14301">
        <v>6436.35</v>
      </c>
      <c r="D14301">
        <v>4</v>
      </c>
      <c r="E14301">
        <v>4361.99</v>
      </c>
      <c r="F14301">
        <v>74.384699999999995</v>
      </c>
    </row>
    <row r="14302" spans="1:6" x14ac:dyDescent="0.25">
      <c r="A14302">
        <v>167.67</v>
      </c>
      <c r="B14302">
        <v>175</v>
      </c>
      <c r="C14302">
        <v>7981.8</v>
      </c>
      <c r="D14302">
        <v>1</v>
      </c>
      <c r="E14302">
        <v>5775.93</v>
      </c>
      <c r="F14302">
        <v>68.071700000000007</v>
      </c>
    </row>
    <row r="14303" spans="1:6" x14ac:dyDescent="0.25">
      <c r="A14303">
        <v>167.67</v>
      </c>
      <c r="B14303">
        <v>175</v>
      </c>
      <c r="C14303">
        <v>7981.8</v>
      </c>
      <c r="D14303">
        <v>1.3</v>
      </c>
      <c r="E14303">
        <v>5350.28</v>
      </c>
      <c r="F14303">
        <v>71.020300000000006</v>
      </c>
    </row>
    <row r="14304" spans="1:6" x14ac:dyDescent="0.25">
      <c r="A14304">
        <v>167.67</v>
      </c>
      <c r="B14304">
        <v>175</v>
      </c>
      <c r="C14304">
        <v>7981.8</v>
      </c>
      <c r="D14304">
        <v>1.6</v>
      </c>
      <c r="E14304">
        <v>5111.9399999999996</v>
      </c>
      <c r="F14304">
        <v>71.690399999999997</v>
      </c>
    </row>
    <row r="14305" spans="1:6" x14ac:dyDescent="0.25">
      <c r="A14305">
        <v>167.67</v>
      </c>
      <c r="B14305">
        <v>175</v>
      </c>
      <c r="C14305">
        <v>7981.8</v>
      </c>
      <c r="D14305">
        <v>1.9</v>
      </c>
      <c r="E14305">
        <v>4987.7</v>
      </c>
      <c r="F14305">
        <v>69.316500000000005</v>
      </c>
    </row>
    <row r="14306" spans="1:6" x14ac:dyDescent="0.25">
      <c r="A14306">
        <v>167.67</v>
      </c>
      <c r="B14306">
        <v>175</v>
      </c>
      <c r="C14306">
        <v>7981.8</v>
      </c>
      <c r="D14306">
        <v>2.2000000000000002</v>
      </c>
      <c r="E14306">
        <v>4823.3500000000004</v>
      </c>
      <c r="F14306">
        <v>73.441599999999994</v>
      </c>
    </row>
    <row r="14307" spans="1:6" x14ac:dyDescent="0.25">
      <c r="A14307">
        <v>167.67</v>
      </c>
      <c r="B14307">
        <v>175</v>
      </c>
      <c r="C14307">
        <v>7981.8</v>
      </c>
      <c r="D14307">
        <v>2.5</v>
      </c>
      <c r="E14307">
        <v>4675.26</v>
      </c>
      <c r="F14307">
        <v>63.775199999999998</v>
      </c>
    </row>
    <row r="14308" spans="1:6" x14ac:dyDescent="0.25">
      <c r="A14308">
        <v>167.67</v>
      </c>
      <c r="B14308">
        <v>175</v>
      </c>
      <c r="C14308">
        <v>7981.8</v>
      </c>
      <c r="D14308">
        <v>2.8</v>
      </c>
      <c r="E14308">
        <v>4657.34</v>
      </c>
      <c r="F14308">
        <v>71.703800000000001</v>
      </c>
    </row>
    <row r="14309" spans="1:6" x14ac:dyDescent="0.25">
      <c r="A14309">
        <v>167.67</v>
      </c>
      <c r="B14309">
        <v>175</v>
      </c>
      <c r="C14309">
        <v>7981.8</v>
      </c>
      <c r="D14309">
        <v>3.1</v>
      </c>
      <c r="E14309">
        <v>4511.97</v>
      </c>
      <c r="F14309">
        <v>73.101900000000001</v>
      </c>
    </row>
    <row r="14310" spans="1:6" x14ac:dyDescent="0.25">
      <c r="A14310">
        <v>167.67</v>
      </c>
      <c r="B14310">
        <v>175</v>
      </c>
      <c r="C14310">
        <v>7981.8</v>
      </c>
      <c r="D14310">
        <v>3.4</v>
      </c>
      <c r="E14310">
        <v>4535.6400000000003</v>
      </c>
      <c r="F14310">
        <v>72.049800000000005</v>
      </c>
    </row>
    <row r="14311" spans="1:6" x14ac:dyDescent="0.25">
      <c r="A14311">
        <v>167.67</v>
      </c>
      <c r="B14311">
        <v>175</v>
      </c>
      <c r="C14311">
        <v>7981.8</v>
      </c>
      <c r="D14311">
        <v>3.7</v>
      </c>
      <c r="E14311">
        <v>4355.29</v>
      </c>
      <c r="F14311">
        <v>75.409700000000001</v>
      </c>
    </row>
    <row r="14312" spans="1:6" x14ac:dyDescent="0.25">
      <c r="A14312">
        <v>167.67</v>
      </c>
      <c r="B14312">
        <v>175</v>
      </c>
      <c r="C14312">
        <v>7981.8</v>
      </c>
      <c r="D14312">
        <v>4</v>
      </c>
      <c r="E14312">
        <v>4361.99</v>
      </c>
      <c r="F14312">
        <v>74.384699999999995</v>
      </c>
    </row>
    <row r="14313" spans="1:6" x14ac:dyDescent="0.25">
      <c r="A14313">
        <v>167.67</v>
      </c>
      <c r="B14313">
        <v>175</v>
      </c>
      <c r="C14313">
        <v>9527.25</v>
      </c>
      <c r="D14313">
        <v>1</v>
      </c>
      <c r="E14313">
        <v>5775.93</v>
      </c>
      <c r="F14313">
        <v>68.071700000000007</v>
      </c>
    </row>
    <row r="14314" spans="1:6" x14ac:dyDescent="0.25">
      <c r="A14314">
        <v>167.67</v>
      </c>
      <c r="B14314">
        <v>175</v>
      </c>
      <c r="C14314">
        <v>9527.25</v>
      </c>
      <c r="D14314">
        <v>1.3</v>
      </c>
      <c r="E14314">
        <v>5350.28</v>
      </c>
      <c r="F14314">
        <v>71.020300000000006</v>
      </c>
    </row>
    <row r="14315" spans="1:6" x14ac:dyDescent="0.25">
      <c r="A14315">
        <v>167.67</v>
      </c>
      <c r="B14315">
        <v>175</v>
      </c>
      <c r="C14315">
        <v>9527.25</v>
      </c>
      <c r="D14315">
        <v>1.6</v>
      </c>
      <c r="E14315">
        <v>5111.9399999999996</v>
      </c>
      <c r="F14315">
        <v>71.690399999999997</v>
      </c>
    </row>
    <row r="14316" spans="1:6" x14ac:dyDescent="0.25">
      <c r="A14316">
        <v>167.67</v>
      </c>
      <c r="B14316">
        <v>175</v>
      </c>
      <c r="C14316">
        <v>9527.25</v>
      </c>
      <c r="D14316">
        <v>1.9</v>
      </c>
      <c r="E14316">
        <v>4987.7</v>
      </c>
      <c r="F14316">
        <v>69.316500000000005</v>
      </c>
    </row>
    <row r="14317" spans="1:6" x14ac:dyDescent="0.25">
      <c r="A14317">
        <v>167.67</v>
      </c>
      <c r="B14317">
        <v>175</v>
      </c>
      <c r="C14317">
        <v>9527.25</v>
      </c>
      <c r="D14317">
        <v>2.2000000000000002</v>
      </c>
      <c r="E14317">
        <v>4823.3500000000004</v>
      </c>
      <c r="F14317">
        <v>73.441599999999994</v>
      </c>
    </row>
    <row r="14318" spans="1:6" x14ac:dyDescent="0.25">
      <c r="A14318">
        <v>167.67</v>
      </c>
      <c r="B14318">
        <v>175</v>
      </c>
      <c r="C14318">
        <v>9527.25</v>
      </c>
      <c r="D14318">
        <v>2.5</v>
      </c>
      <c r="E14318">
        <v>4675.26</v>
      </c>
      <c r="F14318">
        <v>63.775199999999998</v>
      </c>
    </row>
    <row r="14319" spans="1:6" x14ac:dyDescent="0.25">
      <c r="A14319">
        <v>167.67</v>
      </c>
      <c r="B14319">
        <v>175</v>
      </c>
      <c r="C14319">
        <v>9527.25</v>
      </c>
      <c r="D14319">
        <v>2.8</v>
      </c>
      <c r="E14319">
        <v>4657.34</v>
      </c>
      <c r="F14319">
        <v>71.703800000000001</v>
      </c>
    </row>
    <row r="14320" spans="1:6" x14ac:dyDescent="0.25">
      <c r="A14320">
        <v>167.67</v>
      </c>
      <c r="B14320">
        <v>175</v>
      </c>
      <c r="C14320">
        <v>9527.25</v>
      </c>
      <c r="D14320">
        <v>3.1</v>
      </c>
      <c r="E14320">
        <v>4511.97</v>
      </c>
      <c r="F14320">
        <v>73.101900000000001</v>
      </c>
    </row>
    <row r="14321" spans="1:6" x14ac:dyDescent="0.25">
      <c r="A14321">
        <v>167.67</v>
      </c>
      <c r="B14321">
        <v>175</v>
      </c>
      <c r="C14321">
        <v>9527.25</v>
      </c>
      <c r="D14321">
        <v>3.4</v>
      </c>
      <c r="E14321">
        <v>4535.6400000000003</v>
      </c>
      <c r="F14321">
        <v>72.049800000000005</v>
      </c>
    </row>
    <row r="14322" spans="1:6" x14ac:dyDescent="0.25">
      <c r="A14322">
        <v>167.67</v>
      </c>
      <c r="B14322">
        <v>175</v>
      </c>
      <c r="C14322">
        <v>9527.25</v>
      </c>
      <c r="D14322">
        <v>3.7</v>
      </c>
      <c r="E14322">
        <v>4355.29</v>
      </c>
      <c r="F14322">
        <v>75.409700000000001</v>
      </c>
    </row>
    <row r="14323" spans="1:6" x14ac:dyDescent="0.25">
      <c r="A14323">
        <v>167.67</v>
      </c>
      <c r="B14323">
        <v>175</v>
      </c>
      <c r="C14323">
        <v>9527.25</v>
      </c>
      <c r="D14323">
        <v>4</v>
      </c>
      <c r="E14323">
        <v>4361.99</v>
      </c>
      <c r="F14323">
        <v>74.384699999999995</v>
      </c>
    </row>
    <row r="14324" spans="1:6" x14ac:dyDescent="0.25">
      <c r="A14324">
        <v>167.67</v>
      </c>
      <c r="B14324">
        <v>175</v>
      </c>
      <c r="C14324">
        <v>11072.7</v>
      </c>
      <c r="D14324">
        <v>1</v>
      </c>
      <c r="E14324">
        <v>5775.93</v>
      </c>
      <c r="F14324">
        <v>68.071700000000007</v>
      </c>
    </row>
    <row r="14325" spans="1:6" x14ac:dyDescent="0.25">
      <c r="A14325">
        <v>167.67</v>
      </c>
      <c r="B14325">
        <v>175</v>
      </c>
      <c r="C14325">
        <v>11072.7</v>
      </c>
      <c r="D14325">
        <v>1.3</v>
      </c>
      <c r="E14325">
        <v>5350.28</v>
      </c>
      <c r="F14325">
        <v>71.020300000000006</v>
      </c>
    </row>
    <row r="14326" spans="1:6" x14ac:dyDescent="0.25">
      <c r="A14326">
        <v>167.67</v>
      </c>
      <c r="B14326">
        <v>175</v>
      </c>
      <c r="C14326">
        <v>11072.7</v>
      </c>
      <c r="D14326">
        <v>1.6</v>
      </c>
      <c r="E14326">
        <v>5111.9399999999996</v>
      </c>
      <c r="F14326">
        <v>71.690399999999997</v>
      </c>
    </row>
    <row r="14327" spans="1:6" x14ac:dyDescent="0.25">
      <c r="A14327">
        <v>167.67</v>
      </c>
      <c r="B14327">
        <v>175</v>
      </c>
      <c r="C14327">
        <v>11072.7</v>
      </c>
      <c r="D14327">
        <v>1.9</v>
      </c>
      <c r="E14327">
        <v>4987.7</v>
      </c>
      <c r="F14327">
        <v>69.316500000000005</v>
      </c>
    </row>
    <row r="14328" spans="1:6" x14ac:dyDescent="0.25">
      <c r="A14328">
        <v>167.67</v>
      </c>
      <c r="B14328">
        <v>175</v>
      </c>
      <c r="C14328">
        <v>11072.7</v>
      </c>
      <c r="D14328">
        <v>2.2000000000000002</v>
      </c>
      <c r="E14328">
        <v>4823.3500000000004</v>
      </c>
      <c r="F14328">
        <v>73.441599999999994</v>
      </c>
    </row>
    <row r="14329" spans="1:6" x14ac:dyDescent="0.25">
      <c r="A14329">
        <v>167.67</v>
      </c>
      <c r="B14329">
        <v>175</v>
      </c>
      <c r="C14329">
        <v>11072.7</v>
      </c>
      <c r="D14329">
        <v>2.5</v>
      </c>
      <c r="E14329">
        <v>4675.26</v>
      </c>
      <c r="F14329">
        <v>63.775199999999998</v>
      </c>
    </row>
    <row r="14330" spans="1:6" x14ac:dyDescent="0.25">
      <c r="A14330">
        <v>167.67</v>
      </c>
      <c r="B14330">
        <v>175</v>
      </c>
      <c r="C14330">
        <v>11072.7</v>
      </c>
      <c r="D14330">
        <v>2.8</v>
      </c>
      <c r="E14330">
        <v>4657.34</v>
      </c>
      <c r="F14330">
        <v>71.703800000000001</v>
      </c>
    </row>
    <row r="14331" spans="1:6" x14ac:dyDescent="0.25">
      <c r="A14331">
        <v>167.67</v>
      </c>
      <c r="B14331">
        <v>175</v>
      </c>
      <c r="C14331">
        <v>11072.7</v>
      </c>
      <c r="D14331">
        <v>3.1</v>
      </c>
      <c r="E14331">
        <v>4511.97</v>
      </c>
      <c r="F14331">
        <v>73.101900000000001</v>
      </c>
    </row>
    <row r="14332" spans="1:6" x14ac:dyDescent="0.25">
      <c r="A14332">
        <v>167.67</v>
      </c>
      <c r="B14332">
        <v>175</v>
      </c>
      <c r="C14332">
        <v>11072.7</v>
      </c>
      <c r="D14332">
        <v>3.4</v>
      </c>
      <c r="E14332">
        <v>4535.6400000000003</v>
      </c>
      <c r="F14332">
        <v>72.049800000000005</v>
      </c>
    </row>
    <row r="14333" spans="1:6" x14ac:dyDescent="0.25">
      <c r="A14333">
        <v>167.67</v>
      </c>
      <c r="B14333">
        <v>175</v>
      </c>
      <c r="C14333">
        <v>11072.7</v>
      </c>
      <c r="D14333">
        <v>3.7</v>
      </c>
      <c r="E14333">
        <v>4355.29</v>
      </c>
      <c r="F14333">
        <v>75.409700000000001</v>
      </c>
    </row>
    <row r="14334" spans="1:6" x14ac:dyDescent="0.25">
      <c r="A14334">
        <v>167.67</v>
      </c>
      <c r="B14334">
        <v>175</v>
      </c>
      <c r="C14334">
        <v>11072.7</v>
      </c>
      <c r="D14334">
        <v>4</v>
      </c>
      <c r="E14334">
        <v>4361.99</v>
      </c>
      <c r="F14334">
        <v>74.384699999999995</v>
      </c>
    </row>
    <row r="14335" spans="1:6" x14ac:dyDescent="0.25">
      <c r="A14335">
        <v>167.67</v>
      </c>
      <c r="B14335">
        <v>175</v>
      </c>
      <c r="C14335">
        <v>12618.2</v>
      </c>
      <c r="D14335">
        <v>1</v>
      </c>
      <c r="E14335">
        <v>5775.93</v>
      </c>
      <c r="F14335">
        <v>68.071700000000007</v>
      </c>
    </row>
    <row r="14336" spans="1:6" x14ac:dyDescent="0.25">
      <c r="A14336">
        <v>167.67</v>
      </c>
      <c r="B14336">
        <v>175</v>
      </c>
      <c r="C14336">
        <v>12618.2</v>
      </c>
      <c r="D14336">
        <v>1.3</v>
      </c>
      <c r="E14336">
        <v>5350.28</v>
      </c>
      <c r="F14336">
        <v>71.020300000000006</v>
      </c>
    </row>
    <row r="14337" spans="1:6" x14ac:dyDescent="0.25">
      <c r="A14337">
        <v>167.67</v>
      </c>
      <c r="B14337">
        <v>175</v>
      </c>
      <c r="C14337">
        <v>12618.2</v>
      </c>
      <c r="D14337">
        <v>1.6</v>
      </c>
      <c r="E14337">
        <v>5111.9399999999996</v>
      </c>
      <c r="F14337">
        <v>71.690399999999997</v>
      </c>
    </row>
    <row r="14338" spans="1:6" x14ac:dyDescent="0.25">
      <c r="A14338">
        <v>167.67</v>
      </c>
      <c r="B14338">
        <v>175</v>
      </c>
      <c r="C14338">
        <v>12618.2</v>
      </c>
      <c r="D14338">
        <v>1.9</v>
      </c>
      <c r="E14338">
        <v>4987.7</v>
      </c>
      <c r="F14338">
        <v>69.316500000000005</v>
      </c>
    </row>
    <row r="14339" spans="1:6" x14ac:dyDescent="0.25">
      <c r="A14339">
        <v>167.67</v>
      </c>
      <c r="B14339">
        <v>175</v>
      </c>
      <c r="C14339">
        <v>12618.2</v>
      </c>
      <c r="D14339">
        <v>2.2000000000000002</v>
      </c>
      <c r="E14339">
        <v>4823.3500000000004</v>
      </c>
      <c r="F14339">
        <v>73.441599999999994</v>
      </c>
    </row>
    <row r="14340" spans="1:6" x14ac:dyDescent="0.25">
      <c r="A14340">
        <v>167.67</v>
      </c>
      <c r="B14340">
        <v>175</v>
      </c>
      <c r="C14340">
        <v>12618.2</v>
      </c>
      <c r="D14340">
        <v>2.5</v>
      </c>
      <c r="E14340">
        <v>4675.26</v>
      </c>
      <c r="F14340">
        <v>63.775199999999998</v>
      </c>
    </row>
    <row r="14341" spans="1:6" x14ac:dyDescent="0.25">
      <c r="A14341">
        <v>167.67</v>
      </c>
      <c r="B14341">
        <v>175</v>
      </c>
      <c r="C14341">
        <v>12618.2</v>
      </c>
      <c r="D14341">
        <v>2.8</v>
      </c>
      <c r="E14341">
        <v>4657.34</v>
      </c>
      <c r="F14341">
        <v>71.703800000000001</v>
      </c>
    </row>
    <row r="14342" spans="1:6" x14ac:dyDescent="0.25">
      <c r="A14342">
        <v>167.67</v>
      </c>
      <c r="B14342">
        <v>175</v>
      </c>
      <c r="C14342">
        <v>12618.2</v>
      </c>
      <c r="D14342">
        <v>3.1</v>
      </c>
      <c r="E14342">
        <v>4511.97</v>
      </c>
      <c r="F14342">
        <v>73.101900000000001</v>
      </c>
    </row>
    <row r="14343" spans="1:6" x14ac:dyDescent="0.25">
      <c r="A14343">
        <v>167.67</v>
      </c>
      <c r="B14343">
        <v>175</v>
      </c>
      <c r="C14343">
        <v>12618.2</v>
      </c>
      <c r="D14343">
        <v>3.4</v>
      </c>
      <c r="E14343">
        <v>4535.6400000000003</v>
      </c>
      <c r="F14343">
        <v>72.049800000000005</v>
      </c>
    </row>
    <row r="14344" spans="1:6" x14ac:dyDescent="0.25">
      <c r="A14344">
        <v>167.67</v>
      </c>
      <c r="B14344">
        <v>175</v>
      </c>
      <c r="C14344">
        <v>12618.2</v>
      </c>
      <c r="D14344">
        <v>3.7</v>
      </c>
      <c r="E14344">
        <v>4355.29</v>
      </c>
      <c r="F14344">
        <v>75.409700000000001</v>
      </c>
    </row>
    <row r="14345" spans="1:6" x14ac:dyDescent="0.25">
      <c r="A14345">
        <v>167.67</v>
      </c>
      <c r="B14345">
        <v>175</v>
      </c>
      <c r="C14345">
        <v>12618.2</v>
      </c>
      <c r="D14345">
        <v>4</v>
      </c>
      <c r="E14345">
        <v>4361.99</v>
      </c>
      <c r="F14345">
        <v>74.384699999999995</v>
      </c>
    </row>
    <row r="14346" spans="1:6" x14ac:dyDescent="0.25">
      <c r="A14346">
        <v>167.67</v>
      </c>
      <c r="B14346">
        <v>175</v>
      </c>
      <c r="C14346">
        <v>14163.6</v>
      </c>
      <c r="D14346">
        <v>1</v>
      </c>
      <c r="E14346">
        <v>5775.93</v>
      </c>
      <c r="F14346">
        <v>68.071700000000007</v>
      </c>
    </row>
    <row r="14347" spans="1:6" x14ac:dyDescent="0.25">
      <c r="A14347">
        <v>167.67</v>
      </c>
      <c r="B14347">
        <v>175</v>
      </c>
      <c r="C14347">
        <v>14163.6</v>
      </c>
      <c r="D14347">
        <v>1.3</v>
      </c>
      <c r="E14347">
        <v>5350.28</v>
      </c>
      <c r="F14347">
        <v>71.020300000000006</v>
      </c>
    </row>
    <row r="14348" spans="1:6" x14ac:dyDescent="0.25">
      <c r="A14348">
        <v>167.67</v>
      </c>
      <c r="B14348">
        <v>175</v>
      </c>
      <c r="C14348">
        <v>14163.6</v>
      </c>
      <c r="D14348">
        <v>1.6</v>
      </c>
      <c r="E14348">
        <v>5111.9399999999996</v>
      </c>
      <c r="F14348">
        <v>71.690399999999997</v>
      </c>
    </row>
    <row r="14349" spans="1:6" x14ac:dyDescent="0.25">
      <c r="A14349">
        <v>167.67</v>
      </c>
      <c r="B14349">
        <v>175</v>
      </c>
      <c r="C14349">
        <v>14163.6</v>
      </c>
      <c r="D14349">
        <v>1.9</v>
      </c>
      <c r="E14349">
        <v>4987.7</v>
      </c>
      <c r="F14349">
        <v>69.316500000000005</v>
      </c>
    </row>
    <row r="14350" spans="1:6" x14ac:dyDescent="0.25">
      <c r="A14350">
        <v>167.67</v>
      </c>
      <c r="B14350">
        <v>175</v>
      </c>
      <c r="C14350">
        <v>14163.6</v>
      </c>
      <c r="D14350">
        <v>2.2000000000000002</v>
      </c>
      <c r="E14350">
        <v>4823.3500000000004</v>
      </c>
      <c r="F14350">
        <v>73.441599999999994</v>
      </c>
    </row>
    <row r="14351" spans="1:6" x14ac:dyDescent="0.25">
      <c r="A14351">
        <v>167.67</v>
      </c>
      <c r="B14351">
        <v>175</v>
      </c>
      <c r="C14351">
        <v>14163.6</v>
      </c>
      <c r="D14351">
        <v>2.5</v>
      </c>
      <c r="E14351">
        <v>4675.26</v>
      </c>
      <c r="F14351">
        <v>63.775199999999998</v>
      </c>
    </row>
    <row r="14352" spans="1:6" x14ac:dyDescent="0.25">
      <c r="A14352">
        <v>167.67</v>
      </c>
      <c r="B14352">
        <v>175</v>
      </c>
      <c r="C14352">
        <v>14163.6</v>
      </c>
      <c r="D14352">
        <v>2.8</v>
      </c>
      <c r="E14352">
        <v>4657.34</v>
      </c>
      <c r="F14352">
        <v>71.703800000000001</v>
      </c>
    </row>
    <row r="14353" spans="1:6" x14ac:dyDescent="0.25">
      <c r="A14353">
        <v>167.67</v>
      </c>
      <c r="B14353">
        <v>175</v>
      </c>
      <c r="C14353">
        <v>14163.6</v>
      </c>
      <c r="D14353">
        <v>3.1</v>
      </c>
      <c r="E14353">
        <v>4511.97</v>
      </c>
      <c r="F14353">
        <v>73.101900000000001</v>
      </c>
    </row>
    <row r="14354" spans="1:6" x14ac:dyDescent="0.25">
      <c r="A14354">
        <v>167.67</v>
      </c>
      <c r="B14354">
        <v>175</v>
      </c>
      <c r="C14354">
        <v>14163.6</v>
      </c>
      <c r="D14354">
        <v>3.4</v>
      </c>
      <c r="E14354">
        <v>4535.6400000000003</v>
      </c>
      <c r="F14354">
        <v>72.049800000000005</v>
      </c>
    </row>
    <row r="14355" spans="1:6" x14ac:dyDescent="0.25">
      <c r="A14355">
        <v>167.67</v>
      </c>
      <c r="B14355">
        <v>175</v>
      </c>
      <c r="C14355">
        <v>14163.6</v>
      </c>
      <c r="D14355">
        <v>3.7</v>
      </c>
      <c r="E14355">
        <v>4355.29</v>
      </c>
      <c r="F14355">
        <v>75.409700000000001</v>
      </c>
    </row>
    <row r="14356" spans="1:6" x14ac:dyDescent="0.25">
      <c r="A14356">
        <v>167.67</v>
      </c>
      <c r="B14356">
        <v>175</v>
      </c>
      <c r="C14356">
        <v>14163.6</v>
      </c>
      <c r="D14356">
        <v>4</v>
      </c>
      <c r="E14356">
        <v>4361.99</v>
      </c>
      <c r="F14356">
        <v>74.384699999999995</v>
      </c>
    </row>
    <row r="14357" spans="1:6" x14ac:dyDescent="0.25">
      <c r="A14357">
        <v>167.67</v>
      </c>
      <c r="B14357">
        <v>175</v>
      </c>
      <c r="C14357">
        <v>15709.1</v>
      </c>
      <c r="D14357">
        <v>1</v>
      </c>
      <c r="E14357">
        <v>5775.93</v>
      </c>
      <c r="F14357">
        <v>68.071700000000007</v>
      </c>
    </row>
    <row r="14358" spans="1:6" x14ac:dyDescent="0.25">
      <c r="A14358">
        <v>167.67</v>
      </c>
      <c r="B14358">
        <v>175</v>
      </c>
      <c r="C14358">
        <v>15709.1</v>
      </c>
      <c r="D14358">
        <v>1.3</v>
      </c>
      <c r="E14358">
        <v>5350.28</v>
      </c>
      <c r="F14358">
        <v>71.020300000000006</v>
      </c>
    </row>
    <row r="14359" spans="1:6" x14ac:dyDescent="0.25">
      <c r="A14359">
        <v>167.67</v>
      </c>
      <c r="B14359">
        <v>175</v>
      </c>
      <c r="C14359">
        <v>15709.1</v>
      </c>
      <c r="D14359">
        <v>1.6</v>
      </c>
      <c r="E14359">
        <v>5111.9399999999996</v>
      </c>
      <c r="F14359">
        <v>71.690399999999997</v>
      </c>
    </row>
    <row r="14360" spans="1:6" x14ac:dyDescent="0.25">
      <c r="A14360">
        <v>167.67</v>
      </c>
      <c r="B14360">
        <v>175</v>
      </c>
      <c r="C14360">
        <v>15709.1</v>
      </c>
      <c r="D14360">
        <v>1.9</v>
      </c>
      <c r="E14360">
        <v>4987.7</v>
      </c>
      <c r="F14360">
        <v>69.316500000000005</v>
      </c>
    </row>
    <row r="14361" spans="1:6" x14ac:dyDescent="0.25">
      <c r="A14361">
        <v>167.67</v>
      </c>
      <c r="B14361">
        <v>175</v>
      </c>
      <c r="C14361">
        <v>15709.1</v>
      </c>
      <c r="D14361">
        <v>2.2000000000000002</v>
      </c>
      <c r="E14361">
        <v>4823.3500000000004</v>
      </c>
      <c r="F14361">
        <v>73.441599999999994</v>
      </c>
    </row>
    <row r="14362" spans="1:6" x14ac:dyDescent="0.25">
      <c r="A14362">
        <v>167.67</v>
      </c>
      <c r="B14362">
        <v>175</v>
      </c>
      <c r="C14362">
        <v>15709.1</v>
      </c>
      <c r="D14362">
        <v>2.5</v>
      </c>
      <c r="E14362">
        <v>4675.26</v>
      </c>
      <c r="F14362">
        <v>63.775199999999998</v>
      </c>
    </row>
    <row r="14363" spans="1:6" x14ac:dyDescent="0.25">
      <c r="A14363">
        <v>167.67</v>
      </c>
      <c r="B14363">
        <v>175</v>
      </c>
      <c r="C14363">
        <v>15709.1</v>
      </c>
      <c r="D14363">
        <v>2.8</v>
      </c>
      <c r="E14363">
        <v>4657.34</v>
      </c>
      <c r="F14363">
        <v>71.703800000000001</v>
      </c>
    </row>
    <row r="14364" spans="1:6" x14ac:dyDescent="0.25">
      <c r="A14364">
        <v>167.67</v>
      </c>
      <c r="B14364">
        <v>175</v>
      </c>
      <c r="C14364">
        <v>15709.1</v>
      </c>
      <c r="D14364">
        <v>3.1</v>
      </c>
      <c r="E14364">
        <v>4511.97</v>
      </c>
      <c r="F14364">
        <v>73.101900000000001</v>
      </c>
    </row>
    <row r="14365" spans="1:6" x14ac:dyDescent="0.25">
      <c r="A14365">
        <v>167.67</v>
      </c>
      <c r="B14365">
        <v>175</v>
      </c>
      <c r="C14365">
        <v>15709.1</v>
      </c>
      <c r="D14365">
        <v>3.4</v>
      </c>
      <c r="E14365">
        <v>4535.6400000000003</v>
      </c>
      <c r="F14365">
        <v>72.049800000000005</v>
      </c>
    </row>
    <row r="14366" spans="1:6" x14ac:dyDescent="0.25">
      <c r="A14366">
        <v>167.67</v>
      </c>
      <c r="B14366">
        <v>175</v>
      </c>
      <c r="C14366">
        <v>15709.1</v>
      </c>
      <c r="D14366">
        <v>3.7</v>
      </c>
      <c r="E14366">
        <v>4355.29</v>
      </c>
      <c r="F14366">
        <v>75.409700000000001</v>
      </c>
    </row>
    <row r="14367" spans="1:6" x14ac:dyDescent="0.25">
      <c r="A14367">
        <v>167.67</v>
      </c>
      <c r="B14367">
        <v>175</v>
      </c>
      <c r="C14367">
        <v>15709.1</v>
      </c>
      <c r="D14367">
        <v>4</v>
      </c>
      <c r="E14367">
        <v>4361.99</v>
      </c>
      <c r="F14367">
        <v>74.384699999999995</v>
      </c>
    </row>
    <row r="14368" spans="1:6" x14ac:dyDescent="0.25">
      <c r="A14368">
        <v>167.67</v>
      </c>
      <c r="B14368">
        <v>175</v>
      </c>
      <c r="C14368">
        <v>17254.5</v>
      </c>
      <c r="D14368">
        <v>1</v>
      </c>
      <c r="E14368">
        <v>5775.93</v>
      </c>
      <c r="F14368">
        <v>68.071700000000007</v>
      </c>
    </row>
    <row r="14369" spans="1:6" x14ac:dyDescent="0.25">
      <c r="A14369">
        <v>167.67</v>
      </c>
      <c r="B14369">
        <v>175</v>
      </c>
      <c r="C14369">
        <v>17254.5</v>
      </c>
      <c r="D14369">
        <v>1.3</v>
      </c>
      <c r="E14369">
        <v>5350.28</v>
      </c>
      <c r="F14369">
        <v>71.020300000000006</v>
      </c>
    </row>
    <row r="14370" spans="1:6" x14ac:dyDescent="0.25">
      <c r="A14370">
        <v>167.67</v>
      </c>
      <c r="B14370">
        <v>175</v>
      </c>
      <c r="C14370">
        <v>17254.5</v>
      </c>
      <c r="D14370">
        <v>1.6</v>
      </c>
      <c r="E14370">
        <v>5111.9399999999996</v>
      </c>
      <c r="F14370">
        <v>71.690399999999997</v>
      </c>
    </row>
    <row r="14371" spans="1:6" x14ac:dyDescent="0.25">
      <c r="A14371">
        <v>167.67</v>
      </c>
      <c r="B14371">
        <v>175</v>
      </c>
      <c r="C14371">
        <v>17254.5</v>
      </c>
      <c r="D14371">
        <v>1.9</v>
      </c>
      <c r="E14371">
        <v>4987.7</v>
      </c>
      <c r="F14371">
        <v>69.316500000000005</v>
      </c>
    </row>
    <row r="14372" spans="1:6" x14ac:dyDescent="0.25">
      <c r="A14372">
        <v>167.67</v>
      </c>
      <c r="B14372">
        <v>175</v>
      </c>
      <c r="C14372">
        <v>17254.5</v>
      </c>
      <c r="D14372">
        <v>2.2000000000000002</v>
      </c>
      <c r="E14372">
        <v>4823.3500000000004</v>
      </c>
      <c r="F14372">
        <v>73.441599999999994</v>
      </c>
    </row>
    <row r="14373" spans="1:6" x14ac:dyDescent="0.25">
      <c r="A14373">
        <v>167.67</v>
      </c>
      <c r="B14373">
        <v>175</v>
      </c>
      <c r="C14373">
        <v>17254.5</v>
      </c>
      <c r="D14373">
        <v>2.5</v>
      </c>
      <c r="E14373">
        <v>4675.26</v>
      </c>
      <c r="F14373">
        <v>63.775199999999998</v>
      </c>
    </row>
    <row r="14374" spans="1:6" x14ac:dyDescent="0.25">
      <c r="A14374">
        <v>167.67</v>
      </c>
      <c r="B14374">
        <v>175</v>
      </c>
      <c r="C14374">
        <v>17254.5</v>
      </c>
      <c r="D14374">
        <v>2.8</v>
      </c>
      <c r="E14374">
        <v>4657.34</v>
      </c>
      <c r="F14374">
        <v>71.703800000000001</v>
      </c>
    </row>
    <row r="14375" spans="1:6" x14ac:dyDescent="0.25">
      <c r="A14375">
        <v>167.67</v>
      </c>
      <c r="B14375">
        <v>175</v>
      </c>
      <c r="C14375">
        <v>17254.5</v>
      </c>
      <c r="D14375">
        <v>3.1</v>
      </c>
      <c r="E14375">
        <v>4511.97</v>
      </c>
      <c r="F14375">
        <v>73.101900000000001</v>
      </c>
    </row>
    <row r="14376" spans="1:6" x14ac:dyDescent="0.25">
      <c r="A14376">
        <v>167.67</v>
      </c>
      <c r="B14376">
        <v>175</v>
      </c>
      <c r="C14376">
        <v>17254.5</v>
      </c>
      <c r="D14376">
        <v>3.4</v>
      </c>
      <c r="E14376">
        <v>4535.6400000000003</v>
      </c>
      <c r="F14376">
        <v>72.049800000000005</v>
      </c>
    </row>
    <row r="14377" spans="1:6" x14ac:dyDescent="0.25">
      <c r="A14377">
        <v>167.67</v>
      </c>
      <c r="B14377">
        <v>175</v>
      </c>
      <c r="C14377">
        <v>17254.5</v>
      </c>
      <c r="D14377">
        <v>3.7</v>
      </c>
      <c r="E14377">
        <v>4355.29</v>
      </c>
      <c r="F14377">
        <v>75.409700000000001</v>
      </c>
    </row>
    <row r="14378" spans="1:6" x14ac:dyDescent="0.25">
      <c r="A14378">
        <v>167.67</v>
      </c>
      <c r="B14378">
        <v>175</v>
      </c>
      <c r="C14378">
        <v>17254.5</v>
      </c>
      <c r="D14378">
        <v>4</v>
      </c>
      <c r="E14378">
        <v>4361.99</v>
      </c>
      <c r="F14378">
        <v>74.384699999999995</v>
      </c>
    </row>
    <row r="14379" spans="1:6" x14ac:dyDescent="0.25">
      <c r="A14379">
        <v>167.67</v>
      </c>
      <c r="B14379">
        <v>175</v>
      </c>
      <c r="C14379">
        <v>18800</v>
      </c>
      <c r="D14379">
        <v>1</v>
      </c>
      <c r="E14379">
        <v>5775.93</v>
      </c>
      <c r="F14379">
        <v>68.071700000000007</v>
      </c>
    </row>
    <row r="14380" spans="1:6" x14ac:dyDescent="0.25">
      <c r="A14380">
        <v>167.67</v>
      </c>
      <c r="B14380">
        <v>175</v>
      </c>
      <c r="C14380">
        <v>18800</v>
      </c>
      <c r="D14380">
        <v>1.3</v>
      </c>
      <c r="E14380">
        <v>5350.28</v>
      </c>
      <c r="F14380">
        <v>71.020300000000006</v>
      </c>
    </row>
    <row r="14381" spans="1:6" x14ac:dyDescent="0.25">
      <c r="A14381">
        <v>167.67</v>
      </c>
      <c r="B14381">
        <v>175</v>
      </c>
      <c r="C14381">
        <v>18800</v>
      </c>
      <c r="D14381">
        <v>1.6</v>
      </c>
      <c r="E14381">
        <v>5111.9399999999996</v>
      </c>
      <c r="F14381">
        <v>71.690399999999997</v>
      </c>
    </row>
    <row r="14382" spans="1:6" x14ac:dyDescent="0.25">
      <c r="A14382">
        <v>167.67</v>
      </c>
      <c r="B14382">
        <v>175</v>
      </c>
      <c r="C14382">
        <v>18800</v>
      </c>
      <c r="D14382">
        <v>1.9</v>
      </c>
      <c r="E14382">
        <v>4987.7</v>
      </c>
      <c r="F14382">
        <v>69.316500000000005</v>
      </c>
    </row>
    <row r="14383" spans="1:6" x14ac:dyDescent="0.25">
      <c r="A14383">
        <v>167.67</v>
      </c>
      <c r="B14383">
        <v>175</v>
      </c>
      <c r="C14383">
        <v>18800</v>
      </c>
      <c r="D14383">
        <v>2.2000000000000002</v>
      </c>
      <c r="E14383">
        <v>4823.3500000000004</v>
      </c>
      <c r="F14383">
        <v>73.441599999999994</v>
      </c>
    </row>
    <row r="14384" spans="1:6" x14ac:dyDescent="0.25">
      <c r="A14384">
        <v>167.67</v>
      </c>
      <c r="B14384">
        <v>175</v>
      </c>
      <c r="C14384">
        <v>18800</v>
      </c>
      <c r="D14384">
        <v>2.5</v>
      </c>
      <c r="E14384">
        <v>4675.26</v>
      </c>
      <c r="F14384">
        <v>63.775199999999998</v>
      </c>
    </row>
    <row r="14385" spans="1:6" x14ac:dyDescent="0.25">
      <c r="A14385">
        <v>167.67</v>
      </c>
      <c r="B14385">
        <v>175</v>
      </c>
      <c r="C14385">
        <v>18800</v>
      </c>
      <c r="D14385">
        <v>2.8</v>
      </c>
      <c r="E14385">
        <v>4657.34</v>
      </c>
      <c r="F14385">
        <v>71.703800000000001</v>
      </c>
    </row>
    <row r="14386" spans="1:6" x14ac:dyDescent="0.25">
      <c r="A14386">
        <v>167.67</v>
      </c>
      <c r="B14386">
        <v>175</v>
      </c>
      <c r="C14386">
        <v>18800</v>
      </c>
      <c r="D14386">
        <v>3.1</v>
      </c>
      <c r="E14386">
        <v>4511.97</v>
      </c>
      <c r="F14386">
        <v>73.101900000000001</v>
      </c>
    </row>
    <row r="14387" spans="1:6" x14ac:dyDescent="0.25">
      <c r="A14387">
        <v>167.67</v>
      </c>
      <c r="B14387">
        <v>175</v>
      </c>
      <c r="C14387">
        <v>18800</v>
      </c>
      <c r="D14387">
        <v>3.4</v>
      </c>
      <c r="E14387">
        <v>4535.6400000000003</v>
      </c>
      <c r="F14387">
        <v>72.049800000000005</v>
      </c>
    </row>
    <row r="14388" spans="1:6" x14ac:dyDescent="0.25">
      <c r="A14388">
        <v>167.67</v>
      </c>
      <c r="B14388">
        <v>175</v>
      </c>
      <c r="C14388">
        <v>18800</v>
      </c>
      <c r="D14388">
        <v>3.7</v>
      </c>
      <c r="E14388">
        <v>4355.29</v>
      </c>
      <c r="F14388">
        <v>75.409700000000001</v>
      </c>
    </row>
    <row r="14389" spans="1:6" x14ac:dyDescent="0.25">
      <c r="A14389">
        <v>167.67</v>
      </c>
      <c r="B14389">
        <v>175</v>
      </c>
      <c r="C14389">
        <v>18800</v>
      </c>
      <c r="D14389">
        <v>4</v>
      </c>
      <c r="E14389">
        <v>4361.99</v>
      </c>
      <c r="F14389">
        <v>74.384699999999995</v>
      </c>
    </row>
    <row r="14390" spans="1:6" x14ac:dyDescent="0.25">
      <c r="A14390">
        <v>167.67</v>
      </c>
      <c r="B14390">
        <v>178.63</v>
      </c>
      <c r="C14390">
        <v>1800</v>
      </c>
      <c r="D14390">
        <v>1</v>
      </c>
      <c r="E14390">
        <v>5200.8500000000004</v>
      </c>
      <c r="F14390">
        <v>68.071700000000007</v>
      </c>
    </row>
    <row r="14391" spans="1:6" x14ac:dyDescent="0.25">
      <c r="A14391">
        <v>167.67</v>
      </c>
      <c r="B14391">
        <v>178.63</v>
      </c>
      <c r="C14391">
        <v>1800</v>
      </c>
      <c r="D14391">
        <v>1.3</v>
      </c>
      <c r="E14391">
        <v>4586.66</v>
      </c>
      <c r="F14391">
        <v>71.020300000000006</v>
      </c>
    </row>
    <row r="14392" spans="1:6" x14ac:dyDescent="0.25">
      <c r="A14392">
        <v>167.67</v>
      </c>
      <c r="B14392">
        <v>178.63</v>
      </c>
      <c r="C14392">
        <v>1800</v>
      </c>
      <c r="D14392">
        <v>1.6</v>
      </c>
      <c r="E14392">
        <v>4230.63</v>
      </c>
      <c r="F14392">
        <v>71.690399999999997</v>
      </c>
    </row>
    <row r="14393" spans="1:6" x14ac:dyDescent="0.25">
      <c r="A14393">
        <v>167.67</v>
      </c>
      <c r="B14393">
        <v>178.63</v>
      </c>
      <c r="C14393">
        <v>1800</v>
      </c>
      <c r="D14393">
        <v>1.9</v>
      </c>
      <c r="E14393">
        <v>3934.15</v>
      </c>
      <c r="F14393">
        <v>69.316500000000005</v>
      </c>
    </row>
    <row r="14394" spans="1:6" x14ac:dyDescent="0.25">
      <c r="A14394">
        <v>167.67</v>
      </c>
      <c r="B14394">
        <v>178.63</v>
      </c>
      <c r="C14394">
        <v>1800</v>
      </c>
      <c r="D14394">
        <v>2.2000000000000002</v>
      </c>
      <c r="E14394">
        <v>3830.16</v>
      </c>
      <c r="F14394">
        <v>70.762</v>
      </c>
    </row>
    <row r="14395" spans="1:6" x14ac:dyDescent="0.25">
      <c r="A14395">
        <v>167.67</v>
      </c>
      <c r="B14395">
        <v>178.63</v>
      </c>
      <c r="C14395">
        <v>1800</v>
      </c>
      <c r="D14395">
        <v>2.5</v>
      </c>
      <c r="E14395">
        <v>3648.98</v>
      </c>
      <c r="F14395">
        <v>58.161099999999998</v>
      </c>
    </row>
    <row r="14396" spans="1:6" x14ac:dyDescent="0.25">
      <c r="A14396">
        <v>167.67</v>
      </c>
      <c r="B14396">
        <v>178.63</v>
      </c>
      <c r="C14396">
        <v>1800</v>
      </c>
      <c r="D14396">
        <v>2.8</v>
      </c>
      <c r="E14396">
        <v>3459.14</v>
      </c>
      <c r="F14396">
        <v>67.951499999999996</v>
      </c>
    </row>
    <row r="14397" spans="1:6" x14ac:dyDescent="0.25">
      <c r="A14397">
        <v>167.67</v>
      </c>
      <c r="B14397">
        <v>178.63</v>
      </c>
      <c r="C14397">
        <v>1800</v>
      </c>
      <c r="D14397">
        <v>3.1</v>
      </c>
      <c r="E14397">
        <v>3375.88</v>
      </c>
      <c r="F14397">
        <v>69.2072</v>
      </c>
    </row>
    <row r="14398" spans="1:6" x14ac:dyDescent="0.25">
      <c r="A14398">
        <v>167.67</v>
      </c>
      <c r="B14398">
        <v>178.63</v>
      </c>
      <c r="C14398">
        <v>1800</v>
      </c>
      <c r="D14398">
        <v>3.4</v>
      </c>
      <c r="E14398">
        <v>3378.64</v>
      </c>
      <c r="F14398">
        <v>62.561599999999999</v>
      </c>
    </row>
    <row r="14399" spans="1:6" x14ac:dyDescent="0.25">
      <c r="A14399">
        <v>167.67</v>
      </c>
      <c r="B14399">
        <v>178.63</v>
      </c>
      <c r="C14399">
        <v>1800</v>
      </c>
      <c r="D14399">
        <v>3.7</v>
      </c>
      <c r="E14399">
        <v>3285.71</v>
      </c>
      <c r="F14399">
        <v>64.258499999999998</v>
      </c>
    </row>
    <row r="14400" spans="1:6" x14ac:dyDescent="0.25">
      <c r="A14400">
        <v>167.67</v>
      </c>
      <c r="B14400">
        <v>178.63</v>
      </c>
      <c r="C14400">
        <v>1800</v>
      </c>
      <c r="D14400">
        <v>4</v>
      </c>
      <c r="E14400">
        <v>3219.34</v>
      </c>
      <c r="F14400">
        <v>65.158500000000004</v>
      </c>
    </row>
    <row r="14401" spans="1:6" x14ac:dyDescent="0.25">
      <c r="A14401">
        <v>167.67</v>
      </c>
      <c r="B14401">
        <v>178.63</v>
      </c>
      <c r="C14401">
        <v>3345.45</v>
      </c>
      <c r="D14401">
        <v>1</v>
      </c>
      <c r="E14401">
        <v>5775.93</v>
      </c>
      <c r="F14401">
        <v>68.071700000000007</v>
      </c>
    </row>
    <row r="14402" spans="1:6" x14ac:dyDescent="0.25">
      <c r="A14402">
        <v>167.67</v>
      </c>
      <c r="B14402">
        <v>178.63</v>
      </c>
      <c r="C14402">
        <v>3345.45</v>
      </c>
      <c r="D14402">
        <v>1.3</v>
      </c>
      <c r="E14402">
        <v>5350.28</v>
      </c>
      <c r="F14402">
        <v>71.020300000000006</v>
      </c>
    </row>
    <row r="14403" spans="1:6" x14ac:dyDescent="0.25">
      <c r="A14403">
        <v>167.67</v>
      </c>
      <c r="B14403">
        <v>178.63</v>
      </c>
      <c r="C14403">
        <v>3345.45</v>
      </c>
      <c r="D14403">
        <v>1.6</v>
      </c>
      <c r="E14403">
        <v>5111.9399999999996</v>
      </c>
      <c r="F14403">
        <v>71.690399999999997</v>
      </c>
    </row>
    <row r="14404" spans="1:6" x14ac:dyDescent="0.25">
      <c r="A14404">
        <v>167.67</v>
      </c>
      <c r="B14404">
        <v>178.63</v>
      </c>
      <c r="C14404">
        <v>3345.45</v>
      </c>
      <c r="D14404">
        <v>1.9</v>
      </c>
      <c r="E14404">
        <v>4987.7</v>
      </c>
      <c r="F14404">
        <v>69.316500000000005</v>
      </c>
    </row>
    <row r="14405" spans="1:6" x14ac:dyDescent="0.25">
      <c r="A14405">
        <v>167.67</v>
      </c>
      <c r="B14405">
        <v>178.63</v>
      </c>
      <c r="C14405">
        <v>3345.45</v>
      </c>
      <c r="D14405">
        <v>2.2000000000000002</v>
      </c>
      <c r="E14405">
        <v>4823.3500000000004</v>
      </c>
      <c r="F14405">
        <v>73.441599999999994</v>
      </c>
    </row>
    <row r="14406" spans="1:6" x14ac:dyDescent="0.25">
      <c r="A14406">
        <v>167.67</v>
      </c>
      <c r="B14406">
        <v>178.63</v>
      </c>
      <c r="C14406">
        <v>3345.45</v>
      </c>
      <c r="D14406">
        <v>2.5</v>
      </c>
      <c r="E14406">
        <v>4675.26</v>
      </c>
      <c r="F14406">
        <v>63.775199999999998</v>
      </c>
    </row>
    <row r="14407" spans="1:6" x14ac:dyDescent="0.25">
      <c r="A14407">
        <v>167.67</v>
      </c>
      <c r="B14407">
        <v>178.63</v>
      </c>
      <c r="C14407">
        <v>3345.45</v>
      </c>
      <c r="D14407">
        <v>2.8</v>
      </c>
      <c r="E14407">
        <v>4569.03</v>
      </c>
      <c r="F14407">
        <v>71.703800000000001</v>
      </c>
    </row>
    <row r="14408" spans="1:6" x14ac:dyDescent="0.25">
      <c r="A14408">
        <v>167.67</v>
      </c>
      <c r="B14408">
        <v>178.63</v>
      </c>
      <c r="C14408">
        <v>3345.45</v>
      </c>
      <c r="D14408">
        <v>3.1</v>
      </c>
      <c r="E14408">
        <v>4624.3599999999997</v>
      </c>
      <c r="F14408">
        <v>73.101900000000001</v>
      </c>
    </row>
    <row r="14409" spans="1:6" x14ac:dyDescent="0.25">
      <c r="A14409">
        <v>167.67</v>
      </c>
      <c r="B14409">
        <v>178.63</v>
      </c>
      <c r="C14409">
        <v>3345.45</v>
      </c>
      <c r="D14409">
        <v>3.4</v>
      </c>
      <c r="E14409">
        <v>4535.6400000000003</v>
      </c>
      <c r="F14409">
        <v>72.049800000000005</v>
      </c>
    </row>
    <row r="14410" spans="1:6" x14ac:dyDescent="0.25">
      <c r="A14410">
        <v>167.67</v>
      </c>
      <c r="B14410">
        <v>178.63</v>
      </c>
      <c r="C14410">
        <v>3345.45</v>
      </c>
      <c r="D14410">
        <v>3.7</v>
      </c>
      <c r="E14410">
        <v>4462.8500000000004</v>
      </c>
      <c r="F14410">
        <v>75.409700000000001</v>
      </c>
    </row>
    <row r="14411" spans="1:6" x14ac:dyDescent="0.25">
      <c r="A14411">
        <v>167.67</v>
      </c>
      <c r="B14411">
        <v>178.63</v>
      </c>
      <c r="C14411">
        <v>3345.45</v>
      </c>
      <c r="D14411">
        <v>4</v>
      </c>
      <c r="E14411">
        <v>4361.99</v>
      </c>
      <c r="F14411">
        <v>74.384699999999995</v>
      </c>
    </row>
    <row r="14412" spans="1:6" x14ac:dyDescent="0.25">
      <c r="A14412">
        <v>167.67</v>
      </c>
      <c r="B14412">
        <v>178.63</v>
      </c>
      <c r="C14412">
        <v>4890.8999999999996</v>
      </c>
      <c r="D14412">
        <v>1</v>
      </c>
      <c r="E14412">
        <v>5775.93</v>
      </c>
      <c r="F14412">
        <v>68.071700000000007</v>
      </c>
    </row>
    <row r="14413" spans="1:6" x14ac:dyDescent="0.25">
      <c r="A14413">
        <v>167.67</v>
      </c>
      <c r="B14413">
        <v>178.63</v>
      </c>
      <c r="C14413">
        <v>4890.8999999999996</v>
      </c>
      <c r="D14413">
        <v>1.3</v>
      </c>
      <c r="E14413">
        <v>5350.28</v>
      </c>
      <c r="F14413">
        <v>71.020300000000006</v>
      </c>
    </row>
    <row r="14414" spans="1:6" x14ac:dyDescent="0.25">
      <c r="A14414">
        <v>167.67</v>
      </c>
      <c r="B14414">
        <v>178.63</v>
      </c>
      <c r="C14414">
        <v>4890.8999999999996</v>
      </c>
      <c r="D14414">
        <v>1.6</v>
      </c>
      <c r="E14414">
        <v>5111.9399999999996</v>
      </c>
      <c r="F14414">
        <v>71.690399999999997</v>
      </c>
    </row>
    <row r="14415" spans="1:6" x14ac:dyDescent="0.25">
      <c r="A14415">
        <v>167.67</v>
      </c>
      <c r="B14415">
        <v>178.63</v>
      </c>
      <c r="C14415">
        <v>4890.8999999999996</v>
      </c>
      <c r="D14415">
        <v>1.9</v>
      </c>
      <c r="E14415">
        <v>4987.7</v>
      </c>
      <c r="F14415">
        <v>69.316500000000005</v>
      </c>
    </row>
    <row r="14416" spans="1:6" x14ac:dyDescent="0.25">
      <c r="A14416">
        <v>167.67</v>
      </c>
      <c r="B14416">
        <v>178.63</v>
      </c>
      <c r="C14416">
        <v>4890.8999999999996</v>
      </c>
      <c r="D14416">
        <v>2.2000000000000002</v>
      </c>
      <c r="E14416">
        <v>4823.3500000000004</v>
      </c>
      <c r="F14416">
        <v>73.441599999999994</v>
      </c>
    </row>
    <row r="14417" spans="1:6" x14ac:dyDescent="0.25">
      <c r="A14417">
        <v>167.67</v>
      </c>
      <c r="B14417">
        <v>178.63</v>
      </c>
      <c r="C14417">
        <v>4890.8999999999996</v>
      </c>
      <c r="D14417">
        <v>2.5</v>
      </c>
      <c r="E14417">
        <v>4675.26</v>
      </c>
      <c r="F14417">
        <v>63.775199999999998</v>
      </c>
    </row>
    <row r="14418" spans="1:6" x14ac:dyDescent="0.25">
      <c r="A14418">
        <v>167.67</v>
      </c>
      <c r="B14418">
        <v>178.63</v>
      </c>
      <c r="C14418">
        <v>4890.8999999999996</v>
      </c>
      <c r="D14418">
        <v>2.8</v>
      </c>
      <c r="E14418">
        <v>4657.34</v>
      </c>
      <c r="F14418">
        <v>71.703800000000001</v>
      </c>
    </row>
    <row r="14419" spans="1:6" x14ac:dyDescent="0.25">
      <c r="A14419">
        <v>167.67</v>
      </c>
      <c r="B14419">
        <v>178.63</v>
      </c>
      <c r="C14419">
        <v>4890.8999999999996</v>
      </c>
      <c r="D14419">
        <v>3.1</v>
      </c>
      <c r="E14419">
        <v>4511.97</v>
      </c>
      <c r="F14419">
        <v>73.101900000000001</v>
      </c>
    </row>
    <row r="14420" spans="1:6" x14ac:dyDescent="0.25">
      <c r="A14420">
        <v>167.67</v>
      </c>
      <c r="B14420">
        <v>178.63</v>
      </c>
      <c r="C14420">
        <v>4890.8999999999996</v>
      </c>
      <c r="D14420">
        <v>3.4</v>
      </c>
      <c r="E14420">
        <v>4535.6400000000003</v>
      </c>
      <c r="F14420">
        <v>72.049800000000005</v>
      </c>
    </row>
    <row r="14421" spans="1:6" x14ac:dyDescent="0.25">
      <c r="A14421">
        <v>167.67</v>
      </c>
      <c r="B14421">
        <v>178.63</v>
      </c>
      <c r="C14421">
        <v>4890.8999999999996</v>
      </c>
      <c r="D14421">
        <v>3.7</v>
      </c>
      <c r="E14421">
        <v>4355.29</v>
      </c>
      <c r="F14421">
        <v>75.409700000000001</v>
      </c>
    </row>
    <row r="14422" spans="1:6" x14ac:dyDescent="0.25">
      <c r="A14422">
        <v>167.67</v>
      </c>
      <c r="B14422">
        <v>178.63</v>
      </c>
      <c r="C14422">
        <v>4890.8999999999996</v>
      </c>
      <c r="D14422">
        <v>4</v>
      </c>
      <c r="E14422">
        <v>4361.99</v>
      </c>
      <c r="F14422">
        <v>74.384699999999995</v>
      </c>
    </row>
    <row r="14423" spans="1:6" x14ac:dyDescent="0.25">
      <c r="A14423">
        <v>167.67</v>
      </c>
      <c r="B14423">
        <v>178.63</v>
      </c>
      <c r="C14423">
        <v>6436.35</v>
      </c>
      <c r="D14423">
        <v>1</v>
      </c>
      <c r="E14423">
        <v>5775.93</v>
      </c>
      <c r="F14423">
        <v>68.071700000000007</v>
      </c>
    </row>
    <row r="14424" spans="1:6" x14ac:dyDescent="0.25">
      <c r="A14424">
        <v>167.67</v>
      </c>
      <c r="B14424">
        <v>178.63</v>
      </c>
      <c r="C14424">
        <v>6436.35</v>
      </c>
      <c r="D14424">
        <v>1.3</v>
      </c>
      <c r="E14424">
        <v>5350.28</v>
      </c>
      <c r="F14424">
        <v>71.020300000000006</v>
      </c>
    </row>
    <row r="14425" spans="1:6" x14ac:dyDescent="0.25">
      <c r="A14425">
        <v>167.67</v>
      </c>
      <c r="B14425">
        <v>178.63</v>
      </c>
      <c r="C14425">
        <v>6436.35</v>
      </c>
      <c r="D14425">
        <v>1.6</v>
      </c>
      <c r="E14425">
        <v>5111.9399999999996</v>
      </c>
      <c r="F14425">
        <v>71.690399999999997</v>
      </c>
    </row>
    <row r="14426" spans="1:6" x14ac:dyDescent="0.25">
      <c r="A14426">
        <v>167.67</v>
      </c>
      <c r="B14426">
        <v>178.63</v>
      </c>
      <c r="C14426">
        <v>6436.35</v>
      </c>
      <c r="D14426">
        <v>1.9</v>
      </c>
      <c r="E14426">
        <v>4987.7</v>
      </c>
      <c r="F14426">
        <v>69.316500000000005</v>
      </c>
    </row>
    <row r="14427" spans="1:6" x14ac:dyDescent="0.25">
      <c r="A14427">
        <v>167.67</v>
      </c>
      <c r="B14427">
        <v>178.63</v>
      </c>
      <c r="C14427">
        <v>6436.35</v>
      </c>
      <c r="D14427">
        <v>2.2000000000000002</v>
      </c>
      <c r="E14427">
        <v>4823.3500000000004</v>
      </c>
      <c r="F14427">
        <v>73.441599999999994</v>
      </c>
    </row>
    <row r="14428" spans="1:6" x14ac:dyDescent="0.25">
      <c r="A14428">
        <v>167.67</v>
      </c>
      <c r="B14428">
        <v>178.63</v>
      </c>
      <c r="C14428">
        <v>6436.35</v>
      </c>
      <c r="D14428">
        <v>2.5</v>
      </c>
      <c r="E14428">
        <v>4675.26</v>
      </c>
      <c r="F14428">
        <v>63.775199999999998</v>
      </c>
    </row>
    <row r="14429" spans="1:6" x14ac:dyDescent="0.25">
      <c r="A14429">
        <v>167.67</v>
      </c>
      <c r="B14429">
        <v>178.63</v>
      </c>
      <c r="C14429">
        <v>6436.35</v>
      </c>
      <c r="D14429">
        <v>2.8</v>
      </c>
      <c r="E14429">
        <v>4657.34</v>
      </c>
      <c r="F14429">
        <v>71.703800000000001</v>
      </c>
    </row>
    <row r="14430" spans="1:6" x14ac:dyDescent="0.25">
      <c r="A14430">
        <v>167.67</v>
      </c>
      <c r="B14430">
        <v>178.63</v>
      </c>
      <c r="C14430">
        <v>6436.35</v>
      </c>
      <c r="D14430">
        <v>3.1</v>
      </c>
      <c r="E14430">
        <v>4511.97</v>
      </c>
      <c r="F14430">
        <v>73.101900000000001</v>
      </c>
    </row>
    <row r="14431" spans="1:6" x14ac:dyDescent="0.25">
      <c r="A14431">
        <v>167.67</v>
      </c>
      <c r="B14431">
        <v>178.63</v>
      </c>
      <c r="C14431">
        <v>6436.35</v>
      </c>
      <c r="D14431">
        <v>3.4</v>
      </c>
      <c r="E14431">
        <v>4535.6400000000003</v>
      </c>
      <c r="F14431">
        <v>72.049800000000005</v>
      </c>
    </row>
    <row r="14432" spans="1:6" x14ac:dyDescent="0.25">
      <c r="A14432">
        <v>167.67</v>
      </c>
      <c r="B14432">
        <v>178.63</v>
      </c>
      <c r="C14432">
        <v>6436.35</v>
      </c>
      <c r="D14432">
        <v>3.7</v>
      </c>
      <c r="E14432">
        <v>4355.29</v>
      </c>
      <c r="F14432">
        <v>75.409700000000001</v>
      </c>
    </row>
    <row r="14433" spans="1:6" x14ac:dyDescent="0.25">
      <c r="A14433">
        <v>167.67</v>
      </c>
      <c r="B14433">
        <v>178.63</v>
      </c>
      <c r="C14433">
        <v>6436.35</v>
      </c>
      <c r="D14433">
        <v>4</v>
      </c>
      <c r="E14433">
        <v>4361.99</v>
      </c>
      <c r="F14433">
        <v>74.384699999999995</v>
      </c>
    </row>
    <row r="14434" spans="1:6" x14ac:dyDescent="0.25">
      <c r="A14434">
        <v>167.67</v>
      </c>
      <c r="B14434">
        <v>178.63</v>
      </c>
      <c r="C14434">
        <v>7981.8</v>
      </c>
      <c r="D14434">
        <v>1</v>
      </c>
      <c r="E14434">
        <v>5775.93</v>
      </c>
      <c r="F14434">
        <v>68.071700000000007</v>
      </c>
    </row>
    <row r="14435" spans="1:6" x14ac:dyDescent="0.25">
      <c r="A14435">
        <v>167.67</v>
      </c>
      <c r="B14435">
        <v>178.63</v>
      </c>
      <c r="C14435">
        <v>7981.8</v>
      </c>
      <c r="D14435">
        <v>1.3</v>
      </c>
      <c r="E14435">
        <v>5350.28</v>
      </c>
      <c r="F14435">
        <v>71.020300000000006</v>
      </c>
    </row>
    <row r="14436" spans="1:6" x14ac:dyDescent="0.25">
      <c r="A14436">
        <v>167.67</v>
      </c>
      <c r="B14436">
        <v>178.63</v>
      </c>
      <c r="C14436">
        <v>7981.8</v>
      </c>
      <c r="D14436">
        <v>1.6</v>
      </c>
      <c r="E14436">
        <v>5111.9399999999996</v>
      </c>
      <c r="F14436">
        <v>71.690399999999997</v>
      </c>
    </row>
    <row r="14437" spans="1:6" x14ac:dyDescent="0.25">
      <c r="A14437">
        <v>167.67</v>
      </c>
      <c r="B14437">
        <v>178.63</v>
      </c>
      <c r="C14437">
        <v>7981.8</v>
      </c>
      <c r="D14437">
        <v>1.9</v>
      </c>
      <c r="E14437">
        <v>4987.7</v>
      </c>
      <c r="F14437">
        <v>69.316500000000005</v>
      </c>
    </row>
    <row r="14438" spans="1:6" x14ac:dyDescent="0.25">
      <c r="A14438">
        <v>167.67</v>
      </c>
      <c r="B14438">
        <v>178.63</v>
      </c>
      <c r="C14438">
        <v>7981.8</v>
      </c>
      <c r="D14438">
        <v>2.2000000000000002</v>
      </c>
      <c r="E14438">
        <v>4823.3500000000004</v>
      </c>
      <c r="F14438">
        <v>73.441599999999994</v>
      </c>
    </row>
    <row r="14439" spans="1:6" x14ac:dyDescent="0.25">
      <c r="A14439">
        <v>167.67</v>
      </c>
      <c r="B14439">
        <v>178.63</v>
      </c>
      <c r="C14439">
        <v>7981.8</v>
      </c>
      <c r="D14439">
        <v>2.5</v>
      </c>
      <c r="E14439">
        <v>4675.26</v>
      </c>
      <c r="F14439">
        <v>63.775199999999998</v>
      </c>
    </row>
    <row r="14440" spans="1:6" x14ac:dyDescent="0.25">
      <c r="A14440">
        <v>167.67</v>
      </c>
      <c r="B14440">
        <v>178.63</v>
      </c>
      <c r="C14440">
        <v>7981.8</v>
      </c>
      <c r="D14440">
        <v>2.8</v>
      </c>
      <c r="E14440">
        <v>4657.34</v>
      </c>
      <c r="F14440">
        <v>71.703800000000001</v>
      </c>
    </row>
    <row r="14441" spans="1:6" x14ac:dyDescent="0.25">
      <c r="A14441">
        <v>167.67</v>
      </c>
      <c r="B14441">
        <v>178.63</v>
      </c>
      <c r="C14441">
        <v>7981.8</v>
      </c>
      <c r="D14441">
        <v>3.1</v>
      </c>
      <c r="E14441">
        <v>4511.97</v>
      </c>
      <c r="F14441">
        <v>73.101900000000001</v>
      </c>
    </row>
    <row r="14442" spans="1:6" x14ac:dyDescent="0.25">
      <c r="A14442">
        <v>167.67</v>
      </c>
      <c r="B14442">
        <v>178.63</v>
      </c>
      <c r="C14442">
        <v>7981.8</v>
      </c>
      <c r="D14442">
        <v>3.4</v>
      </c>
      <c r="E14442">
        <v>4535.6400000000003</v>
      </c>
      <c r="F14442">
        <v>72.049800000000005</v>
      </c>
    </row>
    <row r="14443" spans="1:6" x14ac:dyDescent="0.25">
      <c r="A14443">
        <v>167.67</v>
      </c>
      <c r="B14443">
        <v>178.63</v>
      </c>
      <c r="C14443">
        <v>7981.8</v>
      </c>
      <c r="D14443">
        <v>3.7</v>
      </c>
      <c r="E14443">
        <v>4355.29</v>
      </c>
      <c r="F14443">
        <v>75.409700000000001</v>
      </c>
    </row>
    <row r="14444" spans="1:6" x14ac:dyDescent="0.25">
      <c r="A14444">
        <v>167.67</v>
      </c>
      <c r="B14444">
        <v>178.63</v>
      </c>
      <c r="C14444">
        <v>7981.8</v>
      </c>
      <c r="D14444">
        <v>4</v>
      </c>
      <c r="E14444">
        <v>4361.99</v>
      </c>
      <c r="F14444">
        <v>74.384699999999995</v>
      </c>
    </row>
    <row r="14445" spans="1:6" x14ac:dyDescent="0.25">
      <c r="A14445">
        <v>167.67</v>
      </c>
      <c r="B14445">
        <v>178.63</v>
      </c>
      <c r="C14445">
        <v>9527.25</v>
      </c>
      <c r="D14445">
        <v>1</v>
      </c>
      <c r="E14445">
        <v>5775.93</v>
      </c>
      <c r="F14445">
        <v>68.071700000000007</v>
      </c>
    </row>
    <row r="14446" spans="1:6" x14ac:dyDescent="0.25">
      <c r="A14446">
        <v>167.67</v>
      </c>
      <c r="B14446">
        <v>178.63</v>
      </c>
      <c r="C14446">
        <v>9527.25</v>
      </c>
      <c r="D14446">
        <v>1.3</v>
      </c>
      <c r="E14446">
        <v>5350.28</v>
      </c>
      <c r="F14446">
        <v>71.020300000000006</v>
      </c>
    </row>
    <row r="14447" spans="1:6" x14ac:dyDescent="0.25">
      <c r="A14447">
        <v>167.67</v>
      </c>
      <c r="B14447">
        <v>178.63</v>
      </c>
      <c r="C14447">
        <v>9527.25</v>
      </c>
      <c r="D14447">
        <v>1.6</v>
      </c>
      <c r="E14447">
        <v>5111.9399999999996</v>
      </c>
      <c r="F14447">
        <v>71.690399999999997</v>
      </c>
    </row>
    <row r="14448" spans="1:6" x14ac:dyDescent="0.25">
      <c r="A14448">
        <v>167.67</v>
      </c>
      <c r="B14448">
        <v>178.63</v>
      </c>
      <c r="C14448">
        <v>9527.25</v>
      </c>
      <c r="D14448">
        <v>1.9</v>
      </c>
      <c r="E14448">
        <v>4987.7</v>
      </c>
      <c r="F14448">
        <v>69.316500000000005</v>
      </c>
    </row>
    <row r="14449" spans="1:6" x14ac:dyDescent="0.25">
      <c r="A14449">
        <v>167.67</v>
      </c>
      <c r="B14449">
        <v>178.63</v>
      </c>
      <c r="C14449">
        <v>9527.25</v>
      </c>
      <c r="D14449">
        <v>2.2000000000000002</v>
      </c>
      <c r="E14449">
        <v>4823.3500000000004</v>
      </c>
      <c r="F14449">
        <v>73.441599999999994</v>
      </c>
    </row>
    <row r="14450" spans="1:6" x14ac:dyDescent="0.25">
      <c r="A14450">
        <v>167.67</v>
      </c>
      <c r="B14450">
        <v>178.63</v>
      </c>
      <c r="C14450">
        <v>9527.25</v>
      </c>
      <c r="D14450">
        <v>2.5</v>
      </c>
      <c r="E14450">
        <v>4675.26</v>
      </c>
      <c r="F14450">
        <v>63.775199999999998</v>
      </c>
    </row>
    <row r="14451" spans="1:6" x14ac:dyDescent="0.25">
      <c r="A14451">
        <v>167.67</v>
      </c>
      <c r="B14451">
        <v>178.63</v>
      </c>
      <c r="C14451">
        <v>9527.25</v>
      </c>
      <c r="D14451">
        <v>2.8</v>
      </c>
      <c r="E14451">
        <v>4657.34</v>
      </c>
      <c r="F14451">
        <v>71.703800000000001</v>
      </c>
    </row>
    <row r="14452" spans="1:6" x14ac:dyDescent="0.25">
      <c r="A14452">
        <v>167.67</v>
      </c>
      <c r="B14452">
        <v>178.63</v>
      </c>
      <c r="C14452">
        <v>9527.25</v>
      </c>
      <c r="D14452">
        <v>3.1</v>
      </c>
      <c r="E14452">
        <v>4511.97</v>
      </c>
      <c r="F14452">
        <v>73.101900000000001</v>
      </c>
    </row>
    <row r="14453" spans="1:6" x14ac:dyDescent="0.25">
      <c r="A14453">
        <v>167.67</v>
      </c>
      <c r="B14453">
        <v>178.63</v>
      </c>
      <c r="C14453">
        <v>9527.25</v>
      </c>
      <c r="D14453">
        <v>3.4</v>
      </c>
      <c r="E14453">
        <v>4535.6400000000003</v>
      </c>
      <c r="F14453">
        <v>72.049800000000005</v>
      </c>
    </row>
    <row r="14454" spans="1:6" x14ac:dyDescent="0.25">
      <c r="A14454">
        <v>167.67</v>
      </c>
      <c r="B14454">
        <v>178.63</v>
      </c>
      <c r="C14454">
        <v>9527.25</v>
      </c>
      <c r="D14454">
        <v>3.7</v>
      </c>
      <c r="E14454">
        <v>4355.29</v>
      </c>
      <c r="F14454">
        <v>75.409700000000001</v>
      </c>
    </row>
    <row r="14455" spans="1:6" x14ac:dyDescent="0.25">
      <c r="A14455">
        <v>167.67</v>
      </c>
      <c r="B14455">
        <v>178.63</v>
      </c>
      <c r="C14455">
        <v>9527.25</v>
      </c>
      <c r="D14455">
        <v>4</v>
      </c>
      <c r="E14455">
        <v>4361.99</v>
      </c>
      <c r="F14455">
        <v>74.384699999999995</v>
      </c>
    </row>
    <row r="14456" spans="1:6" x14ac:dyDescent="0.25">
      <c r="A14456">
        <v>167.67</v>
      </c>
      <c r="B14456">
        <v>178.63</v>
      </c>
      <c r="C14456">
        <v>11072.7</v>
      </c>
      <c r="D14456">
        <v>1</v>
      </c>
      <c r="E14456">
        <v>5775.93</v>
      </c>
      <c r="F14456">
        <v>68.071700000000007</v>
      </c>
    </row>
    <row r="14457" spans="1:6" x14ac:dyDescent="0.25">
      <c r="A14457">
        <v>167.67</v>
      </c>
      <c r="B14457">
        <v>178.63</v>
      </c>
      <c r="C14457">
        <v>11072.7</v>
      </c>
      <c r="D14457">
        <v>1.3</v>
      </c>
      <c r="E14457">
        <v>5350.28</v>
      </c>
      <c r="F14457">
        <v>71.020300000000006</v>
      </c>
    </row>
    <row r="14458" spans="1:6" x14ac:dyDescent="0.25">
      <c r="A14458">
        <v>167.67</v>
      </c>
      <c r="B14458">
        <v>178.63</v>
      </c>
      <c r="C14458">
        <v>11072.7</v>
      </c>
      <c r="D14458">
        <v>1.6</v>
      </c>
      <c r="E14458">
        <v>5111.9399999999996</v>
      </c>
      <c r="F14458">
        <v>71.690399999999997</v>
      </c>
    </row>
    <row r="14459" spans="1:6" x14ac:dyDescent="0.25">
      <c r="A14459">
        <v>167.67</v>
      </c>
      <c r="B14459">
        <v>178.63</v>
      </c>
      <c r="C14459">
        <v>11072.7</v>
      </c>
      <c r="D14459">
        <v>1.9</v>
      </c>
      <c r="E14459">
        <v>4987.7</v>
      </c>
      <c r="F14459">
        <v>69.316500000000005</v>
      </c>
    </row>
    <row r="14460" spans="1:6" x14ac:dyDescent="0.25">
      <c r="A14460">
        <v>167.67</v>
      </c>
      <c r="B14460">
        <v>178.63</v>
      </c>
      <c r="C14460">
        <v>11072.7</v>
      </c>
      <c r="D14460">
        <v>2.2000000000000002</v>
      </c>
      <c r="E14460">
        <v>4823.3500000000004</v>
      </c>
      <c r="F14460">
        <v>73.441599999999994</v>
      </c>
    </row>
    <row r="14461" spans="1:6" x14ac:dyDescent="0.25">
      <c r="A14461">
        <v>167.67</v>
      </c>
      <c r="B14461">
        <v>178.63</v>
      </c>
      <c r="C14461">
        <v>11072.7</v>
      </c>
      <c r="D14461">
        <v>2.5</v>
      </c>
      <c r="E14461">
        <v>4675.26</v>
      </c>
      <c r="F14461">
        <v>63.775199999999998</v>
      </c>
    </row>
    <row r="14462" spans="1:6" x14ac:dyDescent="0.25">
      <c r="A14462">
        <v>167.67</v>
      </c>
      <c r="B14462">
        <v>178.63</v>
      </c>
      <c r="C14462">
        <v>11072.7</v>
      </c>
      <c r="D14462">
        <v>2.8</v>
      </c>
      <c r="E14462">
        <v>4657.34</v>
      </c>
      <c r="F14462">
        <v>71.703800000000001</v>
      </c>
    </row>
    <row r="14463" spans="1:6" x14ac:dyDescent="0.25">
      <c r="A14463">
        <v>167.67</v>
      </c>
      <c r="B14463">
        <v>178.63</v>
      </c>
      <c r="C14463">
        <v>11072.7</v>
      </c>
      <c r="D14463">
        <v>3.1</v>
      </c>
      <c r="E14463">
        <v>4511.97</v>
      </c>
      <c r="F14463">
        <v>73.101900000000001</v>
      </c>
    </row>
    <row r="14464" spans="1:6" x14ac:dyDescent="0.25">
      <c r="A14464">
        <v>167.67</v>
      </c>
      <c r="B14464">
        <v>178.63</v>
      </c>
      <c r="C14464">
        <v>11072.7</v>
      </c>
      <c r="D14464">
        <v>3.4</v>
      </c>
      <c r="E14464">
        <v>4535.6400000000003</v>
      </c>
      <c r="F14464">
        <v>72.049800000000005</v>
      </c>
    </row>
    <row r="14465" spans="1:6" x14ac:dyDescent="0.25">
      <c r="A14465">
        <v>167.67</v>
      </c>
      <c r="B14465">
        <v>178.63</v>
      </c>
      <c r="C14465">
        <v>11072.7</v>
      </c>
      <c r="D14465">
        <v>3.7</v>
      </c>
      <c r="E14465">
        <v>4355.29</v>
      </c>
      <c r="F14465">
        <v>75.409700000000001</v>
      </c>
    </row>
    <row r="14466" spans="1:6" x14ac:dyDescent="0.25">
      <c r="A14466">
        <v>167.67</v>
      </c>
      <c r="B14466">
        <v>178.63</v>
      </c>
      <c r="C14466">
        <v>11072.7</v>
      </c>
      <c r="D14466">
        <v>4</v>
      </c>
      <c r="E14466">
        <v>4361.99</v>
      </c>
      <c r="F14466">
        <v>74.384699999999995</v>
      </c>
    </row>
    <row r="14467" spans="1:6" x14ac:dyDescent="0.25">
      <c r="A14467">
        <v>167.67</v>
      </c>
      <c r="B14467">
        <v>178.63</v>
      </c>
      <c r="C14467">
        <v>12618.2</v>
      </c>
      <c r="D14467">
        <v>1</v>
      </c>
      <c r="E14467">
        <v>5775.93</v>
      </c>
      <c r="F14467">
        <v>68.071700000000007</v>
      </c>
    </row>
    <row r="14468" spans="1:6" x14ac:dyDescent="0.25">
      <c r="A14468">
        <v>167.67</v>
      </c>
      <c r="B14468">
        <v>178.63</v>
      </c>
      <c r="C14468">
        <v>12618.2</v>
      </c>
      <c r="D14468">
        <v>1.3</v>
      </c>
      <c r="E14468">
        <v>5350.28</v>
      </c>
      <c r="F14468">
        <v>71.020300000000006</v>
      </c>
    </row>
    <row r="14469" spans="1:6" x14ac:dyDescent="0.25">
      <c r="A14469">
        <v>167.67</v>
      </c>
      <c r="B14469">
        <v>178.63</v>
      </c>
      <c r="C14469">
        <v>12618.2</v>
      </c>
      <c r="D14469">
        <v>1.6</v>
      </c>
      <c r="E14469">
        <v>5111.9399999999996</v>
      </c>
      <c r="F14469">
        <v>71.690399999999997</v>
      </c>
    </row>
    <row r="14470" spans="1:6" x14ac:dyDescent="0.25">
      <c r="A14470">
        <v>167.67</v>
      </c>
      <c r="B14470">
        <v>178.63</v>
      </c>
      <c r="C14470">
        <v>12618.2</v>
      </c>
      <c r="D14470">
        <v>1.9</v>
      </c>
      <c r="E14470">
        <v>4987.7</v>
      </c>
      <c r="F14470">
        <v>69.316500000000005</v>
      </c>
    </row>
    <row r="14471" spans="1:6" x14ac:dyDescent="0.25">
      <c r="A14471">
        <v>167.67</v>
      </c>
      <c r="B14471">
        <v>178.63</v>
      </c>
      <c r="C14471">
        <v>12618.2</v>
      </c>
      <c r="D14471">
        <v>2.2000000000000002</v>
      </c>
      <c r="E14471">
        <v>4823.3500000000004</v>
      </c>
      <c r="F14471">
        <v>73.441599999999994</v>
      </c>
    </row>
    <row r="14472" spans="1:6" x14ac:dyDescent="0.25">
      <c r="A14472">
        <v>167.67</v>
      </c>
      <c r="B14472">
        <v>178.63</v>
      </c>
      <c r="C14472">
        <v>12618.2</v>
      </c>
      <c r="D14472">
        <v>2.5</v>
      </c>
      <c r="E14472">
        <v>4675.26</v>
      </c>
      <c r="F14472">
        <v>63.775199999999998</v>
      </c>
    </row>
    <row r="14473" spans="1:6" x14ac:dyDescent="0.25">
      <c r="A14473">
        <v>167.67</v>
      </c>
      <c r="B14473">
        <v>178.63</v>
      </c>
      <c r="C14473">
        <v>12618.2</v>
      </c>
      <c r="D14473">
        <v>2.8</v>
      </c>
      <c r="E14473">
        <v>4657.34</v>
      </c>
      <c r="F14473">
        <v>71.703800000000001</v>
      </c>
    </row>
    <row r="14474" spans="1:6" x14ac:dyDescent="0.25">
      <c r="A14474">
        <v>167.67</v>
      </c>
      <c r="B14474">
        <v>178.63</v>
      </c>
      <c r="C14474">
        <v>12618.2</v>
      </c>
      <c r="D14474">
        <v>3.1</v>
      </c>
      <c r="E14474">
        <v>4511.97</v>
      </c>
      <c r="F14474">
        <v>73.101900000000001</v>
      </c>
    </row>
    <row r="14475" spans="1:6" x14ac:dyDescent="0.25">
      <c r="A14475">
        <v>167.67</v>
      </c>
      <c r="B14475">
        <v>178.63</v>
      </c>
      <c r="C14475">
        <v>12618.2</v>
      </c>
      <c r="D14475">
        <v>3.4</v>
      </c>
      <c r="E14475">
        <v>4535.6400000000003</v>
      </c>
      <c r="F14475">
        <v>72.049800000000005</v>
      </c>
    </row>
    <row r="14476" spans="1:6" x14ac:dyDescent="0.25">
      <c r="A14476">
        <v>167.67</v>
      </c>
      <c r="B14476">
        <v>178.63</v>
      </c>
      <c r="C14476">
        <v>12618.2</v>
      </c>
      <c r="D14476">
        <v>3.7</v>
      </c>
      <c r="E14476">
        <v>4355.29</v>
      </c>
      <c r="F14476">
        <v>75.409700000000001</v>
      </c>
    </row>
    <row r="14477" spans="1:6" x14ac:dyDescent="0.25">
      <c r="A14477">
        <v>167.67</v>
      </c>
      <c r="B14477">
        <v>178.63</v>
      </c>
      <c r="C14477">
        <v>12618.2</v>
      </c>
      <c r="D14477">
        <v>4</v>
      </c>
      <c r="E14477">
        <v>4361.99</v>
      </c>
      <c r="F14477">
        <v>74.384699999999995</v>
      </c>
    </row>
    <row r="14478" spans="1:6" x14ac:dyDescent="0.25">
      <c r="A14478">
        <v>167.67</v>
      </c>
      <c r="B14478">
        <v>178.63</v>
      </c>
      <c r="C14478">
        <v>14163.6</v>
      </c>
      <c r="D14478">
        <v>1</v>
      </c>
      <c r="E14478">
        <v>5775.93</v>
      </c>
      <c r="F14478">
        <v>68.071700000000007</v>
      </c>
    </row>
    <row r="14479" spans="1:6" x14ac:dyDescent="0.25">
      <c r="A14479">
        <v>167.67</v>
      </c>
      <c r="B14479">
        <v>178.63</v>
      </c>
      <c r="C14479">
        <v>14163.6</v>
      </c>
      <c r="D14479">
        <v>1.3</v>
      </c>
      <c r="E14479">
        <v>5350.28</v>
      </c>
      <c r="F14479">
        <v>71.020300000000006</v>
      </c>
    </row>
    <row r="14480" spans="1:6" x14ac:dyDescent="0.25">
      <c r="A14480">
        <v>167.67</v>
      </c>
      <c r="B14480">
        <v>178.63</v>
      </c>
      <c r="C14480">
        <v>14163.6</v>
      </c>
      <c r="D14480">
        <v>1.6</v>
      </c>
      <c r="E14480">
        <v>5111.9399999999996</v>
      </c>
      <c r="F14480">
        <v>71.690399999999997</v>
      </c>
    </row>
    <row r="14481" spans="1:6" x14ac:dyDescent="0.25">
      <c r="A14481">
        <v>167.67</v>
      </c>
      <c r="B14481">
        <v>178.63</v>
      </c>
      <c r="C14481">
        <v>14163.6</v>
      </c>
      <c r="D14481">
        <v>1.9</v>
      </c>
      <c r="E14481">
        <v>4987.7</v>
      </c>
      <c r="F14481">
        <v>69.316500000000005</v>
      </c>
    </row>
    <row r="14482" spans="1:6" x14ac:dyDescent="0.25">
      <c r="A14482">
        <v>167.67</v>
      </c>
      <c r="B14482">
        <v>178.63</v>
      </c>
      <c r="C14482">
        <v>14163.6</v>
      </c>
      <c r="D14482">
        <v>2.2000000000000002</v>
      </c>
      <c r="E14482">
        <v>4823.3500000000004</v>
      </c>
      <c r="F14482">
        <v>73.441599999999994</v>
      </c>
    </row>
    <row r="14483" spans="1:6" x14ac:dyDescent="0.25">
      <c r="A14483">
        <v>167.67</v>
      </c>
      <c r="B14483">
        <v>178.63</v>
      </c>
      <c r="C14483">
        <v>14163.6</v>
      </c>
      <c r="D14483">
        <v>2.5</v>
      </c>
      <c r="E14483">
        <v>4675.26</v>
      </c>
      <c r="F14483">
        <v>63.775199999999998</v>
      </c>
    </row>
    <row r="14484" spans="1:6" x14ac:dyDescent="0.25">
      <c r="A14484">
        <v>167.67</v>
      </c>
      <c r="B14484">
        <v>178.63</v>
      </c>
      <c r="C14484">
        <v>14163.6</v>
      </c>
      <c r="D14484">
        <v>2.8</v>
      </c>
      <c r="E14484">
        <v>4657.34</v>
      </c>
      <c r="F14484">
        <v>71.703800000000001</v>
      </c>
    </row>
    <row r="14485" spans="1:6" x14ac:dyDescent="0.25">
      <c r="A14485">
        <v>167.67</v>
      </c>
      <c r="B14485">
        <v>178.63</v>
      </c>
      <c r="C14485">
        <v>14163.6</v>
      </c>
      <c r="D14485">
        <v>3.1</v>
      </c>
      <c r="E14485">
        <v>4511.97</v>
      </c>
      <c r="F14485">
        <v>73.101900000000001</v>
      </c>
    </row>
    <row r="14486" spans="1:6" x14ac:dyDescent="0.25">
      <c r="A14486">
        <v>167.67</v>
      </c>
      <c r="B14486">
        <v>178.63</v>
      </c>
      <c r="C14486">
        <v>14163.6</v>
      </c>
      <c r="D14486">
        <v>3.4</v>
      </c>
      <c r="E14486">
        <v>4535.6400000000003</v>
      </c>
      <c r="F14486">
        <v>72.049800000000005</v>
      </c>
    </row>
    <row r="14487" spans="1:6" x14ac:dyDescent="0.25">
      <c r="A14487">
        <v>167.67</v>
      </c>
      <c r="B14487">
        <v>178.63</v>
      </c>
      <c r="C14487">
        <v>14163.6</v>
      </c>
      <c r="D14487">
        <v>3.7</v>
      </c>
      <c r="E14487">
        <v>4355.29</v>
      </c>
      <c r="F14487">
        <v>75.409700000000001</v>
      </c>
    </row>
    <row r="14488" spans="1:6" x14ac:dyDescent="0.25">
      <c r="A14488">
        <v>167.67</v>
      </c>
      <c r="B14488">
        <v>178.63</v>
      </c>
      <c r="C14488">
        <v>14163.6</v>
      </c>
      <c r="D14488">
        <v>4</v>
      </c>
      <c r="E14488">
        <v>4361.99</v>
      </c>
      <c r="F14488">
        <v>74.384699999999995</v>
      </c>
    </row>
    <row r="14489" spans="1:6" x14ac:dyDescent="0.25">
      <c r="A14489">
        <v>167.67</v>
      </c>
      <c r="B14489">
        <v>178.63</v>
      </c>
      <c r="C14489">
        <v>15709.1</v>
      </c>
      <c r="D14489">
        <v>1</v>
      </c>
      <c r="E14489">
        <v>5775.93</v>
      </c>
      <c r="F14489">
        <v>68.071700000000007</v>
      </c>
    </row>
    <row r="14490" spans="1:6" x14ac:dyDescent="0.25">
      <c r="A14490">
        <v>167.67</v>
      </c>
      <c r="B14490">
        <v>178.63</v>
      </c>
      <c r="C14490">
        <v>15709.1</v>
      </c>
      <c r="D14490">
        <v>1.3</v>
      </c>
      <c r="E14490">
        <v>5350.28</v>
      </c>
      <c r="F14490">
        <v>71.020300000000006</v>
      </c>
    </row>
    <row r="14491" spans="1:6" x14ac:dyDescent="0.25">
      <c r="A14491">
        <v>167.67</v>
      </c>
      <c r="B14491">
        <v>178.63</v>
      </c>
      <c r="C14491">
        <v>15709.1</v>
      </c>
      <c r="D14491">
        <v>1.6</v>
      </c>
      <c r="E14491">
        <v>5111.9399999999996</v>
      </c>
      <c r="F14491">
        <v>71.690399999999997</v>
      </c>
    </row>
    <row r="14492" spans="1:6" x14ac:dyDescent="0.25">
      <c r="A14492">
        <v>167.67</v>
      </c>
      <c r="B14492">
        <v>178.63</v>
      </c>
      <c r="C14492">
        <v>15709.1</v>
      </c>
      <c r="D14492">
        <v>1.9</v>
      </c>
      <c r="E14492">
        <v>4987.7</v>
      </c>
      <c r="F14492">
        <v>69.316500000000005</v>
      </c>
    </row>
    <row r="14493" spans="1:6" x14ac:dyDescent="0.25">
      <c r="A14493">
        <v>167.67</v>
      </c>
      <c r="B14493">
        <v>178.63</v>
      </c>
      <c r="C14493">
        <v>15709.1</v>
      </c>
      <c r="D14493">
        <v>2.2000000000000002</v>
      </c>
      <c r="E14493">
        <v>4823.3500000000004</v>
      </c>
      <c r="F14493">
        <v>73.441599999999994</v>
      </c>
    </row>
    <row r="14494" spans="1:6" x14ac:dyDescent="0.25">
      <c r="A14494">
        <v>167.67</v>
      </c>
      <c r="B14494">
        <v>178.63</v>
      </c>
      <c r="C14494">
        <v>15709.1</v>
      </c>
      <c r="D14494">
        <v>2.5</v>
      </c>
      <c r="E14494">
        <v>4675.26</v>
      </c>
      <c r="F14494">
        <v>63.775199999999998</v>
      </c>
    </row>
    <row r="14495" spans="1:6" x14ac:dyDescent="0.25">
      <c r="A14495">
        <v>167.67</v>
      </c>
      <c r="B14495">
        <v>178.63</v>
      </c>
      <c r="C14495">
        <v>15709.1</v>
      </c>
      <c r="D14495">
        <v>2.8</v>
      </c>
      <c r="E14495">
        <v>4657.34</v>
      </c>
      <c r="F14495">
        <v>71.703800000000001</v>
      </c>
    </row>
    <row r="14496" spans="1:6" x14ac:dyDescent="0.25">
      <c r="A14496">
        <v>167.67</v>
      </c>
      <c r="B14496">
        <v>178.63</v>
      </c>
      <c r="C14496">
        <v>15709.1</v>
      </c>
      <c r="D14496">
        <v>3.1</v>
      </c>
      <c r="E14496">
        <v>4511.97</v>
      </c>
      <c r="F14496">
        <v>73.101900000000001</v>
      </c>
    </row>
    <row r="14497" spans="1:6" x14ac:dyDescent="0.25">
      <c r="A14497">
        <v>167.67</v>
      </c>
      <c r="B14497">
        <v>178.63</v>
      </c>
      <c r="C14497">
        <v>15709.1</v>
      </c>
      <c r="D14497">
        <v>3.4</v>
      </c>
      <c r="E14497">
        <v>4535.6400000000003</v>
      </c>
      <c r="F14497">
        <v>72.049800000000005</v>
      </c>
    </row>
    <row r="14498" spans="1:6" x14ac:dyDescent="0.25">
      <c r="A14498">
        <v>167.67</v>
      </c>
      <c r="B14498">
        <v>178.63</v>
      </c>
      <c r="C14498">
        <v>15709.1</v>
      </c>
      <c r="D14498">
        <v>3.7</v>
      </c>
      <c r="E14498">
        <v>4355.29</v>
      </c>
      <c r="F14498">
        <v>75.409700000000001</v>
      </c>
    </row>
    <row r="14499" spans="1:6" x14ac:dyDescent="0.25">
      <c r="A14499">
        <v>167.67</v>
      </c>
      <c r="B14499">
        <v>178.63</v>
      </c>
      <c r="C14499">
        <v>15709.1</v>
      </c>
      <c r="D14499">
        <v>4</v>
      </c>
      <c r="E14499">
        <v>4361.99</v>
      </c>
      <c r="F14499">
        <v>74.384699999999995</v>
      </c>
    </row>
    <row r="14500" spans="1:6" x14ac:dyDescent="0.25">
      <c r="A14500">
        <v>167.67</v>
      </c>
      <c r="B14500">
        <v>178.63</v>
      </c>
      <c r="C14500">
        <v>17254.5</v>
      </c>
      <c r="D14500">
        <v>1</v>
      </c>
      <c r="E14500">
        <v>5775.93</v>
      </c>
      <c r="F14500">
        <v>68.071700000000007</v>
      </c>
    </row>
    <row r="14501" spans="1:6" x14ac:dyDescent="0.25">
      <c r="A14501">
        <v>167.67</v>
      </c>
      <c r="B14501">
        <v>178.63</v>
      </c>
      <c r="C14501">
        <v>17254.5</v>
      </c>
      <c r="D14501">
        <v>1.3</v>
      </c>
      <c r="E14501">
        <v>5350.28</v>
      </c>
      <c r="F14501">
        <v>71.020300000000006</v>
      </c>
    </row>
    <row r="14502" spans="1:6" x14ac:dyDescent="0.25">
      <c r="A14502">
        <v>167.67</v>
      </c>
      <c r="B14502">
        <v>178.63</v>
      </c>
      <c r="C14502">
        <v>17254.5</v>
      </c>
      <c r="D14502">
        <v>1.6</v>
      </c>
      <c r="E14502">
        <v>5111.9399999999996</v>
      </c>
      <c r="F14502">
        <v>71.690399999999997</v>
      </c>
    </row>
    <row r="14503" spans="1:6" x14ac:dyDescent="0.25">
      <c r="A14503">
        <v>167.67</v>
      </c>
      <c r="B14503">
        <v>178.63</v>
      </c>
      <c r="C14503">
        <v>17254.5</v>
      </c>
      <c r="D14503">
        <v>1.9</v>
      </c>
      <c r="E14503">
        <v>4987.7</v>
      </c>
      <c r="F14503">
        <v>69.316500000000005</v>
      </c>
    </row>
    <row r="14504" spans="1:6" x14ac:dyDescent="0.25">
      <c r="A14504">
        <v>167.67</v>
      </c>
      <c r="B14504">
        <v>178.63</v>
      </c>
      <c r="C14504">
        <v>17254.5</v>
      </c>
      <c r="D14504">
        <v>2.2000000000000002</v>
      </c>
      <c r="E14504">
        <v>4823.3500000000004</v>
      </c>
      <c r="F14504">
        <v>73.441599999999994</v>
      </c>
    </row>
    <row r="14505" spans="1:6" x14ac:dyDescent="0.25">
      <c r="A14505">
        <v>167.67</v>
      </c>
      <c r="B14505">
        <v>178.63</v>
      </c>
      <c r="C14505">
        <v>17254.5</v>
      </c>
      <c r="D14505">
        <v>2.5</v>
      </c>
      <c r="E14505">
        <v>4675.26</v>
      </c>
      <c r="F14505">
        <v>63.775199999999998</v>
      </c>
    </row>
    <row r="14506" spans="1:6" x14ac:dyDescent="0.25">
      <c r="A14506">
        <v>167.67</v>
      </c>
      <c r="B14506">
        <v>178.63</v>
      </c>
      <c r="C14506">
        <v>17254.5</v>
      </c>
      <c r="D14506">
        <v>2.8</v>
      </c>
      <c r="E14506">
        <v>4657.34</v>
      </c>
      <c r="F14506">
        <v>71.703800000000001</v>
      </c>
    </row>
    <row r="14507" spans="1:6" x14ac:dyDescent="0.25">
      <c r="A14507">
        <v>167.67</v>
      </c>
      <c r="B14507">
        <v>178.63</v>
      </c>
      <c r="C14507">
        <v>17254.5</v>
      </c>
      <c r="D14507">
        <v>3.1</v>
      </c>
      <c r="E14507">
        <v>4511.97</v>
      </c>
      <c r="F14507">
        <v>73.101900000000001</v>
      </c>
    </row>
    <row r="14508" spans="1:6" x14ac:dyDescent="0.25">
      <c r="A14508">
        <v>167.67</v>
      </c>
      <c r="B14508">
        <v>178.63</v>
      </c>
      <c r="C14508">
        <v>17254.5</v>
      </c>
      <c r="D14508">
        <v>3.4</v>
      </c>
      <c r="E14508">
        <v>4535.6400000000003</v>
      </c>
      <c r="F14508">
        <v>72.049800000000005</v>
      </c>
    </row>
    <row r="14509" spans="1:6" x14ac:dyDescent="0.25">
      <c r="A14509">
        <v>167.67</v>
      </c>
      <c r="B14509">
        <v>178.63</v>
      </c>
      <c r="C14509">
        <v>17254.5</v>
      </c>
      <c r="D14509">
        <v>3.7</v>
      </c>
      <c r="E14509">
        <v>4355.29</v>
      </c>
      <c r="F14509">
        <v>75.409700000000001</v>
      </c>
    </row>
    <row r="14510" spans="1:6" x14ac:dyDescent="0.25">
      <c r="A14510">
        <v>167.67</v>
      </c>
      <c r="B14510">
        <v>178.63</v>
      </c>
      <c r="C14510">
        <v>17254.5</v>
      </c>
      <c r="D14510">
        <v>4</v>
      </c>
      <c r="E14510">
        <v>4361.99</v>
      </c>
      <c r="F14510">
        <v>74.384699999999995</v>
      </c>
    </row>
    <row r="14511" spans="1:6" x14ac:dyDescent="0.25">
      <c r="A14511">
        <v>167.67</v>
      </c>
      <c r="B14511">
        <v>178.63</v>
      </c>
      <c r="C14511">
        <v>18800</v>
      </c>
      <c r="D14511">
        <v>1</v>
      </c>
      <c r="E14511">
        <v>5775.93</v>
      </c>
      <c r="F14511">
        <v>68.071700000000007</v>
      </c>
    </row>
    <row r="14512" spans="1:6" x14ac:dyDescent="0.25">
      <c r="A14512">
        <v>167.67</v>
      </c>
      <c r="B14512">
        <v>178.63</v>
      </c>
      <c r="C14512">
        <v>18800</v>
      </c>
      <c r="D14512">
        <v>1.3</v>
      </c>
      <c r="E14512">
        <v>5350.28</v>
      </c>
      <c r="F14512">
        <v>71.020300000000006</v>
      </c>
    </row>
    <row r="14513" spans="1:6" x14ac:dyDescent="0.25">
      <c r="A14513">
        <v>167.67</v>
      </c>
      <c r="B14513">
        <v>178.63</v>
      </c>
      <c r="C14513">
        <v>18800</v>
      </c>
      <c r="D14513">
        <v>1.6</v>
      </c>
      <c r="E14513">
        <v>5111.9399999999996</v>
      </c>
      <c r="F14513">
        <v>71.690399999999997</v>
      </c>
    </row>
    <row r="14514" spans="1:6" x14ac:dyDescent="0.25">
      <c r="A14514">
        <v>167.67</v>
      </c>
      <c r="B14514">
        <v>178.63</v>
      </c>
      <c r="C14514">
        <v>18800</v>
      </c>
      <c r="D14514">
        <v>1.9</v>
      </c>
      <c r="E14514">
        <v>4987.7</v>
      </c>
      <c r="F14514">
        <v>69.316500000000005</v>
      </c>
    </row>
    <row r="14515" spans="1:6" x14ac:dyDescent="0.25">
      <c r="A14515">
        <v>167.67</v>
      </c>
      <c r="B14515">
        <v>178.63</v>
      </c>
      <c r="C14515">
        <v>18800</v>
      </c>
      <c r="D14515">
        <v>2.2000000000000002</v>
      </c>
      <c r="E14515">
        <v>4823.3500000000004</v>
      </c>
      <c r="F14515">
        <v>73.441599999999994</v>
      </c>
    </row>
    <row r="14516" spans="1:6" x14ac:dyDescent="0.25">
      <c r="A14516">
        <v>167.67</v>
      </c>
      <c r="B14516">
        <v>178.63</v>
      </c>
      <c r="C14516">
        <v>18800</v>
      </c>
      <c r="D14516">
        <v>2.5</v>
      </c>
      <c r="E14516">
        <v>4675.26</v>
      </c>
      <c r="F14516">
        <v>63.775199999999998</v>
      </c>
    </row>
    <row r="14517" spans="1:6" x14ac:dyDescent="0.25">
      <c r="A14517">
        <v>167.67</v>
      </c>
      <c r="B14517">
        <v>178.63</v>
      </c>
      <c r="C14517">
        <v>18800</v>
      </c>
      <c r="D14517">
        <v>2.8</v>
      </c>
      <c r="E14517">
        <v>4657.34</v>
      </c>
      <c r="F14517">
        <v>71.703800000000001</v>
      </c>
    </row>
    <row r="14518" spans="1:6" x14ac:dyDescent="0.25">
      <c r="A14518">
        <v>167.67</v>
      </c>
      <c r="B14518">
        <v>178.63</v>
      </c>
      <c r="C14518">
        <v>18800</v>
      </c>
      <c r="D14518">
        <v>3.1</v>
      </c>
      <c r="E14518">
        <v>4511.97</v>
      </c>
      <c r="F14518">
        <v>73.101900000000001</v>
      </c>
    </row>
    <row r="14519" spans="1:6" x14ac:dyDescent="0.25">
      <c r="A14519">
        <v>167.67</v>
      </c>
      <c r="B14519">
        <v>178.63</v>
      </c>
      <c r="C14519">
        <v>18800</v>
      </c>
      <c r="D14519">
        <v>3.4</v>
      </c>
      <c r="E14519">
        <v>4535.6400000000003</v>
      </c>
      <c r="F14519">
        <v>72.049800000000005</v>
      </c>
    </row>
    <row r="14520" spans="1:6" x14ac:dyDescent="0.25">
      <c r="A14520">
        <v>167.67</v>
      </c>
      <c r="B14520">
        <v>178.63</v>
      </c>
      <c r="C14520">
        <v>18800</v>
      </c>
      <c r="D14520">
        <v>3.7</v>
      </c>
      <c r="E14520">
        <v>4355.29</v>
      </c>
      <c r="F14520">
        <v>75.409700000000001</v>
      </c>
    </row>
    <row r="14521" spans="1:6" x14ac:dyDescent="0.25">
      <c r="A14521">
        <v>167.67</v>
      </c>
      <c r="B14521">
        <v>178.63</v>
      </c>
      <c r="C14521">
        <v>18800</v>
      </c>
      <c r="D14521">
        <v>4</v>
      </c>
      <c r="E14521">
        <v>4361.99</v>
      </c>
      <c r="F14521">
        <v>74.384699999999995</v>
      </c>
    </row>
    <row r="14522" spans="1:6" x14ac:dyDescent="0.25">
      <c r="A14522">
        <v>167.67</v>
      </c>
      <c r="B14522">
        <v>182.26</v>
      </c>
      <c r="C14522">
        <v>1800</v>
      </c>
      <c r="D14522">
        <v>1</v>
      </c>
      <c r="E14522">
        <v>5200.8500000000004</v>
      </c>
      <c r="F14522">
        <v>68.071700000000007</v>
      </c>
    </row>
    <row r="14523" spans="1:6" x14ac:dyDescent="0.25">
      <c r="A14523">
        <v>167.67</v>
      </c>
      <c r="B14523">
        <v>182.26</v>
      </c>
      <c r="C14523">
        <v>1800</v>
      </c>
      <c r="D14523">
        <v>1.3</v>
      </c>
      <c r="E14523">
        <v>4586.66</v>
      </c>
      <c r="F14523">
        <v>71.020300000000006</v>
      </c>
    </row>
    <row r="14524" spans="1:6" x14ac:dyDescent="0.25">
      <c r="A14524">
        <v>167.67</v>
      </c>
      <c r="B14524">
        <v>182.26</v>
      </c>
      <c r="C14524">
        <v>1800</v>
      </c>
      <c r="D14524">
        <v>1.6</v>
      </c>
      <c r="E14524">
        <v>4230.63</v>
      </c>
      <c r="F14524">
        <v>71.690399999999997</v>
      </c>
    </row>
    <row r="14525" spans="1:6" x14ac:dyDescent="0.25">
      <c r="A14525">
        <v>167.67</v>
      </c>
      <c r="B14525">
        <v>182.26</v>
      </c>
      <c r="C14525">
        <v>1800</v>
      </c>
      <c r="D14525">
        <v>1.9</v>
      </c>
      <c r="E14525">
        <v>3934.15</v>
      </c>
      <c r="F14525">
        <v>69.316500000000005</v>
      </c>
    </row>
    <row r="14526" spans="1:6" x14ac:dyDescent="0.25">
      <c r="A14526">
        <v>167.67</v>
      </c>
      <c r="B14526">
        <v>182.26</v>
      </c>
      <c r="C14526">
        <v>1800</v>
      </c>
      <c r="D14526">
        <v>2.2000000000000002</v>
      </c>
      <c r="E14526">
        <v>3720.47</v>
      </c>
      <c r="F14526">
        <v>70.762</v>
      </c>
    </row>
    <row r="14527" spans="1:6" x14ac:dyDescent="0.25">
      <c r="A14527">
        <v>167.67</v>
      </c>
      <c r="B14527">
        <v>182.26</v>
      </c>
      <c r="C14527">
        <v>1800</v>
      </c>
      <c r="D14527">
        <v>2.5</v>
      </c>
      <c r="E14527">
        <v>3555.97</v>
      </c>
      <c r="F14527">
        <v>58.161099999999998</v>
      </c>
    </row>
    <row r="14528" spans="1:6" x14ac:dyDescent="0.25">
      <c r="A14528">
        <v>167.67</v>
      </c>
      <c r="B14528">
        <v>182.26</v>
      </c>
      <c r="C14528">
        <v>1800</v>
      </c>
      <c r="D14528">
        <v>2.8</v>
      </c>
      <c r="E14528">
        <v>3482.62</v>
      </c>
      <c r="F14528">
        <v>67.951499999999996</v>
      </c>
    </row>
    <row r="14529" spans="1:6" x14ac:dyDescent="0.25">
      <c r="A14529">
        <v>167.67</v>
      </c>
      <c r="B14529">
        <v>182.26</v>
      </c>
      <c r="C14529">
        <v>1800</v>
      </c>
      <c r="D14529">
        <v>3.1</v>
      </c>
      <c r="E14529">
        <v>3401.2</v>
      </c>
      <c r="F14529">
        <v>69.2072</v>
      </c>
    </row>
    <row r="14530" spans="1:6" x14ac:dyDescent="0.25">
      <c r="A14530">
        <v>167.67</v>
      </c>
      <c r="B14530">
        <v>182.26</v>
      </c>
      <c r="C14530">
        <v>1800</v>
      </c>
      <c r="D14530">
        <v>3.4</v>
      </c>
      <c r="E14530">
        <v>3289.53</v>
      </c>
      <c r="F14530">
        <v>62.561599999999999</v>
      </c>
    </row>
    <row r="14531" spans="1:6" x14ac:dyDescent="0.25">
      <c r="A14531">
        <v>167.67</v>
      </c>
      <c r="B14531">
        <v>182.26</v>
      </c>
      <c r="C14531">
        <v>1800</v>
      </c>
      <c r="D14531">
        <v>3.7</v>
      </c>
      <c r="E14531">
        <v>3200.08</v>
      </c>
      <c r="F14531">
        <v>64.258499999999998</v>
      </c>
    </row>
    <row r="14532" spans="1:6" x14ac:dyDescent="0.25">
      <c r="A14532">
        <v>167.67</v>
      </c>
      <c r="B14532">
        <v>182.26</v>
      </c>
      <c r="C14532">
        <v>1800</v>
      </c>
      <c r="D14532">
        <v>4</v>
      </c>
      <c r="E14532">
        <v>3134.96</v>
      </c>
      <c r="F14532">
        <v>61.8521</v>
      </c>
    </row>
    <row r="14533" spans="1:6" x14ac:dyDescent="0.25">
      <c r="A14533">
        <v>167.67</v>
      </c>
      <c r="B14533">
        <v>182.26</v>
      </c>
      <c r="C14533">
        <v>3345.45</v>
      </c>
      <c r="D14533">
        <v>1</v>
      </c>
      <c r="E14533">
        <v>5775.93</v>
      </c>
      <c r="F14533">
        <v>68.071700000000007</v>
      </c>
    </row>
    <row r="14534" spans="1:6" x14ac:dyDescent="0.25">
      <c r="A14534">
        <v>167.67</v>
      </c>
      <c r="B14534">
        <v>182.26</v>
      </c>
      <c r="C14534">
        <v>3345.45</v>
      </c>
      <c r="D14534">
        <v>1.3</v>
      </c>
      <c r="E14534">
        <v>5350.28</v>
      </c>
      <c r="F14534">
        <v>71.020300000000006</v>
      </c>
    </row>
    <row r="14535" spans="1:6" x14ac:dyDescent="0.25">
      <c r="A14535">
        <v>167.67</v>
      </c>
      <c r="B14535">
        <v>182.26</v>
      </c>
      <c r="C14535">
        <v>3345.45</v>
      </c>
      <c r="D14535">
        <v>1.6</v>
      </c>
      <c r="E14535">
        <v>5111.9399999999996</v>
      </c>
      <c r="F14535">
        <v>71.690399999999997</v>
      </c>
    </row>
    <row r="14536" spans="1:6" x14ac:dyDescent="0.25">
      <c r="A14536">
        <v>167.67</v>
      </c>
      <c r="B14536">
        <v>182.26</v>
      </c>
      <c r="C14536">
        <v>3345.45</v>
      </c>
      <c r="D14536">
        <v>1.9</v>
      </c>
      <c r="E14536">
        <v>4987.7</v>
      </c>
      <c r="F14536">
        <v>69.316500000000005</v>
      </c>
    </row>
    <row r="14537" spans="1:6" x14ac:dyDescent="0.25">
      <c r="A14537">
        <v>167.67</v>
      </c>
      <c r="B14537">
        <v>182.26</v>
      </c>
      <c r="C14537">
        <v>3345.45</v>
      </c>
      <c r="D14537">
        <v>2.2000000000000002</v>
      </c>
      <c r="E14537">
        <v>4823.3500000000004</v>
      </c>
      <c r="F14537">
        <v>73.441599999999994</v>
      </c>
    </row>
    <row r="14538" spans="1:6" x14ac:dyDescent="0.25">
      <c r="A14538">
        <v>167.67</v>
      </c>
      <c r="B14538">
        <v>182.26</v>
      </c>
      <c r="C14538">
        <v>3345.45</v>
      </c>
      <c r="D14538">
        <v>2.5</v>
      </c>
      <c r="E14538">
        <v>4675.26</v>
      </c>
      <c r="F14538">
        <v>63.775199999999998</v>
      </c>
    </row>
    <row r="14539" spans="1:6" x14ac:dyDescent="0.25">
      <c r="A14539">
        <v>167.67</v>
      </c>
      <c r="B14539">
        <v>182.26</v>
      </c>
      <c r="C14539">
        <v>3345.45</v>
      </c>
      <c r="D14539">
        <v>2.8</v>
      </c>
      <c r="E14539">
        <v>4529.8</v>
      </c>
      <c r="F14539">
        <v>71.703800000000001</v>
      </c>
    </row>
    <row r="14540" spans="1:6" x14ac:dyDescent="0.25">
      <c r="A14540">
        <v>167.67</v>
      </c>
      <c r="B14540">
        <v>182.26</v>
      </c>
      <c r="C14540">
        <v>3345.45</v>
      </c>
      <c r="D14540">
        <v>3.1</v>
      </c>
      <c r="E14540">
        <v>4570.46</v>
      </c>
      <c r="F14540">
        <v>73.101900000000001</v>
      </c>
    </row>
    <row r="14541" spans="1:6" x14ac:dyDescent="0.25">
      <c r="A14541">
        <v>167.67</v>
      </c>
      <c r="B14541">
        <v>182.26</v>
      </c>
      <c r="C14541">
        <v>3345.45</v>
      </c>
      <c r="D14541">
        <v>3.4</v>
      </c>
      <c r="E14541">
        <v>4383</v>
      </c>
      <c r="F14541">
        <v>72.049800000000005</v>
      </c>
    </row>
    <row r="14542" spans="1:6" x14ac:dyDescent="0.25">
      <c r="A14542">
        <v>167.67</v>
      </c>
      <c r="B14542">
        <v>182.26</v>
      </c>
      <c r="C14542">
        <v>3345.45</v>
      </c>
      <c r="D14542">
        <v>3.7</v>
      </c>
      <c r="E14542">
        <v>4367.16</v>
      </c>
      <c r="F14542">
        <v>75.409700000000001</v>
      </c>
    </row>
    <row r="14543" spans="1:6" x14ac:dyDescent="0.25">
      <c r="A14543">
        <v>167.67</v>
      </c>
      <c r="B14543">
        <v>182.26</v>
      </c>
      <c r="C14543">
        <v>3345.45</v>
      </c>
      <c r="D14543">
        <v>4</v>
      </c>
      <c r="E14543">
        <v>4324.82</v>
      </c>
      <c r="F14543">
        <v>74.384699999999995</v>
      </c>
    </row>
    <row r="14544" spans="1:6" x14ac:dyDescent="0.25">
      <c r="A14544">
        <v>167.67</v>
      </c>
      <c r="B14544">
        <v>182.26</v>
      </c>
      <c r="C14544">
        <v>4890.8999999999996</v>
      </c>
      <c r="D14544">
        <v>1</v>
      </c>
      <c r="E14544">
        <v>5775.93</v>
      </c>
      <c r="F14544">
        <v>68.071700000000007</v>
      </c>
    </row>
    <row r="14545" spans="1:6" x14ac:dyDescent="0.25">
      <c r="A14545">
        <v>167.67</v>
      </c>
      <c r="B14545">
        <v>182.26</v>
      </c>
      <c r="C14545">
        <v>4890.8999999999996</v>
      </c>
      <c r="D14545">
        <v>1.3</v>
      </c>
      <c r="E14545">
        <v>5350.28</v>
      </c>
      <c r="F14545">
        <v>71.020300000000006</v>
      </c>
    </row>
    <row r="14546" spans="1:6" x14ac:dyDescent="0.25">
      <c r="A14546">
        <v>167.67</v>
      </c>
      <c r="B14546">
        <v>182.26</v>
      </c>
      <c r="C14546">
        <v>4890.8999999999996</v>
      </c>
      <c r="D14546">
        <v>1.6</v>
      </c>
      <c r="E14546">
        <v>5111.9399999999996</v>
      </c>
      <c r="F14546">
        <v>71.690399999999997</v>
      </c>
    </row>
    <row r="14547" spans="1:6" x14ac:dyDescent="0.25">
      <c r="A14547">
        <v>167.67</v>
      </c>
      <c r="B14547">
        <v>182.26</v>
      </c>
      <c r="C14547">
        <v>4890.8999999999996</v>
      </c>
      <c r="D14547">
        <v>1.9</v>
      </c>
      <c r="E14547">
        <v>4987.7</v>
      </c>
      <c r="F14547">
        <v>69.316500000000005</v>
      </c>
    </row>
    <row r="14548" spans="1:6" x14ac:dyDescent="0.25">
      <c r="A14548">
        <v>167.67</v>
      </c>
      <c r="B14548">
        <v>182.26</v>
      </c>
      <c r="C14548">
        <v>4890.8999999999996</v>
      </c>
      <c r="D14548">
        <v>2.2000000000000002</v>
      </c>
      <c r="E14548">
        <v>4823.3500000000004</v>
      </c>
      <c r="F14548">
        <v>73.441599999999994</v>
      </c>
    </row>
    <row r="14549" spans="1:6" x14ac:dyDescent="0.25">
      <c r="A14549">
        <v>167.67</v>
      </c>
      <c r="B14549">
        <v>182.26</v>
      </c>
      <c r="C14549">
        <v>4890.8999999999996</v>
      </c>
      <c r="D14549">
        <v>2.5</v>
      </c>
      <c r="E14549">
        <v>4675.26</v>
      </c>
      <c r="F14549">
        <v>63.775199999999998</v>
      </c>
    </row>
    <row r="14550" spans="1:6" x14ac:dyDescent="0.25">
      <c r="A14550">
        <v>167.67</v>
      </c>
      <c r="B14550">
        <v>182.26</v>
      </c>
      <c r="C14550">
        <v>4890.8999999999996</v>
      </c>
      <c r="D14550">
        <v>2.8</v>
      </c>
      <c r="E14550">
        <v>4657.34</v>
      </c>
      <c r="F14550">
        <v>71.703800000000001</v>
      </c>
    </row>
    <row r="14551" spans="1:6" x14ac:dyDescent="0.25">
      <c r="A14551">
        <v>167.67</v>
      </c>
      <c r="B14551">
        <v>182.26</v>
      </c>
      <c r="C14551">
        <v>4890.8999999999996</v>
      </c>
      <c r="D14551">
        <v>3.1</v>
      </c>
      <c r="E14551">
        <v>4511.97</v>
      </c>
      <c r="F14551">
        <v>73.101900000000001</v>
      </c>
    </row>
    <row r="14552" spans="1:6" x14ac:dyDescent="0.25">
      <c r="A14552">
        <v>167.67</v>
      </c>
      <c r="B14552">
        <v>182.26</v>
      </c>
      <c r="C14552">
        <v>4890.8999999999996</v>
      </c>
      <c r="D14552">
        <v>3.4</v>
      </c>
      <c r="E14552">
        <v>4535.6400000000003</v>
      </c>
      <c r="F14552">
        <v>72.049800000000005</v>
      </c>
    </row>
    <row r="14553" spans="1:6" x14ac:dyDescent="0.25">
      <c r="A14553">
        <v>167.67</v>
      </c>
      <c r="B14553">
        <v>182.26</v>
      </c>
      <c r="C14553">
        <v>4890.8999999999996</v>
      </c>
      <c r="D14553">
        <v>3.7</v>
      </c>
      <c r="E14553">
        <v>4355.29</v>
      </c>
      <c r="F14553">
        <v>75.409700000000001</v>
      </c>
    </row>
    <row r="14554" spans="1:6" x14ac:dyDescent="0.25">
      <c r="A14554">
        <v>167.67</v>
      </c>
      <c r="B14554">
        <v>182.26</v>
      </c>
      <c r="C14554">
        <v>4890.8999999999996</v>
      </c>
      <c r="D14554">
        <v>4</v>
      </c>
      <c r="E14554">
        <v>4361.99</v>
      </c>
      <c r="F14554">
        <v>74.384699999999995</v>
      </c>
    </row>
    <row r="14555" spans="1:6" x14ac:dyDescent="0.25">
      <c r="A14555">
        <v>167.67</v>
      </c>
      <c r="B14555">
        <v>182.26</v>
      </c>
      <c r="C14555">
        <v>6436.35</v>
      </c>
      <c r="D14555">
        <v>1</v>
      </c>
      <c r="E14555">
        <v>5775.93</v>
      </c>
      <c r="F14555">
        <v>68.071700000000007</v>
      </c>
    </row>
    <row r="14556" spans="1:6" x14ac:dyDescent="0.25">
      <c r="A14556">
        <v>167.67</v>
      </c>
      <c r="B14556">
        <v>182.26</v>
      </c>
      <c r="C14556">
        <v>6436.35</v>
      </c>
      <c r="D14556">
        <v>1.3</v>
      </c>
      <c r="E14556">
        <v>5350.28</v>
      </c>
      <c r="F14556">
        <v>71.020300000000006</v>
      </c>
    </row>
    <row r="14557" spans="1:6" x14ac:dyDescent="0.25">
      <c r="A14557">
        <v>167.67</v>
      </c>
      <c r="B14557">
        <v>182.26</v>
      </c>
      <c r="C14557">
        <v>6436.35</v>
      </c>
      <c r="D14557">
        <v>1.6</v>
      </c>
      <c r="E14557">
        <v>5111.9399999999996</v>
      </c>
      <c r="F14557">
        <v>71.690399999999997</v>
      </c>
    </row>
    <row r="14558" spans="1:6" x14ac:dyDescent="0.25">
      <c r="A14558">
        <v>167.67</v>
      </c>
      <c r="B14558">
        <v>182.26</v>
      </c>
      <c r="C14558">
        <v>6436.35</v>
      </c>
      <c r="D14558">
        <v>1.9</v>
      </c>
      <c r="E14558">
        <v>4987.7</v>
      </c>
      <c r="F14558">
        <v>69.316500000000005</v>
      </c>
    </row>
    <row r="14559" spans="1:6" x14ac:dyDescent="0.25">
      <c r="A14559">
        <v>167.67</v>
      </c>
      <c r="B14559">
        <v>182.26</v>
      </c>
      <c r="C14559">
        <v>6436.35</v>
      </c>
      <c r="D14559">
        <v>2.2000000000000002</v>
      </c>
      <c r="E14559">
        <v>4823.3500000000004</v>
      </c>
      <c r="F14559">
        <v>73.441599999999994</v>
      </c>
    </row>
    <row r="14560" spans="1:6" x14ac:dyDescent="0.25">
      <c r="A14560">
        <v>167.67</v>
      </c>
      <c r="B14560">
        <v>182.26</v>
      </c>
      <c r="C14560">
        <v>6436.35</v>
      </c>
      <c r="D14560">
        <v>2.5</v>
      </c>
      <c r="E14560">
        <v>4675.26</v>
      </c>
      <c r="F14560">
        <v>63.775199999999998</v>
      </c>
    </row>
    <row r="14561" spans="1:6" x14ac:dyDescent="0.25">
      <c r="A14561">
        <v>167.67</v>
      </c>
      <c r="B14561">
        <v>182.26</v>
      </c>
      <c r="C14561">
        <v>6436.35</v>
      </c>
      <c r="D14561">
        <v>2.8</v>
      </c>
      <c r="E14561">
        <v>4657.34</v>
      </c>
      <c r="F14561">
        <v>71.703800000000001</v>
      </c>
    </row>
    <row r="14562" spans="1:6" x14ac:dyDescent="0.25">
      <c r="A14562">
        <v>167.67</v>
      </c>
      <c r="B14562">
        <v>182.26</v>
      </c>
      <c r="C14562">
        <v>6436.35</v>
      </c>
      <c r="D14562">
        <v>3.1</v>
      </c>
      <c r="E14562">
        <v>4511.97</v>
      </c>
      <c r="F14562">
        <v>73.101900000000001</v>
      </c>
    </row>
    <row r="14563" spans="1:6" x14ac:dyDescent="0.25">
      <c r="A14563">
        <v>167.67</v>
      </c>
      <c r="B14563">
        <v>182.26</v>
      </c>
      <c r="C14563">
        <v>6436.35</v>
      </c>
      <c r="D14563">
        <v>3.4</v>
      </c>
      <c r="E14563">
        <v>4535.6400000000003</v>
      </c>
      <c r="F14563">
        <v>72.049800000000005</v>
      </c>
    </row>
    <row r="14564" spans="1:6" x14ac:dyDescent="0.25">
      <c r="A14564">
        <v>167.67</v>
      </c>
      <c r="B14564">
        <v>182.26</v>
      </c>
      <c r="C14564">
        <v>6436.35</v>
      </c>
      <c r="D14564">
        <v>3.7</v>
      </c>
      <c r="E14564">
        <v>4355.29</v>
      </c>
      <c r="F14564">
        <v>75.409700000000001</v>
      </c>
    </row>
    <row r="14565" spans="1:6" x14ac:dyDescent="0.25">
      <c r="A14565">
        <v>167.67</v>
      </c>
      <c r="B14565">
        <v>182.26</v>
      </c>
      <c r="C14565">
        <v>6436.35</v>
      </c>
      <c r="D14565">
        <v>4</v>
      </c>
      <c r="E14565">
        <v>4361.99</v>
      </c>
      <c r="F14565">
        <v>74.384699999999995</v>
      </c>
    </row>
    <row r="14566" spans="1:6" x14ac:dyDescent="0.25">
      <c r="A14566">
        <v>167.67</v>
      </c>
      <c r="B14566">
        <v>182.26</v>
      </c>
      <c r="C14566">
        <v>7981.8</v>
      </c>
      <c r="D14566">
        <v>1</v>
      </c>
      <c r="E14566">
        <v>5775.93</v>
      </c>
      <c r="F14566">
        <v>68.071700000000007</v>
      </c>
    </row>
    <row r="14567" spans="1:6" x14ac:dyDescent="0.25">
      <c r="A14567">
        <v>167.67</v>
      </c>
      <c r="B14567">
        <v>182.26</v>
      </c>
      <c r="C14567">
        <v>7981.8</v>
      </c>
      <c r="D14567">
        <v>1.3</v>
      </c>
      <c r="E14567">
        <v>5350.28</v>
      </c>
      <c r="F14567">
        <v>71.020300000000006</v>
      </c>
    </row>
    <row r="14568" spans="1:6" x14ac:dyDescent="0.25">
      <c r="A14568">
        <v>167.67</v>
      </c>
      <c r="B14568">
        <v>182.26</v>
      </c>
      <c r="C14568">
        <v>7981.8</v>
      </c>
      <c r="D14568">
        <v>1.6</v>
      </c>
      <c r="E14568">
        <v>5111.9399999999996</v>
      </c>
      <c r="F14568">
        <v>71.690399999999997</v>
      </c>
    </row>
    <row r="14569" spans="1:6" x14ac:dyDescent="0.25">
      <c r="A14569">
        <v>167.67</v>
      </c>
      <c r="B14569">
        <v>182.26</v>
      </c>
      <c r="C14569">
        <v>7981.8</v>
      </c>
      <c r="D14569">
        <v>1.9</v>
      </c>
      <c r="E14569">
        <v>4987.7</v>
      </c>
      <c r="F14569">
        <v>69.316500000000005</v>
      </c>
    </row>
    <row r="14570" spans="1:6" x14ac:dyDescent="0.25">
      <c r="A14570">
        <v>167.67</v>
      </c>
      <c r="B14570">
        <v>182.26</v>
      </c>
      <c r="C14570">
        <v>7981.8</v>
      </c>
      <c r="D14570">
        <v>2.2000000000000002</v>
      </c>
      <c r="E14570">
        <v>4823.3500000000004</v>
      </c>
      <c r="F14570">
        <v>73.441599999999994</v>
      </c>
    </row>
    <row r="14571" spans="1:6" x14ac:dyDescent="0.25">
      <c r="A14571">
        <v>167.67</v>
      </c>
      <c r="B14571">
        <v>182.26</v>
      </c>
      <c r="C14571">
        <v>7981.8</v>
      </c>
      <c r="D14571">
        <v>2.5</v>
      </c>
      <c r="E14571">
        <v>4675.26</v>
      </c>
      <c r="F14571">
        <v>63.775199999999998</v>
      </c>
    </row>
    <row r="14572" spans="1:6" x14ac:dyDescent="0.25">
      <c r="A14572">
        <v>167.67</v>
      </c>
      <c r="B14572">
        <v>182.26</v>
      </c>
      <c r="C14572">
        <v>7981.8</v>
      </c>
      <c r="D14572">
        <v>2.8</v>
      </c>
      <c r="E14572">
        <v>4657.34</v>
      </c>
      <c r="F14572">
        <v>71.703800000000001</v>
      </c>
    </row>
    <row r="14573" spans="1:6" x14ac:dyDescent="0.25">
      <c r="A14573">
        <v>167.67</v>
      </c>
      <c r="B14573">
        <v>182.26</v>
      </c>
      <c r="C14573">
        <v>7981.8</v>
      </c>
      <c r="D14573">
        <v>3.1</v>
      </c>
      <c r="E14573">
        <v>4511.97</v>
      </c>
      <c r="F14573">
        <v>73.101900000000001</v>
      </c>
    </row>
    <row r="14574" spans="1:6" x14ac:dyDescent="0.25">
      <c r="A14574">
        <v>167.67</v>
      </c>
      <c r="B14574">
        <v>182.26</v>
      </c>
      <c r="C14574">
        <v>7981.8</v>
      </c>
      <c r="D14574">
        <v>3.4</v>
      </c>
      <c r="E14574">
        <v>4535.6400000000003</v>
      </c>
      <c r="F14574">
        <v>72.049800000000005</v>
      </c>
    </row>
    <row r="14575" spans="1:6" x14ac:dyDescent="0.25">
      <c r="A14575">
        <v>167.67</v>
      </c>
      <c r="B14575">
        <v>182.26</v>
      </c>
      <c r="C14575">
        <v>7981.8</v>
      </c>
      <c r="D14575">
        <v>3.7</v>
      </c>
      <c r="E14575">
        <v>4355.29</v>
      </c>
      <c r="F14575">
        <v>75.409700000000001</v>
      </c>
    </row>
    <row r="14576" spans="1:6" x14ac:dyDescent="0.25">
      <c r="A14576">
        <v>167.67</v>
      </c>
      <c r="B14576">
        <v>182.26</v>
      </c>
      <c r="C14576">
        <v>7981.8</v>
      </c>
      <c r="D14576">
        <v>4</v>
      </c>
      <c r="E14576">
        <v>4361.99</v>
      </c>
      <c r="F14576">
        <v>74.384699999999995</v>
      </c>
    </row>
    <row r="14577" spans="1:6" x14ac:dyDescent="0.25">
      <c r="A14577">
        <v>167.67</v>
      </c>
      <c r="B14577">
        <v>182.26</v>
      </c>
      <c r="C14577">
        <v>9527.25</v>
      </c>
      <c r="D14577">
        <v>1</v>
      </c>
      <c r="E14577">
        <v>5775.93</v>
      </c>
      <c r="F14577">
        <v>68.071700000000007</v>
      </c>
    </row>
    <row r="14578" spans="1:6" x14ac:dyDescent="0.25">
      <c r="A14578">
        <v>167.67</v>
      </c>
      <c r="B14578">
        <v>182.26</v>
      </c>
      <c r="C14578">
        <v>9527.25</v>
      </c>
      <c r="D14578">
        <v>1.3</v>
      </c>
      <c r="E14578">
        <v>5350.28</v>
      </c>
      <c r="F14578">
        <v>71.020300000000006</v>
      </c>
    </row>
    <row r="14579" spans="1:6" x14ac:dyDescent="0.25">
      <c r="A14579">
        <v>167.67</v>
      </c>
      <c r="B14579">
        <v>182.26</v>
      </c>
      <c r="C14579">
        <v>9527.25</v>
      </c>
      <c r="D14579">
        <v>1.6</v>
      </c>
      <c r="E14579">
        <v>5111.9399999999996</v>
      </c>
      <c r="F14579">
        <v>71.690399999999997</v>
      </c>
    </row>
    <row r="14580" spans="1:6" x14ac:dyDescent="0.25">
      <c r="A14580">
        <v>167.67</v>
      </c>
      <c r="B14580">
        <v>182.26</v>
      </c>
      <c r="C14580">
        <v>9527.25</v>
      </c>
      <c r="D14580">
        <v>1.9</v>
      </c>
      <c r="E14580">
        <v>4987.7</v>
      </c>
      <c r="F14580">
        <v>69.316500000000005</v>
      </c>
    </row>
    <row r="14581" spans="1:6" x14ac:dyDescent="0.25">
      <c r="A14581">
        <v>167.67</v>
      </c>
      <c r="B14581">
        <v>182.26</v>
      </c>
      <c r="C14581">
        <v>9527.25</v>
      </c>
      <c r="D14581">
        <v>2.2000000000000002</v>
      </c>
      <c r="E14581">
        <v>4823.3500000000004</v>
      </c>
      <c r="F14581">
        <v>73.441599999999994</v>
      </c>
    </row>
    <row r="14582" spans="1:6" x14ac:dyDescent="0.25">
      <c r="A14582">
        <v>167.67</v>
      </c>
      <c r="B14582">
        <v>182.26</v>
      </c>
      <c r="C14582">
        <v>9527.25</v>
      </c>
      <c r="D14582">
        <v>2.5</v>
      </c>
      <c r="E14582">
        <v>4675.26</v>
      </c>
      <c r="F14582">
        <v>63.775199999999998</v>
      </c>
    </row>
    <row r="14583" spans="1:6" x14ac:dyDescent="0.25">
      <c r="A14583">
        <v>167.67</v>
      </c>
      <c r="B14583">
        <v>182.26</v>
      </c>
      <c r="C14583">
        <v>9527.25</v>
      </c>
      <c r="D14583">
        <v>2.8</v>
      </c>
      <c r="E14583">
        <v>4657.34</v>
      </c>
      <c r="F14583">
        <v>71.703800000000001</v>
      </c>
    </row>
    <row r="14584" spans="1:6" x14ac:dyDescent="0.25">
      <c r="A14584">
        <v>167.67</v>
      </c>
      <c r="B14584">
        <v>182.26</v>
      </c>
      <c r="C14584">
        <v>9527.25</v>
      </c>
      <c r="D14584">
        <v>3.1</v>
      </c>
      <c r="E14584">
        <v>4511.97</v>
      </c>
      <c r="F14584">
        <v>73.101900000000001</v>
      </c>
    </row>
    <row r="14585" spans="1:6" x14ac:dyDescent="0.25">
      <c r="A14585">
        <v>167.67</v>
      </c>
      <c r="B14585">
        <v>182.26</v>
      </c>
      <c r="C14585">
        <v>9527.25</v>
      </c>
      <c r="D14585">
        <v>3.4</v>
      </c>
      <c r="E14585">
        <v>4535.6400000000003</v>
      </c>
      <c r="F14585">
        <v>72.049800000000005</v>
      </c>
    </row>
    <row r="14586" spans="1:6" x14ac:dyDescent="0.25">
      <c r="A14586">
        <v>167.67</v>
      </c>
      <c r="B14586">
        <v>182.26</v>
      </c>
      <c r="C14586">
        <v>9527.25</v>
      </c>
      <c r="D14586">
        <v>3.7</v>
      </c>
      <c r="E14586">
        <v>4355.29</v>
      </c>
      <c r="F14586">
        <v>75.409700000000001</v>
      </c>
    </row>
    <row r="14587" spans="1:6" x14ac:dyDescent="0.25">
      <c r="A14587">
        <v>167.67</v>
      </c>
      <c r="B14587">
        <v>182.26</v>
      </c>
      <c r="C14587">
        <v>9527.25</v>
      </c>
      <c r="D14587">
        <v>4</v>
      </c>
      <c r="E14587">
        <v>4361.99</v>
      </c>
      <c r="F14587">
        <v>74.384699999999995</v>
      </c>
    </row>
    <row r="14588" spans="1:6" x14ac:dyDescent="0.25">
      <c r="A14588">
        <v>167.67</v>
      </c>
      <c r="B14588">
        <v>182.26</v>
      </c>
      <c r="C14588">
        <v>11072.7</v>
      </c>
      <c r="D14588">
        <v>1</v>
      </c>
      <c r="E14588">
        <v>5775.93</v>
      </c>
      <c r="F14588">
        <v>68.071700000000007</v>
      </c>
    </row>
    <row r="14589" spans="1:6" x14ac:dyDescent="0.25">
      <c r="A14589">
        <v>167.67</v>
      </c>
      <c r="B14589">
        <v>182.26</v>
      </c>
      <c r="C14589">
        <v>11072.7</v>
      </c>
      <c r="D14589">
        <v>1.3</v>
      </c>
      <c r="E14589">
        <v>5350.28</v>
      </c>
      <c r="F14589">
        <v>71.020300000000006</v>
      </c>
    </row>
    <row r="14590" spans="1:6" x14ac:dyDescent="0.25">
      <c r="A14590">
        <v>167.67</v>
      </c>
      <c r="B14590">
        <v>182.26</v>
      </c>
      <c r="C14590">
        <v>11072.7</v>
      </c>
      <c r="D14590">
        <v>1.6</v>
      </c>
      <c r="E14590">
        <v>5111.9399999999996</v>
      </c>
      <c r="F14590">
        <v>71.690399999999997</v>
      </c>
    </row>
    <row r="14591" spans="1:6" x14ac:dyDescent="0.25">
      <c r="A14591">
        <v>167.67</v>
      </c>
      <c r="B14591">
        <v>182.26</v>
      </c>
      <c r="C14591">
        <v>11072.7</v>
      </c>
      <c r="D14591">
        <v>1.9</v>
      </c>
      <c r="E14591">
        <v>4987.7</v>
      </c>
      <c r="F14591">
        <v>69.316500000000005</v>
      </c>
    </row>
    <row r="14592" spans="1:6" x14ac:dyDescent="0.25">
      <c r="A14592">
        <v>167.67</v>
      </c>
      <c r="B14592">
        <v>182.26</v>
      </c>
      <c r="C14592">
        <v>11072.7</v>
      </c>
      <c r="D14592">
        <v>2.2000000000000002</v>
      </c>
      <c r="E14592">
        <v>4823.3500000000004</v>
      </c>
      <c r="F14592">
        <v>73.441599999999994</v>
      </c>
    </row>
    <row r="14593" spans="1:6" x14ac:dyDescent="0.25">
      <c r="A14593">
        <v>167.67</v>
      </c>
      <c r="B14593">
        <v>182.26</v>
      </c>
      <c r="C14593">
        <v>11072.7</v>
      </c>
      <c r="D14593">
        <v>2.5</v>
      </c>
      <c r="E14593">
        <v>4675.26</v>
      </c>
      <c r="F14593">
        <v>63.775199999999998</v>
      </c>
    </row>
    <row r="14594" spans="1:6" x14ac:dyDescent="0.25">
      <c r="A14594">
        <v>167.67</v>
      </c>
      <c r="B14594">
        <v>182.26</v>
      </c>
      <c r="C14594">
        <v>11072.7</v>
      </c>
      <c r="D14594">
        <v>2.8</v>
      </c>
      <c r="E14594">
        <v>4657.34</v>
      </c>
      <c r="F14594">
        <v>71.703800000000001</v>
      </c>
    </row>
    <row r="14595" spans="1:6" x14ac:dyDescent="0.25">
      <c r="A14595">
        <v>167.67</v>
      </c>
      <c r="B14595">
        <v>182.26</v>
      </c>
      <c r="C14595">
        <v>11072.7</v>
      </c>
      <c r="D14595">
        <v>3.1</v>
      </c>
      <c r="E14595">
        <v>4511.97</v>
      </c>
      <c r="F14595">
        <v>73.101900000000001</v>
      </c>
    </row>
    <row r="14596" spans="1:6" x14ac:dyDescent="0.25">
      <c r="A14596">
        <v>167.67</v>
      </c>
      <c r="B14596">
        <v>182.26</v>
      </c>
      <c r="C14596">
        <v>11072.7</v>
      </c>
      <c r="D14596">
        <v>3.4</v>
      </c>
      <c r="E14596">
        <v>4535.6400000000003</v>
      </c>
      <c r="F14596">
        <v>72.049800000000005</v>
      </c>
    </row>
    <row r="14597" spans="1:6" x14ac:dyDescent="0.25">
      <c r="A14597">
        <v>167.67</v>
      </c>
      <c r="B14597">
        <v>182.26</v>
      </c>
      <c r="C14597">
        <v>11072.7</v>
      </c>
      <c r="D14597">
        <v>3.7</v>
      </c>
      <c r="E14597">
        <v>4355.29</v>
      </c>
      <c r="F14597">
        <v>75.409700000000001</v>
      </c>
    </row>
    <row r="14598" spans="1:6" x14ac:dyDescent="0.25">
      <c r="A14598">
        <v>167.67</v>
      </c>
      <c r="B14598">
        <v>182.26</v>
      </c>
      <c r="C14598">
        <v>11072.7</v>
      </c>
      <c r="D14598">
        <v>4</v>
      </c>
      <c r="E14598">
        <v>4361.99</v>
      </c>
      <c r="F14598">
        <v>74.384699999999995</v>
      </c>
    </row>
    <row r="14599" spans="1:6" x14ac:dyDescent="0.25">
      <c r="A14599">
        <v>167.67</v>
      </c>
      <c r="B14599">
        <v>182.26</v>
      </c>
      <c r="C14599">
        <v>12618.2</v>
      </c>
      <c r="D14599">
        <v>1</v>
      </c>
      <c r="E14599">
        <v>5775.93</v>
      </c>
      <c r="F14599">
        <v>68.071700000000007</v>
      </c>
    </row>
    <row r="14600" spans="1:6" x14ac:dyDescent="0.25">
      <c r="A14600">
        <v>167.67</v>
      </c>
      <c r="B14600">
        <v>182.26</v>
      </c>
      <c r="C14600">
        <v>12618.2</v>
      </c>
      <c r="D14600">
        <v>1.3</v>
      </c>
      <c r="E14600">
        <v>5350.28</v>
      </c>
      <c r="F14600">
        <v>71.020300000000006</v>
      </c>
    </row>
    <row r="14601" spans="1:6" x14ac:dyDescent="0.25">
      <c r="A14601">
        <v>167.67</v>
      </c>
      <c r="B14601">
        <v>182.26</v>
      </c>
      <c r="C14601">
        <v>12618.2</v>
      </c>
      <c r="D14601">
        <v>1.6</v>
      </c>
      <c r="E14601">
        <v>5111.9399999999996</v>
      </c>
      <c r="F14601">
        <v>71.690399999999997</v>
      </c>
    </row>
    <row r="14602" spans="1:6" x14ac:dyDescent="0.25">
      <c r="A14602">
        <v>167.67</v>
      </c>
      <c r="B14602">
        <v>182.26</v>
      </c>
      <c r="C14602">
        <v>12618.2</v>
      </c>
      <c r="D14602">
        <v>1.9</v>
      </c>
      <c r="E14602">
        <v>4987.7</v>
      </c>
      <c r="F14602">
        <v>69.316500000000005</v>
      </c>
    </row>
    <row r="14603" spans="1:6" x14ac:dyDescent="0.25">
      <c r="A14603">
        <v>167.67</v>
      </c>
      <c r="B14603">
        <v>182.26</v>
      </c>
      <c r="C14603">
        <v>12618.2</v>
      </c>
      <c r="D14603">
        <v>2.2000000000000002</v>
      </c>
      <c r="E14603">
        <v>4823.3500000000004</v>
      </c>
      <c r="F14603">
        <v>73.441599999999994</v>
      </c>
    </row>
    <row r="14604" spans="1:6" x14ac:dyDescent="0.25">
      <c r="A14604">
        <v>167.67</v>
      </c>
      <c r="B14604">
        <v>182.26</v>
      </c>
      <c r="C14604">
        <v>12618.2</v>
      </c>
      <c r="D14604">
        <v>2.5</v>
      </c>
      <c r="E14604">
        <v>4675.26</v>
      </c>
      <c r="F14604">
        <v>63.775199999999998</v>
      </c>
    </row>
    <row r="14605" spans="1:6" x14ac:dyDescent="0.25">
      <c r="A14605">
        <v>167.67</v>
      </c>
      <c r="B14605">
        <v>182.26</v>
      </c>
      <c r="C14605">
        <v>12618.2</v>
      </c>
      <c r="D14605">
        <v>2.8</v>
      </c>
      <c r="E14605">
        <v>4657.34</v>
      </c>
      <c r="F14605">
        <v>71.703800000000001</v>
      </c>
    </row>
    <row r="14606" spans="1:6" x14ac:dyDescent="0.25">
      <c r="A14606">
        <v>167.67</v>
      </c>
      <c r="B14606">
        <v>182.26</v>
      </c>
      <c r="C14606">
        <v>12618.2</v>
      </c>
      <c r="D14606">
        <v>3.1</v>
      </c>
      <c r="E14606">
        <v>4511.97</v>
      </c>
      <c r="F14606">
        <v>73.101900000000001</v>
      </c>
    </row>
    <row r="14607" spans="1:6" x14ac:dyDescent="0.25">
      <c r="A14607">
        <v>167.67</v>
      </c>
      <c r="B14607">
        <v>182.26</v>
      </c>
      <c r="C14607">
        <v>12618.2</v>
      </c>
      <c r="D14607">
        <v>3.4</v>
      </c>
      <c r="E14607">
        <v>4535.6400000000003</v>
      </c>
      <c r="F14607">
        <v>72.049800000000005</v>
      </c>
    </row>
    <row r="14608" spans="1:6" x14ac:dyDescent="0.25">
      <c r="A14608">
        <v>167.67</v>
      </c>
      <c r="B14608">
        <v>182.26</v>
      </c>
      <c r="C14608">
        <v>12618.2</v>
      </c>
      <c r="D14608">
        <v>3.7</v>
      </c>
      <c r="E14608">
        <v>4355.29</v>
      </c>
      <c r="F14608">
        <v>75.409700000000001</v>
      </c>
    </row>
    <row r="14609" spans="1:6" x14ac:dyDescent="0.25">
      <c r="A14609">
        <v>167.67</v>
      </c>
      <c r="B14609">
        <v>182.26</v>
      </c>
      <c r="C14609">
        <v>12618.2</v>
      </c>
      <c r="D14609">
        <v>4</v>
      </c>
      <c r="E14609">
        <v>4361.99</v>
      </c>
      <c r="F14609">
        <v>74.384699999999995</v>
      </c>
    </row>
    <row r="14610" spans="1:6" x14ac:dyDescent="0.25">
      <c r="A14610">
        <v>167.67</v>
      </c>
      <c r="B14610">
        <v>182.26</v>
      </c>
      <c r="C14610">
        <v>14163.6</v>
      </c>
      <c r="D14610">
        <v>1</v>
      </c>
      <c r="E14610">
        <v>5775.93</v>
      </c>
      <c r="F14610">
        <v>68.071700000000007</v>
      </c>
    </row>
    <row r="14611" spans="1:6" x14ac:dyDescent="0.25">
      <c r="A14611">
        <v>167.67</v>
      </c>
      <c r="B14611">
        <v>182.26</v>
      </c>
      <c r="C14611">
        <v>14163.6</v>
      </c>
      <c r="D14611">
        <v>1.3</v>
      </c>
      <c r="E14611">
        <v>5350.28</v>
      </c>
      <c r="F14611">
        <v>71.020300000000006</v>
      </c>
    </row>
    <row r="14612" spans="1:6" x14ac:dyDescent="0.25">
      <c r="A14612">
        <v>167.67</v>
      </c>
      <c r="B14612">
        <v>182.26</v>
      </c>
      <c r="C14612">
        <v>14163.6</v>
      </c>
      <c r="D14612">
        <v>1.6</v>
      </c>
      <c r="E14612">
        <v>5111.9399999999996</v>
      </c>
      <c r="F14612">
        <v>71.690399999999997</v>
      </c>
    </row>
    <row r="14613" spans="1:6" x14ac:dyDescent="0.25">
      <c r="A14613">
        <v>167.67</v>
      </c>
      <c r="B14613">
        <v>182.26</v>
      </c>
      <c r="C14613">
        <v>14163.6</v>
      </c>
      <c r="D14613">
        <v>1.9</v>
      </c>
      <c r="E14613">
        <v>4987.7</v>
      </c>
      <c r="F14613">
        <v>69.316500000000005</v>
      </c>
    </row>
    <row r="14614" spans="1:6" x14ac:dyDescent="0.25">
      <c r="A14614">
        <v>167.67</v>
      </c>
      <c r="B14614">
        <v>182.26</v>
      </c>
      <c r="C14614">
        <v>14163.6</v>
      </c>
      <c r="D14614">
        <v>2.2000000000000002</v>
      </c>
      <c r="E14614">
        <v>4823.3500000000004</v>
      </c>
      <c r="F14614">
        <v>73.441599999999994</v>
      </c>
    </row>
    <row r="14615" spans="1:6" x14ac:dyDescent="0.25">
      <c r="A14615">
        <v>167.67</v>
      </c>
      <c r="B14615">
        <v>182.26</v>
      </c>
      <c r="C14615">
        <v>14163.6</v>
      </c>
      <c r="D14615">
        <v>2.5</v>
      </c>
      <c r="E14615">
        <v>4675.26</v>
      </c>
      <c r="F14615">
        <v>63.775199999999998</v>
      </c>
    </row>
    <row r="14616" spans="1:6" x14ac:dyDescent="0.25">
      <c r="A14616">
        <v>167.67</v>
      </c>
      <c r="B14616">
        <v>182.26</v>
      </c>
      <c r="C14616">
        <v>14163.6</v>
      </c>
      <c r="D14616">
        <v>2.8</v>
      </c>
      <c r="E14616">
        <v>4657.34</v>
      </c>
      <c r="F14616">
        <v>71.703800000000001</v>
      </c>
    </row>
    <row r="14617" spans="1:6" x14ac:dyDescent="0.25">
      <c r="A14617">
        <v>167.67</v>
      </c>
      <c r="B14617">
        <v>182.26</v>
      </c>
      <c r="C14617">
        <v>14163.6</v>
      </c>
      <c r="D14617">
        <v>3.1</v>
      </c>
      <c r="E14617">
        <v>4511.97</v>
      </c>
      <c r="F14617">
        <v>73.101900000000001</v>
      </c>
    </row>
    <row r="14618" spans="1:6" x14ac:dyDescent="0.25">
      <c r="A14618">
        <v>167.67</v>
      </c>
      <c r="B14618">
        <v>182.26</v>
      </c>
      <c r="C14618">
        <v>14163.6</v>
      </c>
      <c r="D14618">
        <v>3.4</v>
      </c>
      <c r="E14618">
        <v>4535.6400000000003</v>
      </c>
      <c r="F14618">
        <v>72.049800000000005</v>
      </c>
    </row>
    <row r="14619" spans="1:6" x14ac:dyDescent="0.25">
      <c r="A14619">
        <v>167.67</v>
      </c>
      <c r="B14619">
        <v>182.26</v>
      </c>
      <c r="C14619">
        <v>14163.6</v>
      </c>
      <c r="D14619">
        <v>3.7</v>
      </c>
      <c r="E14619">
        <v>4355.29</v>
      </c>
      <c r="F14619">
        <v>75.409700000000001</v>
      </c>
    </row>
    <row r="14620" spans="1:6" x14ac:dyDescent="0.25">
      <c r="A14620">
        <v>167.67</v>
      </c>
      <c r="B14620">
        <v>182.26</v>
      </c>
      <c r="C14620">
        <v>14163.6</v>
      </c>
      <c r="D14620">
        <v>4</v>
      </c>
      <c r="E14620">
        <v>4361.99</v>
      </c>
      <c r="F14620">
        <v>74.384699999999995</v>
      </c>
    </row>
    <row r="14621" spans="1:6" x14ac:dyDescent="0.25">
      <c r="A14621">
        <v>167.67</v>
      </c>
      <c r="B14621">
        <v>182.26</v>
      </c>
      <c r="C14621">
        <v>15709.1</v>
      </c>
      <c r="D14621">
        <v>1</v>
      </c>
      <c r="E14621">
        <v>5775.93</v>
      </c>
      <c r="F14621">
        <v>68.071700000000007</v>
      </c>
    </row>
    <row r="14622" spans="1:6" x14ac:dyDescent="0.25">
      <c r="A14622">
        <v>167.67</v>
      </c>
      <c r="B14622">
        <v>182.26</v>
      </c>
      <c r="C14622">
        <v>15709.1</v>
      </c>
      <c r="D14622">
        <v>1.3</v>
      </c>
      <c r="E14622">
        <v>5350.28</v>
      </c>
      <c r="F14622">
        <v>71.020300000000006</v>
      </c>
    </row>
    <row r="14623" spans="1:6" x14ac:dyDescent="0.25">
      <c r="A14623">
        <v>167.67</v>
      </c>
      <c r="B14623">
        <v>182.26</v>
      </c>
      <c r="C14623">
        <v>15709.1</v>
      </c>
      <c r="D14623">
        <v>1.6</v>
      </c>
      <c r="E14623">
        <v>5111.9399999999996</v>
      </c>
      <c r="F14623">
        <v>71.690399999999997</v>
      </c>
    </row>
    <row r="14624" spans="1:6" x14ac:dyDescent="0.25">
      <c r="A14624">
        <v>167.67</v>
      </c>
      <c r="B14624">
        <v>182.26</v>
      </c>
      <c r="C14624">
        <v>15709.1</v>
      </c>
      <c r="D14624">
        <v>1.9</v>
      </c>
      <c r="E14624">
        <v>4987.7</v>
      </c>
      <c r="F14624">
        <v>69.316500000000005</v>
      </c>
    </row>
    <row r="14625" spans="1:6" x14ac:dyDescent="0.25">
      <c r="A14625">
        <v>167.67</v>
      </c>
      <c r="B14625">
        <v>182.26</v>
      </c>
      <c r="C14625">
        <v>15709.1</v>
      </c>
      <c r="D14625">
        <v>2.2000000000000002</v>
      </c>
      <c r="E14625">
        <v>4823.3500000000004</v>
      </c>
      <c r="F14625">
        <v>73.441599999999994</v>
      </c>
    </row>
    <row r="14626" spans="1:6" x14ac:dyDescent="0.25">
      <c r="A14626">
        <v>167.67</v>
      </c>
      <c r="B14626">
        <v>182.26</v>
      </c>
      <c r="C14626">
        <v>15709.1</v>
      </c>
      <c r="D14626">
        <v>2.5</v>
      </c>
      <c r="E14626">
        <v>4675.26</v>
      </c>
      <c r="F14626">
        <v>63.775199999999998</v>
      </c>
    </row>
    <row r="14627" spans="1:6" x14ac:dyDescent="0.25">
      <c r="A14627">
        <v>167.67</v>
      </c>
      <c r="B14627">
        <v>182.26</v>
      </c>
      <c r="C14627">
        <v>15709.1</v>
      </c>
      <c r="D14627">
        <v>2.8</v>
      </c>
      <c r="E14627">
        <v>4657.34</v>
      </c>
      <c r="F14627">
        <v>71.703800000000001</v>
      </c>
    </row>
    <row r="14628" spans="1:6" x14ac:dyDescent="0.25">
      <c r="A14628">
        <v>167.67</v>
      </c>
      <c r="B14628">
        <v>182.26</v>
      </c>
      <c r="C14628">
        <v>15709.1</v>
      </c>
      <c r="D14628">
        <v>3.1</v>
      </c>
      <c r="E14628">
        <v>4511.97</v>
      </c>
      <c r="F14628">
        <v>73.101900000000001</v>
      </c>
    </row>
    <row r="14629" spans="1:6" x14ac:dyDescent="0.25">
      <c r="A14629">
        <v>167.67</v>
      </c>
      <c r="B14629">
        <v>182.26</v>
      </c>
      <c r="C14629">
        <v>15709.1</v>
      </c>
      <c r="D14629">
        <v>3.4</v>
      </c>
      <c r="E14629">
        <v>4535.6400000000003</v>
      </c>
      <c r="F14629">
        <v>72.049800000000005</v>
      </c>
    </row>
    <row r="14630" spans="1:6" x14ac:dyDescent="0.25">
      <c r="A14630">
        <v>167.67</v>
      </c>
      <c r="B14630">
        <v>182.26</v>
      </c>
      <c r="C14630">
        <v>15709.1</v>
      </c>
      <c r="D14630">
        <v>3.7</v>
      </c>
      <c r="E14630">
        <v>4355.29</v>
      </c>
      <c r="F14630">
        <v>75.409700000000001</v>
      </c>
    </row>
    <row r="14631" spans="1:6" x14ac:dyDescent="0.25">
      <c r="A14631">
        <v>167.67</v>
      </c>
      <c r="B14631">
        <v>182.26</v>
      </c>
      <c r="C14631">
        <v>15709.1</v>
      </c>
      <c r="D14631">
        <v>4</v>
      </c>
      <c r="E14631">
        <v>4361.99</v>
      </c>
      <c r="F14631">
        <v>74.384699999999995</v>
      </c>
    </row>
    <row r="14632" spans="1:6" x14ac:dyDescent="0.25">
      <c r="A14632">
        <v>167.67</v>
      </c>
      <c r="B14632">
        <v>182.26</v>
      </c>
      <c r="C14632">
        <v>17254.5</v>
      </c>
      <c r="D14632">
        <v>1</v>
      </c>
      <c r="E14632">
        <v>5775.93</v>
      </c>
      <c r="F14632">
        <v>68.071700000000007</v>
      </c>
    </row>
    <row r="14633" spans="1:6" x14ac:dyDescent="0.25">
      <c r="A14633">
        <v>167.67</v>
      </c>
      <c r="B14633">
        <v>182.26</v>
      </c>
      <c r="C14633">
        <v>17254.5</v>
      </c>
      <c r="D14633">
        <v>1.3</v>
      </c>
      <c r="E14633">
        <v>5350.28</v>
      </c>
      <c r="F14633">
        <v>71.020300000000006</v>
      </c>
    </row>
    <row r="14634" spans="1:6" x14ac:dyDescent="0.25">
      <c r="A14634">
        <v>167.67</v>
      </c>
      <c r="B14634">
        <v>182.26</v>
      </c>
      <c r="C14634">
        <v>17254.5</v>
      </c>
      <c r="D14634">
        <v>1.6</v>
      </c>
      <c r="E14634">
        <v>5111.9399999999996</v>
      </c>
      <c r="F14634">
        <v>71.690399999999997</v>
      </c>
    </row>
    <row r="14635" spans="1:6" x14ac:dyDescent="0.25">
      <c r="A14635">
        <v>167.67</v>
      </c>
      <c r="B14635">
        <v>182.26</v>
      </c>
      <c r="C14635">
        <v>17254.5</v>
      </c>
      <c r="D14635">
        <v>1.9</v>
      </c>
      <c r="E14635">
        <v>4987.7</v>
      </c>
      <c r="F14635">
        <v>69.316500000000005</v>
      </c>
    </row>
    <row r="14636" spans="1:6" x14ac:dyDescent="0.25">
      <c r="A14636">
        <v>167.67</v>
      </c>
      <c r="B14636">
        <v>182.26</v>
      </c>
      <c r="C14636">
        <v>17254.5</v>
      </c>
      <c r="D14636">
        <v>2.2000000000000002</v>
      </c>
      <c r="E14636">
        <v>4823.3500000000004</v>
      </c>
      <c r="F14636">
        <v>73.441599999999994</v>
      </c>
    </row>
    <row r="14637" spans="1:6" x14ac:dyDescent="0.25">
      <c r="A14637">
        <v>167.67</v>
      </c>
      <c r="B14637">
        <v>182.26</v>
      </c>
      <c r="C14637">
        <v>17254.5</v>
      </c>
      <c r="D14637">
        <v>2.5</v>
      </c>
      <c r="E14637">
        <v>4675.26</v>
      </c>
      <c r="F14637">
        <v>63.775199999999998</v>
      </c>
    </row>
    <row r="14638" spans="1:6" x14ac:dyDescent="0.25">
      <c r="A14638">
        <v>167.67</v>
      </c>
      <c r="B14638">
        <v>182.26</v>
      </c>
      <c r="C14638">
        <v>17254.5</v>
      </c>
      <c r="D14638">
        <v>2.8</v>
      </c>
      <c r="E14638">
        <v>4657.34</v>
      </c>
      <c r="F14638">
        <v>71.703800000000001</v>
      </c>
    </row>
    <row r="14639" spans="1:6" x14ac:dyDescent="0.25">
      <c r="A14639">
        <v>167.67</v>
      </c>
      <c r="B14639">
        <v>182.26</v>
      </c>
      <c r="C14639">
        <v>17254.5</v>
      </c>
      <c r="D14639">
        <v>3.1</v>
      </c>
      <c r="E14639">
        <v>4511.97</v>
      </c>
      <c r="F14639">
        <v>73.101900000000001</v>
      </c>
    </row>
    <row r="14640" spans="1:6" x14ac:dyDescent="0.25">
      <c r="A14640">
        <v>167.67</v>
      </c>
      <c r="B14640">
        <v>182.26</v>
      </c>
      <c r="C14640">
        <v>17254.5</v>
      </c>
      <c r="D14640">
        <v>3.4</v>
      </c>
      <c r="E14640">
        <v>4535.6400000000003</v>
      </c>
      <c r="F14640">
        <v>72.049800000000005</v>
      </c>
    </row>
    <row r="14641" spans="1:6" x14ac:dyDescent="0.25">
      <c r="A14641">
        <v>167.67</v>
      </c>
      <c r="B14641">
        <v>182.26</v>
      </c>
      <c r="C14641">
        <v>17254.5</v>
      </c>
      <c r="D14641">
        <v>3.7</v>
      </c>
      <c r="E14641">
        <v>4355.29</v>
      </c>
      <c r="F14641">
        <v>75.409700000000001</v>
      </c>
    </row>
    <row r="14642" spans="1:6" x14ac:dyDescent="0.25">
      <c r="A14642">
        <v>167.67</v>
      </c>
      <c r="B14642">
        <v>182.26</v>
      </c>
      <c r="C14642">
        <v>17254.5</v>
      </c>
      <c r="D14642">
        <v>4</v>
      </c>
      <c r="E14642">
        <v>4361.99</v>
      </c>
      <c r="F14642">
        <v>74.384699999999995</v>
      </c>
    </row>
    <row r="14643" spans="1:6" x14ac:dyDescent="0.25">
      <c r="A14643">
        <v>167.67</v>
      </c>
      <c r="B14643">
        <v>182.26</v>
      </c>
      <c r="C14643">
        <v>18800</v>
      </c>
      <c r="D14643">
        <v>1</v>
      </c>
      <c r="E14643">
        <v>5775.93</v>
      </c>
      <c r="F14643">
        <v>68.071700000000007</v>
      </c>
    </row>
    <row r="14644" spans="1:6" x14ac:dyDescent="0.25">
      <c r="A14644">
        <v>167.67</v>
      </c>
      <c r="B14644">
        <v>182.26</v>
      </c>
      <c r="C14644">
        <v>18800</v>
      </c>
      <c r="D14644">
        <v>1.3</v>
      </c>
      <c r="E14644">
        <v>5350.28</v>
      </c>
      <c r="F14644">
        <v>71.020300000000006</v>
      </c>
    </row>
    <row r="14645" spans="1:6" x14ac:dyDescent="0.25">
      <c r="A14645">
        <v>167.67</v>
      </c>
      <c r="B14645">
        <v>182.26</v>
      </c>
      <c r="C14645">
        <v>18800</v>
      </c>
      <c r="D14645">
        <v>1.6</v>
      </c>
      <c r="E14645">
        <v>5111.9399999999996</v>
      </c>
      <c r="F14645">
        <v>71.690399999999997</v>
      </c>
    </row>
    <row r="14646" spans="1:6" x14ac:dyDescent="0.25">
      <c r="A14646">
        <v>167.67</v>
      </c>
      <c r="B14646">
        <v>182.26</v>
      </c>
      <c r="C14646">
        <v>18800</v>
      </c>
      <c r="D14646">
        <v>1.9</v>
      </c>
      <c r="E14646">
        <v>4987.7</v>
      </c>
      <c r="F14646">
        <v>69.316500000000005</v>
      </c>
    </row>
    <row r="14647" spans="1:6" x14ac:dyDescent="0.25">
      <c r="A14647">
        <v>167.67</v>
      </c>
      <c r="B14647">
        <v>182.26</v>
      </c>
      <c r="C14647">
        <v>18800</v>
      </c>
      <c r="D14647">
        <v>2.2000000000000002</v>
      </c>
      <c r="E14647">
        <v>4823.3500000000004</v>
      </c>
      <c r="F14647">
        <v>73.441599999999994</v>
      </c>
    </row>
    <row r="14648" spans="1:6" x14ac:dyDescent="0.25">
      <c r="A14648">
        <v>167.67</v>
      </c>
      <c r="B14648">
        <v>182.26</v>
      </c>
      <c r="C14648">
        <v>18800</v>
      </c>
      <c r="D14648">
        <v>2.5</v>
      </c>
      <c r="E14648">
        <v>4675.26</v>
      </c>
      <c r="F14648">
        <v>63.775199999999998</v>
      </c>
    </row>
    <row r="14649" spans="1:6" x14ac:dyDescent="0.25">
      <c r="A14649">
        <v>167.67</v>
      </c>
      <c r="B14649">
        <v>182.26</v>
      </c>
      <c r="C14649">
        <v>18800</v>
      </c>
      <c r="D14649">
        <v>2.8</v>
      </c>
      <c r="E14649">
        <v>4657.34</v>
      </c>
      <c r="F14649">
        <v>71.703800000000001</v>
      </c>
    </row>
    <row r="14650" spans="1:6" x14ac:dyDescent="0.25">
      <c r="A14650">
        <v>167.67</v>
      </c>
      <c r="B14650">
        <v>182.26</v>
      </c>
      <c r="C14650">
        <v>18800</v>
      </c>
      <c r="D14650">
        <v>3.1</v>
      </c>
      <c r="E14650">
        <v>4511.97</v>
      </c>
      <c r="F14650">
        <v>73.101900000000001</v>
      </c>
    </row>
    <row r="14651" spans="1:6" x14ac:dyDescent="0.25">
      <c r="A14651">
        <v>167.67</v>
      </c>
      <c r="B14651">
        <v>182.26</v>
      </c>
      <c r="C14651">
        <v>18800</v>
      </c>
      <c r="D14651">
        <v>3.4</v>
      </c>
      <c r="E14651">
        <v>4535.6400000000003</v>
      </c>
      <c r="F14651">
        <v>72.049800000000005</v>
      </c>
    </row>
    <row r="14652" spans="1:6" x14ac:dyDescent="0.25">
      <c r="A14652">
        <v>167.67</v>
      </c>
      <c r="B14652">
        <v>182.26</v>
      </c>
      <c r="C14652">
        <v>18800</v>
      </c>
      <c r="D14652">
        <v>3.7</v>
      </c>
      <c r="E14652">
        <v>4355.29</v>
      </c>
      <c r="F14652">
        <v>75.409700000000001</v>
      </c>
    </row>
    <row r="14653" spans="1:6" x14ac:dyDescent="0.25">
      <c r="A14653">
        <v>167.67</v>
      </c>
      <c r="B14653">
        <v>182.26</v>
      </c>
      <c r="C14653">
        <v>18800</v>
      </c>
      <c r="D14653">
        <v>4</v>
      </c>
      <c r="E14653">
        <v>4361.99</v>
      </c>
      <c r="F14653">
        <v>74.384699999999995</v>
      </c>
    </row>
    <row r="14654" spans="1:6" x14ac:dyDescent="0.25">
      <c r="A14654">
        <v>167.67</v>
      </c>
      <c r="B14654">
        <v>185.89</v>
      </c>
      <c r="C14654">
        <v>1800</v>
      </c>
      <c r="D14654">
        <v>1</v>
      </c>
      <c r="E14654">
        <v>5200.8500000000004</v>
      </c>
      <c r="F14654">
        <v>68.071700000000007</v>
      </c>
    </row>
    <row r="14655" spans="1:6" x14ac:dyDescent="0.25">
      <c r="A14655">
        <v>167.67</v>
      </c>
      <c r="B14655">
        <v>185.89</v>
      </c>
      <c r="C14655">
        <v>1800</v>
      </c>
      <c r="D14655">
        <v>1.3</v>
      </c>
      <c r="E14655">
        <v>4586.66</v>
      </c>
      <c r="F14655">
        <v>71.020300000000006</v>
      </c>
    </row>
    <row r="14656" spans="1:6" x14ac:dyDescent="0.25">
      <c r="A14656">
        <v>167.67</v>
      </c>
      <c r="B14656">
        <v>185.89</v>
      </c>
      <c r="C14656">
        <v>1800</v>
      </c>
      <c r="D14656">
        <v>1.6</v>
      </c>
      <c r="E14656">
        <v>4230.63</v>
      </c>
      <c r="F14656">
        <v>71.690399999999997</v>
      </c>
    </row>
    <row r="14657" spans="1:6" x14ac:dyDescent="0.25">
      <c r="A14657">
        <v>167.67</v>
      </c>
      <c r="B14657">
        <v>185.89</v>
      </c>
      <c r="C14657">
        <v>1800</v>
      </c>
      <c r="D14657">
        <v>1.9</v>
      </c>
      <c r="E14657">
        <v>3934.15</v>
      </c>
      <c r="F14657">
        <v>69.316500000000005</v>
      </c>
    </row>
    <row r="14658" spans="1:6" x14ac:dyDescent="0.25">
      <c r="A14658">
        <v>167.67</v>
      </c>
      <c r="B14658">
        <v>185.89</v>
      </c>
      <c r="C14658">
        <v>1800</v>
      </c>
      <c r="D14658">
        <v>2.2000000000000002</v>
      </c>
      <c r="E14658">
        <v>3720.47</v>
      </c>
      <c r="F14658">
        <v>70.762</v>
      </c>
    </row>
    <row r="14659" spans="1:6" x14ac:dyDescent="0.25">
      <c r="A14659">
        <v>167.67</v>
      </c>
      <c r="B14659">
        <v>185.89</v>
      </c>
      <c r="C14659">
        <v>1800</v>
      </c>
      <c r="D14659">
        <v>2.5</v>
      </c>
      <c r="E14659">
        <v>3573.64</v>
      </c>
      <c r="F14659">
        <v>58.161099999999998</v>
      </c>
    </row>
    <row r="14660" spans="1:6" x14ac:dyDescent="0.25">
      <c r="A14660">
        <v>167.67</v>
      </c>
      <c r="B14660">
        <v>185.89</v>
      </c>
      <c r="C14660">
        <v>1800</v>
      </c>
      <c r="D14660">
        <v>2.8</v>
      </c>
      <c r="E14660">
        <v>3393.87</v>
      </c>
      <c r="F14660">
        <v>67.951499999999996</v>
      </c>
    </row>
    <row r="14661" spans="1:6" x14ac:dyDescent="0.25">
      <c r="A14661">
        <v>167.67</v>
      </c>
      <c r="B14661">
        <v>185.89</v>
      </c>
      <c r="C14661">
        <v>1800</v>
      </c>
      <c r="D14661">
        <v>3.1</v>
      </c>
      <c r="E14661">
        <v>3306.66</v>
      </c>
      <c r="F14661">
        <v>69.2072</v>
      </c>
    </row>
    <row r="14662" spans="1:6" x14ac:dyDescent="0.25">
      <c r="A14662">
        <v>167.67</v>
      </c>
      <c r="B14662">
        <v>185.89</v>
      </c>
      <c r="C14662">
        <v>1800</v>
      </c>
      <c r="D14662">
        <v>3.4</v>
      </c>
      <c r="E14662">
        <v>3207.55</v>
      </c>
      <c r="F14662">
        <v>62.561599999999999</v>
      </c>
    </row>
    <row r="14663" spans="1:6" x14ac:dyDescent="0.25">
      <c r="A14663">
        <v>167.67</v>
      </c>
      <c r="B14663">
        <v>185.89</v>
      </c>
      <c r="C14663">
        <v>1800</v>
      </c>
      <c r="D14663">
        <v>3.7</v>
      </c>
      <c r="E14663">
        <v>3218.83</v>
      </c>
      <c r="F14663">
        <v>64.258499999999998</v>
      </c>
    </row>
    <row r="14664" spans="1:6" x14ac:dyDescent="0.25">
      <c r="A14664">
        <v>167.67</v>
      </c>
      <c r="B14664">
        <v>185.89</v>
      </c>
      <c r="C14664">
        <v>1800</v>
      </c>
      <c r="D14664">
        <v>4</v>
      </c>
      <c r="E14664">
        <v>3152.56</v>
      </c>
      <c r="F14664">
        <v>61.8521</v>
      </c>
    </row>
    <row r="14665" spans="1:6" x14ac:dyDescent="0.25">
      <c r="A14665">
        <v>167.67</v>
      </c>
      <c r="B14665">
        <v>185.89</v>
      </c>
      <c r="C14665">
        <v>3345.45</v>
      </c>
      <c r="D14665">
        <v>1</v>
      </c>
      <c r="E14665">
        <v>5775.93</v>
      </c>
      <c r="F14665">
        <v>68.071700000000007</v>
      </c>
    </row>
    <row r="14666" spans="1:6" x14ac:dyDescent="0.25">
      <c r="A14666">
        <v>167.67</v>
      </c>
      <c r="B14666">
        <v>185.89</v>
      </c>
      <c r="C14666">
        <v>3345.45</v>
      </c>
      <c r="D14666">
        <v>1.3</v>
      </c>
      <c r="E14666">
        <v>5350.28</v>
      </c>
      <c r="F14666">
        <v>71.020300000000006</v>
      </c>
    </row>
    <row r="14667" spans="1:6" x14ac:dyDescent="0.25">
      <c r="A14667">
        <v>167.67</v>
      </c>
      <c r="B14667">
        <v>185.89</v>
      </c>
      <c r="C14667">
        <v>3345.45</v>
      </c>
      <c r="D14667">
        <v>1.6</v>
      </c>
      <c r="E14667">
        <v>5111.9399999999996</v>
      </c>
      <c r="F14667">
        <v>71.690399999999997</v>
      </c>
    </row>
    <row r="14668" spans="1:6" x14ac:dyDescent="0.25">
      <c r="A14668">
        <v>167.67</v>
      </c>
      <c r="B14668">
        <v>185.89</v>
      </c>
      <c r="C14668">
        <v>3345.45</v>
      </c>
      <c r="D14668">
        <v>1.9</v>
      </c>
      <c r="E14668">
        <v>4987.7</v>
      </c>
      <c r="F14668">
        <v>69.316500000000005</v>
      </c>
    </row>
    <row r="14669" spans="1:6" x14ac:dyDescent="0.25">
      <c r="A14669">
        <v>167.67</v>
      </c>
      <c r="B14669">
        <v>185.89</v>
      </c>
      <c r="C14669">
        <v>3345.45</v>
      </c>
      <c r="D14669">
        <v>2.2000000000000002</v>
      </c>
      <c r="E14669">
        <v>4823.3500000000004</v>
      </c>
      <c r="F14669">
        <v>73.441599999999994</v>
      </c>
    </row>
    <row r="14670" spans="1:6" x14ac:dyDescent="0.25">
      <c r="A14670">
        <v>167.67</v>
      </c>
      <c r="B14670">
        <v>185.89</v>
      </c>
      <c r="C14670">
        <v>3345.45</v>
      </c>
      <c r="D14670">
        <v>2.5</v>
      </c>
      <c r="E14670">
        <v>4675.26</v>
      </c>
      <c r="F14670">
        <v>63.775199999999998</v>
      </c>
    </row>
    <row r="14671" spans="1:6" x14ac:dyDescent="0.25">
      <c r="A14671">
        <v>167.67</v>
      </c>
      <c r="B14671">
        <v>185.89</v>
      </c>
      <c r="C14671">
        <v>3345.45</v>
      </c>
      <c r="D14671">
        <v>2.8</v>
      </c>
      <c r="E14671">
        <v>4529.8</v>
      </c>
      <c r="F14671">
        <v>71.703800000000001</v>
      </c>
    </row>
    <row r="14672" spans="1:6" x14ac:dyDescent="0.25">
      <c r="A14672">
        <v>167.67</v>
      </c>
      <c r="B14672">
        <v>185.89</v>
      </c>
      <c r="C14672">
        <v>3345.45</v>
      </c>
      <c r="D14672">
        <v>3.1</v>
      </c>
      <c r="E14672">
        <v>4570.46</v>
      </c>
      <c r="F14672">
        <v>73.101900000000001</v>
      </c>
    </row>
    <row r="14673" spans="1:6" x14ac:dyDescent="0.25">
      <c r="A14673">
        <v>167.67</v>
      </c>
      <c r="B14673">
        <v>185.89</v>
      </c>
      <c r="C14673">
        <v>3345.45</v>
      </c>
      <c r="D14673">
        <v>3.4</v>
      </c>
      <c r="E14673">
        <v>4391.59</v>
      </c>
      <c r="F14673">
        <v>72.049800000000005</v>
      </c>
    </row>
    <row r="14674" spans="1:6" x14ac:dyDescent="0.25">
      <c r="A14674">
        <v>167.67</v>
      </c>
      <c r="B14674">
        <v>185.89</v>
      </c>
      <c r="C14674">
        <v>3345.45</v>
      </c>
      <c r="D14674">
        <v>3.7</v>
      </c>
      <c r="E14674">
        <v>4366.8900000000003</v>
      </c>
      <c r="F14674">
        <v>75.409700000000001</v>
      </c>
    </row>
    <row r="14675" spans="1:6" x14ac:dyDescent="0.25">
      <c r="A14675">
        <v>167.67</v>
      </c>
      <c r="B14675">
        <v>185.89</v>
      </c>
      <c r="C14675">
        <v>3345.45</v>
      </c>
      <c r="D14675">
        <v>4</v>
      </c>
      <c r="E14675">
        <v>4337.16</v>
      </c>
      <c r="F14675">
        <v>74.384699999999995</v>
      </c>
    </row>
    <row r="14676" spans="1:6" x14ac:dyDescent="0.25">
      <c r="A14676">
        <v>167.67</v>
      </c>
      <c r="B14676">
        <v>185.89</v>
      </c>
      <c r="C14676">
        <v>4890.8999999999996</v>
      </c>
      <c r="D14676">
        <v>1</v>
      </c>
      <c r="E14676">
        <v>5775.93</v>
      </c>
      <c r="F14676">
        <v>68.071700000000007</v>
      </c>
    </row>
    <row r="14677" spans="1:6" x14ac:dyDescent="0.25">
      <c r="A14677">
        <v>167.67</v>
      </c>
      <c r="B14677">
        <v>185.89</v>
      </c>
      <c r="C14677">
        <v>4890.8999999999996</v>
      </c>
      <c r="D14677">
        <v>1.3</v>
      </c>
      <c r="E14677">
        <v>5350.28</v>
      </c>
      <c r="F14677">
        <v>71.020300000000006</v>
      </c>
    </row>
    <row r="14678" spans="1:6" x14ac:dyDescent="0.25">
      <c r="A14678">
        <v>167.67</v>
      </c>
      <c r="B14678">
        <v>185.89</v>
      </c>
      <c r="C14678">
        <v>4890.8999999999996</v>
      </c>
      <c r="D14678">
        <v>1.6</v>
      </c>
      <c r="E14678">
        <v>5111.9399999999996</v>
      </c>
      <c r="F14678">
        <v>71.690399999999997</v>
      </c>
    </row>
    <row r="14679" spans="1:6" x14ac:dyDescent="0.25">
      <c r="A14679">
        <v>167.67</v>
      </c>
      <c r="B14679">
        <v>185.89</v>
      </c>
      <c r="C14679">
        <v>4890.8999999999996</v>
      </c>
      <c r="D14679">
        <v>1.9</v>
      </c>
      <c r="E14679">
        <v>4987.7</v>
      </c>
      <c r="F14679">
        <v>69.316500000000005</v>
      </c>
    </row>
    <row r="14680" spans="1:6" x14ac:dyDescent="0.25">
      <c r="A14680">
        <v>167.67</v>
      </c>
      <c r="B14680">
        <v>185.89</v>
      </c>
      <c r="C14680">
        <v>4890.8999999999996</v>
      </c>
      <c r="D14680">
        <v>2.2000000000000002</v>
      </c>
      <c r="E14680">
        <v>4823.3500000000004</v>
      </c>
      <c r="F14680">
        <v>73.441599999999994</v>
      </c>
    </row>
    <row r="14681" spans="1:6" x14ac:dyDescent="0.25">
      <c r="A14681">
        <v>167.67</v>
      </c>
      <c r="B14681">
        <v>185.89</v>
      </c>
      <c r="C14681">
        <v>4890.8999999999996</v>
      </c>
      <c r="D14681">
        <v>2.5</v>
      </c>
      <c r="E14681">
        <v>4675.26</v>
      </c>
      <c r="F14681">
        <v>63.775199999999998</v>
      </c>
    </row>
    <row r="14682" spans="1:6" x14ac:dyDescent="0.25">
      <c r="A14682">
        <v>167.67</v>
      </c>
      <c r="B14682">
        <v>185.89</v>
      </c>
      <c r="C14682">
        <v>4890.8999999999996</v>
      </c>
      <c r="D14682">
        <v>2.8</v>
      </c>
      <c r="E14682">
        <v>4657.34</v>
      </c>
      <c r="F14682">
        <v>71.703800000000001</v>
      </c>
    </row>
    <row r="14683" spans="1:6" x14ac:dyDescent="0.25">
      <c r="A14683">
        <v>167.67</v>
      </c>
      <c r="B14683">
        <v>185.89</v>
      </c>
      <c r="C14683">
        <v>4890.8999999999996</v>
      </c>
      <c r="D14683">
        <v>3.1</v>
      </c>
      <c r="E14683">
        <v>4511.97</v>
      </c>
      <c r="F14683">
        <v>73.101900000000001</v>
      </c>
    </row>
    <row r="14684" spans="1:6" x14ac:dyDescent="0.25">
      <c r="A14684">
        <v>167.67</v>
      </c>
      <c r="B14684">
        <v>185.89</v>
      </c>
      <c r="C14684">
        <v>4890.8999999999996</v>
      </c>
      <c r="D14684">
        <v>3.4</v>
      </c>
      <c r="E14684">
        <v>4535.6400000000003</v>
      </c>
      <c r="F14684">
        <v>72.049800000000005</v>
      </c>
    </row>
    <row r="14685" spans="1:6" x14ac:dyDescent="0.25">
      <c r="A14685">
        <v>167.67</v>
      </c>
      <c r="B14685">
        <v>185.89</v>
      </c>
      <c r="C14685">
        <v>4890.8999999999996</v>
      </c>
      <c r="D14685">
        <v>3.7</v>
      </c>
      <c r="E14685">
        <v>4355.29</v>
      </c>
      <c r="F14685">
        <v>75.409700000000001</v>
      </c>
    </row>
    <row r="14686" spans="1:6" x14ac:dyDescent="0.25">
      <c r="A14686">
        <v>167.67</v>
      </c>
      <c r="B14686">
        <v>185.89</v>
      </c>
      <c r="C14686">
        <v>4890.8999999999996</v>
      </c>
      <c r="D14686">
        <v>4</v>
      </c>
      <c r="E14686">
        <v>4361.99</v>
      </c>
      <c r="F14686">
        <v>74.384699999999995</v>
      </c>
    </row>
    <row r="14687" spans="1:6" x14ac:dyDescent="0.25">
      <c r="A14687">
        <v>167.67</v>
      </c>
      <c r="B14687">
        <v>185.89</v>
      </c>
      <c r="C14687">
        <v>6436.35</v>
      </c>
      <c r="D14687">
        <v>1</v>
      </c>
      <c r="E14687">
        <v>5775.93</v>
      </c>
      <c r="F14687">
        <v>68.071700000000007</v>
      </c>
    </row>
    <row r="14688" spans="1:6" x14ac:dyDescent="0.25">
      <c r="A14688">
        <v>167.67</v>
      </c>
      <c r="B14688">
        <v>185.89</v>
      </c>
      <c r="C14688">
        <v>6436.35</v>
      </c>
      <c r="D14688">
        <v>1.3</v>
      </c>
      <c r="E14688">
        <v>5350.28</v>
      </c>
      <c r="F14688">
        <v>71.020300000000006</v>
      </c>
    </row>
    <row r="14689" spans="1:6" x14ac:dyDescent="0.25">
      <c r="A14689">
        <v>167.67</v>
      </c>
      <c r="B14689">
        <v>185.89</v>
      </c>
      <c r="C14689">
        <v>6436.35</v>
      </c>
      <c r="D14689">
        <v>1.6</v>
      </c>
      <c r="E14689">
        <v>5111.9399999999996</v>
      </c>
      <c r="F14689">
        <v>71.690399999999997</v>
      </c>
    </row>
    <row r="14690" spans="1:6" x14ac:dyDescent="0.25">
      <c r="A14690">
        <v>167.67</v>
      </c>
      <c r="B14690">
        <v>185.89</v>
      </c>
      <c r="C14690">
        <v>6436.35</v>
      </c>
      <c r="D14690">
        <v>1.9</v>
      </c>
      <c r="E14690">
        <v>4987.7</v>
      </c>
      <c r="F14690">
        <v>69.316500000000005</v>
      </c>
    </row>
    <row r="14691" spans="1:6" x14ac:dyDescent="0.25">
      <c r="A14691">
        <v>167.67</v>
      </c>
      <c r="B14691">
        <v>185.89</v>
      </c>
      <c r="C14691">
        <v>6436.35</v>
      </c>
      <c r="D14691">
        <v>2.2000000000000002</v>
      </c>
      <c r="E14691">
        <v>4823.3500000000004</v>
      </c>
      <c r="F14691">
        <v>73.441599999999994</v>
      </c>
    </row>
    <row r="14692" spans="1:6" x14ac:dyDescent="0.25">
      <c r="A14692">
        <v>167.67</v>
      </c>
      <c r="B14692">
        <v>185.89</v>
      </c>
      <c r="C14692">
        <v>6436.35</v>
      </c>
      <c r="D14692">
        <v>2.5</v>
      </c>
      <c r="E14692">
        <v>4675.26</v>
      </c>
      <c r="F14692">
        <v>63.775199999999998</v>
      </c>
    </row>
    <row r="14693" spans="1:6" x14ac:dyDescent="0.25">
      <c r="A14693">
        <v>167.67</v>
      </c>
      <c r="B14693">
        <v>185.89</v>
      </c>
      <c r="C14693">
        <v>6436.35</v>
      </c>
      <c r="D14693">
        <v>2.8</v>
      </c>
      <c r="E14693">
        <v>4657.34</v>
      </c>
      <c r="F14693">
        <v>71.703800000000001</v>
      </c>
    </row>
    <row r="14694" spans="1:6" x14ac:dyDescent="0.25">
      <c r="A14694">
        <v>167.67</v>
      </c>
      <c r="B14694">
        <v>185.89</v>
      </c>
      <c r="C14694">
        <v>6436.35</v>
      </c>
      <c r="D14694">
        <v>3.1</v>
      </c>
      <c r="E14694">
        <v>4511.97</v>
      </c>
      <c r="F14694">
        <v>73.101900000000001</v>
      </c>
    </row>
    <row r="14695" spans="1:6" x14ac:dyDescent="0.25">
      <c r="A14695">
        <v>167.67</v>
      </c>
      <c r="B14695">
        <v>185.89</v>
      </c>
      <c r="C14695">
        <v>6436.35</v>
      </c>
      <c r="D14695">
        <v>3.4</v>
      </c>
      <c r="E14695">
        <v>4535.6400000000003</v>
      </c>
      <c r="F14695">
        <v>72.049800000000005</v>
      </c>
    </row>
    <row r="14696" spans="1:6" x14ac:dyDescent="0.25">
      <c r="A14696">
        <v>167.67</v>
      </c>
      <c r="B14696">
        <v>185.89</v>
      </c>
      <c r="C14696">
        <v>6436.35</v>
      </c>
      <c r="D14696">
        <v>3.7</v>
      </c>
      <c r="E14696">
        <v>4355.29</v>
      </c>
      <c r="F14696">
        <v>75.409700000000001</v>
      </c>
    </row>
    <row r="14697" spans="1:6" x14ac:dyDescent="0.25">
      <c r="A14697">
        <v>167.67</v>
      </c>
      <c r="B14697">
        <v>185.89</v>
      </c>
      <c r="C14697">
        <v>6436.35</v>
      </c>
      <c r="D14697">
        <v>4</v>
      </c>
      <c r="E14697">
        <v>4361.99</v>
      </c>
      <c r="F14697">
        <v>74.384699999999995</v>
      </c>
    </row>
    <row r="14698" spans="1:6" x14ac:dyDescent="0.25">
      <c r="A14698">
        <v>167.67</v>
      </c>
      <c r="B14698">
        <v>185.89</v>
      </c>
      <c r="C14698">
        <v>7981.8</v>
      </c>
      <c r="D14698">
        <v>1</v>
      </c>
      <c r="E14698">
        <v>5775.93</v>
      </c>
      <c r="F14698">
        <v>68.071700000000007</v>
      </c>
    </row>
    <row r="14699" spans="1:6" x14ac:dyDescent="0.25">
      <c r="A14699">
        <v>167.67</v>
      </c>
      <c r="B14699">
        <v>185.89</v>
      </c>
      <c r="C14699">
        <v>7981.8</v>
      </c>
      <c r="D14699">
        <v>1.3</v>
      </c>
      <c r="E14699">
        <v>5350.28</v>
      </c>
      <c r="F14699">
        <v>71.020300000000006</v>
      </c>
    </row>
    <row r="14700" spans="1:6" x14ac:dyDescent="0.25">
      <c r="A14700">
        <v>167.67</v>
      </c>
      <c r="B14700">
        <v>185.89</v>
      </c>
      <c r="C14700">
        <v>7981.8</v>
      </c>
      <c r="D14700">
        <v>1.6</v>
      </c>
      <c r="E14700">
        <v>5111.9399999999996</v>
      </c>
      <c r="F14700">
        <v>71.690399999999997</v>
      </c>
    </row>
    <row r="14701" spans="1:6" x14ac:dyDescent="0.25">
      <c r="A14701">
        <v>167.67</v>
      </c>
      <c r="B14701">
        <v>185.89</v>
      </c>
      <c r="C14701">
        <v>7981.8</v>
      </c>
      <c r="D14701">
        <v>1.9</v>
      </c>
      <c r="E14701">
        <v>4987.7</v>
      </c>
      <c r="F14701">
        <v>69.316500000000005</v>
      </c>
    </row>
    <row r="14702" spans="1:6" x14ac:dyDescent="0.25">
      <c r="A14702">
        <v>167.67</v>
      </c>
      <c r="B14702">
        <v>185.89</v>
      </c>
      <c r="C14702">
        <v>7981.8</v>
      </c>
      <c r="D14702">
        <v>2.2000000000000002</v>
      </c>
      <c r="E14702">
        <v>4823.3500000000004</v>
      </c>
      <c r="F14702">
        <v>73.441599999999994</v>
      </c>
    </row>
    <row r="14703" spans="1:6" x14ac:dyDescent="0.25">
      <c r="A14703">
        <v>167.67</v>
      </c>
      <c r="B14703">
        <v>185.89</v>
      </c>
      <c r="C14703">
        <v>7981.8</v>
      </c>
      <c r="D14703">
        <v>2.5</v>
      </c>
      <c r="E14703">
        <v>4675.26</v>
      </c>
      <c r="F14703">
        <v>63.775199999999998</v>
      </c>
    </row>
    <row r="14704" spans="1:6" x14ac:dyDescent="0.25">
      <c r="A14704">
        <v>167.67</v>
      </c>
      <c r="B14704">
        <v>185.89</v>
      </c>
      <c r="C14704">
        <v>7981.8</v>
      </c>
      <c r="D14704">
        <v>2.8</v>
      </c>
      <c r="E14704">
        <v>4657.34</v>
      </c>
      <c r="F14704">
        <v>71.703800000000001</v>
      </c>
    </row>
    <row r="14705" spans="1:6" x14ac:dyDescent="0.25">
      <c r="A14705">
        <v>167.67</v>
      </c>
      <c r="B14705">
        <v>185.89</v>
      </c>
      <c r="C14705">
        <v>7981.8</v>
      </c>
      <c r="D14705">
        <v>3.1</v>
      </c>
      <c r="E14705">
        <v>4511.97</v>
      </c>
      <c r="F14705">
        <v>73.101900000000001</v>
      </c>
    </row>
    <row r="14706" spans="1:6" x14ac:dyDescent="0.25">
      <c r="A14706">
        <v>167.67</v>
      </c>
      <c r="B14706">
        <v>185.89</v>
      </c>
      <c r="C14706">
        <v>7981.8</v>
      </c>
      <c r="D14706">
        <v>3.4</v>
      </c>
      <c r="E14706">
        <v>4535.6400000000003</v>
      </c>
      <c r="F14706">
        <v>72.049800000000005</v>
      </c>
    </row>
    <row r="14707" spans="1:6" x14ac:dyDescent="0.25">
      <c r="A14707">
        <v>167.67</v>
      </c>
      <c r="B14707">
        <v>185.89</v>
      </c>
      <c r="C14707">
        <v>7981.8</v>
      </c>
      <c r="D14707">
        <v>3.7</v>
      </c>
      <c r="E14707">
        <v>4355.29</v>
      </c>
      <c r="F14707">
        <v>75.409700000000001</v>
      </c>
    </row>
    <row r="14708" spans="1:6" x14ac:dyDescent="0.25">
      <c r="A14708">
        <v>167.67</v>
      </c>
      <c r="B14708">
        <v>185.89</v>
      </c>
      <c r="C14708">
        <v>7981.8</v>
      </c>
      <c r="D14708">
        <v>4</v>
      </c>
      <c r="E14708">
        <v>4361.99</v>
      </c>
      <c r="F14708">
        <v>74.384699999999995</v>
      </c>
    </row>
    <row r="14709" spans="1:6" x14ac:dyDescent="0.25">
      <c r="A14709">
        <v>167.67</v>
      </c>
      <c r="B14709">
        <v>185.89</v>
      </c>
      <c r="C14709">
        <v>9527.25</v>
      </c>
      <c r="D14709">
        <v>1</v>
      </c>
      <c r="E14709">
        <v>5775.93</v>
      </c>
      <c r="F14709">
        <v>68.071700000000007</v>
      </c>
    </row>
    <row r="14710" spans="1:6" x14ac:dyDescent="0.25">
      <c r="A14710">
        <v>167.67</v>
      </c>
      <c r="B14710">
        <v>185.89</v>
      </c>
      <c r="C14710">
        <v>9527.25</v>
      </c>
      <c r="D14710">
        <v>1.3</v>
      </c>
      <c r="E14710">
        <v>5350.28</v>
      </c>
      <c r="F14710">
        <v>71.020300000000006</v>
      </c>
    </row>
    <row r="14711" spans="1:6" x14ac:dyDescent="0.25">
      <c r="A14711">
        <v>167.67</v>
      </c>
      <c r="B14711">
        <v>185.89</v>
      </c>
      <c r="C14711">
        <v>9527.25</v>
      </c>
      <c r="D14711">
        <v>1.6</v>
      </c>
      <c r="E14711">
        <v>5111.9399999999996</v>
      </c>
      <c r="F14711">
        <v>71.690399999999997</v>
      </c>
    </row>
    <row r="14712" spans="1:6" x14ac:dyDescent="0.25">
      <c r="A14712">
        <v>167.67</v>
      </c>
      <c r="B14712">
        <v>185.89</v>
      </c>
      <c r="C14712">
        <v>9527.25</v>
      </c>
      <c r="D14712">
        <v>1.9</v>
      </c>
      <c r="E14712">
        <v>4987.7</v>
      </c>
      <c r="F14712">
        <v>69.316500000000005</v>
      </c>
    </row>
    <row r="14713" spans="1:6" x14ac:dyDescent="0.25">
      <c r="A14713">
        <v>167.67</v>
      </c>
      <c r="B14713">
        <v>185.89</v>
      </c>
      <c r="C14713">
        <v>9527.25</v>
      </c>
      <c r="D14713">
        <v>2.2000000000000002</v>
      </c>
      <c r="E14713">
        <v>4823.3500000000004</v>
      </c>
      <c r="F14713">
        <v>73.441599999999994</v>
      </c>
    </row>
    <row r="14714" spans="1:6" x14ac:dyDescent="0.25">
      <c r="A14714">
        <v>167.67</v>
      </c>
      <c r="B14714">
        <v>185.89</v>
      </c>
      <c r="C14714">
        <v>9527.25</v>
      </c>
      <c r="D14714">
        <v>2.5</v>
      </c>
      <c r="E14714">
        <v>4675.26</v>
      </c>
      <c r="F14714">
        <v>63.775199999999998</v>
      </c>
    </row>
    <row r="14715" spans="1:6" x14ac:dyDescent="0.25">
      <c r="A14715">
        <v>167.67</v>
      </c>
      <c r="B14715">
        <v>185.89</v>
      </c>
      <c r="C14715">
        <v>9527.25</v>
      </c>
      <c r="D14715">
        <v>2.8</v>
      </c>
      <c r="E14715">
        <v>4657.34</v>
      </c>
      <c r="F14715">
        <v>71.703800000000001</v>
      </c>
    </row>
    <row r="14716" spans="1:6" x14ac:dyDescent="0.25">
      <c r="A14716">
        <v>167.67</v>
      </c>
      <c r="B14716">
        <v>185.89</v>
      </c>
      <c r="C14716">
        <v>9527.25</v>
      </c>
      <c r="D14716">
        <v>3.1</v>
      </c>
      <c r="E14716">
        <v>4511.97</v>
      </c>
      <c r="F14716">
        <v>73.101900000000001</v>
      </c>
    </row>
    <row r="14717" spans="1:6" x14ac:dyDescent="0.25">
      <c r="A14717">
        <v>167.67</v>
      </c>
      <c r="B14717">
        <v>185.89</v>
      </c>
      <c r="C14717">
        <v>9527.25</v>
      </c>
      <c r="D14717">
        <v>3.4</v>
      </c>
      <c r="E14717">
        <v>4535.6400000000003</v>
      </c>
      <c r="F14717">
        <v>72.049800000000005</v>
      </c>
    </row>
    <row r="14718" spans="1:6" x14ac:dyDescent="0.25">
      <c r="A14718">
        <v>167.67</v>
      </c>
      <c r="B14718">
        <v>185.89</v>
      </c>
      <c r="C14718">
        <v>9527.25</v>
      </c>
      <c r="D14718">
        <v>3.7</v>
      </c>
      <c r="E14718">
        <v>4355.29</v>
      </c>
      <c r="F14718">
        <v>75.409700000000001</v>
      </c>
    </row>
    <row r="14719" spans="1:6" x14ac:dyDescent="0.25">
      <c r="A14719">
        <v>167.67</v>
      </c>
      <c r="B14719">
        <v>185.89</v>
      </c>
      <c r="C14719">
        <v>9527.25</v>
      </c>
      <c r="D14719">
        <v>4</v>
      </c>
      <c r="E14719">
        <v>4361.99</v>
      </c>
      <c r="F14719">
        <v>74.384699999999995</v>
      </c>
    </row>
    <row r="14720" spans="1:6" x14ac:dyDescent="0.25">
      <c r="A14720">
        <v>167.67</v>
      </c>
      <c r="B14720">
        <v>185.89</v>
      </c>
      <c r="C14720">
        <v>11072.7</v>
      </c>
      <c r="D14720">
        <v>1</v>
      </c>
      <c r="E14720">
        <v>5775.93</v>
      </c>
      <c r="F14720">
        <v>68.071700000000007</v>
      </c>
    </row>
    <row r="14721" spans="1:6" x14ac:dyDescent="0.25">
      <c r="A14721">
        <v>167.67</v>
      </c>
      <c r="B14721">
        <v>185.89</v>
      </c>
      <c r="C14721">
        <v>11072.7</v>
      </c>
      <c r="D14721">
        <v>1.3</v>
      </c>
      <c r="E14721">
        <v>5350.28</v>
      </c>
      <c r="F14721">
        <v>71.020300000000006</v>
      </c>
    </row>
    <row r="14722" spans="1:6" x14ac:dyDescent="0.25">
      <c r="A14722">
        <v>167.67</v>
      </c>
      <c r="B14722">
        <v>185.89</v>
      </c>
      <c r="C14722">
        <v>11072.7</v>
      </c>
      <c r="D14722">
        <v>1.6</v>
      </c>
      <c r="E14722">
        <v>5111.9399999999996</v>
      </c>
      <c r="F14722">
        <v>71.690399999999997</v>
      </c>
    </row>
    <row r="14723" spans="1:6" x14ac:dyDescent="0.25">
      <c r="A14723">
        <v>167.67</v>
      </c>
      <c r="B14723">
        <v>185.89</v>
      </c>
      <c r="C14723">
        <v>11072.7</v>
      </c>
      <c r="D14723">
        <v>1.9</v>
      </c>
      <c r="E14723">
        <v>4987.7</v>
      </c>
      <c r="F14723">
        <v>69.316500000000005</v>
      </c>
    </row>
    <row r="14724" spans="1:6" x14ac:dyDescent="0.25">
      <c r="A14724">
        <v>167.67</v>
      </c>
      <c r="B14724">
        <v>185.89</v>
      </c>
      <c r="C14724">
        <v>11072.7</v>
      </c>
      <c r="D14724">
        <v>2.2000000000000002</v>
      </c>
      <c r="E14724">
        <v>4823.3500000000004</v>
      </c>
      <c r="F14724">
        <v>73.441599999999994</v>
      </c>
    </row>
    <row r="14725" spans="1:6" x14ac:dyDescent="0.25">
      <c r="A14725">
        <v>167.67</v>
      </c>
      <c r="B14725">
        <v>185.89</v>
      </c>
      <c r="C14725">
        <v>11072.7</v>
      </c>
      <c r="D14725">
        <v>2.5</v>
      </c>
      <c r="E14725">
        <v>4675.26</v>
      </c>
      <c r="F14725">
        <v>63.775199999999998</v>
      </c>
    </row>
    <row r="14726" spans="1:6" x14ac:dyDescent="0.25">
      <c r="A14726">
        <v>167.67</v>
      </c>
      <c r="B14726">
        <v>185.89</v>
      </c>
      <c r="C14726">
        <v>11072.7</v>
      </c>
      <c r="D14726">
        <v>2.8</v>
      </c>
      <c r="E14726">
        <v>4657.34</v>
      </c>
      <c r="F14726">
        <v>71.703800000000001</v>
      </c>
    </row>
    <row r="14727" spans="1:6" x14ac:dyDescent="0.25">
      <c r="A14727">
        <v>167.67</v>
      </c>
      <c r="B14727">
        <v>185.89</v>
      </c>
      <c r="C14727">
        <v>11072.7</v>
      </c>
      <c r="D14727">
        <v>3.1</v>
      </c>
      <c r="E14727">
        <v>4511.97</v>
      </c>
      <c r="F14727">
        <v>73.101900000000001</v>
      </c>
    </row>
    <row r="14728" spans="1:6" x14ac:dyDescent="0.25">
      <c r="A14728">
        <v>167.67</v>
      </c>
      <c r="B14728">
        <v>185.89</v>
      </c>
      <c r="C14728">
        <v>11072.7</v>
      </c>
      <c r="D14728">
        <v>3.4</v>
      </c>
      <c r="E14728">
        <v>4535.6400000000003</v>
      </c>
      <c r="F14728">
        <v>72.049800000000005</v>
      </c>
    </row>
    <row r="14729" spans="1:6" x14ac:dyDescent="0.25">
      <c r="A14729">
        <v>167.67</v>
      </c>
      <c r="B14729">
        <v>185.89</v>
      </c>
      <c r="C14729">
        <v>11072.7</v>
      </c>
      <c r="D14729">
        <v>3.7</v>
      </c>
      <c r="E14729">
        <v>4355.29</v>
      </c>
      <c r="F14729">
        <v>75.409700000000001</v>
      </c>
    </row>
    <row r="14730" spans="1:6" x14ac:dyDescent="0.25">
      <c r="A14730">
        <v>167.67</v>
      </c>
      <c r="B14730">
        <v>185.89</v>
      </c>
      <c r="C14730">
        <v>11072.7</v>
      </c>
      <c r="D14730">
        <v>4</v>
      </c>
      <c r="E14730">
        <v>4361.99</v>
      </c>
      <c r="F14730">
        <v>74.384699999999995</v>
      </c>
    </row>
    <row r="14731" spans="1:6" x14ac:dyDescent="0.25">
      <c r="A14731">
        <v>167.67</v>
      </c>
      <c r="B14731">
        <v>185.89</v>
      </c>
      <c r="C14731">
        <v>12618.2</v>
      </c>
      <c r="D14731">
        <v>1</v>
      </c>
      <c r="E14731">
        <v>5775.93</v>
      </c>
      <c r="F14731">
        <v>68.071700000000007</v>
      </c>
    </row>
    <row r="14732" spans="1:6" x14ac:dyDescent="0.25">
      <c r="A14732">
        <v>167.67</v>
      </c>
      <c r="B14732">
        <v>185.89</v>
      </c>
      <c r="C14732">
        <v>12618.2</v>
      </c>
      <c r="D14732">
        <v>1.3</v>
      </c>
      <c r="E14732">
        <v>5350.28</v>
      </c>
      <c r="F14732">
        <v>71.020300000000006</v>
      </c>
    </row>
    <row r="14733" spans="1:6" x14ac:dyDescent="0.25">
      <c r="A14733">
        <v>167.67</v>
      </c>
      <c r="B14733">
        <v>185.89</v>
      </c>
      <c r="C14733">
        <v>12618.2</v>
      </c>
      <c r="D14733">
        <v>1.6</v>
      </c>
      <c r="E14733">
        <v>5111.9399999999996</v>
      </c>
      <c r="F14733">
        <v>71.690399999999997</v>
      </c>
    </row>
    <row r="14734" spans="1:6" x14ac:dyDescent="0.25">
      <c r="A14734">
        <v>167.67</v>
      </c>
      <c r="B14734">
        <v>185.89</v>
      </c>
      <c r="C14734">
        <v>12618.2</v>
      </c>
      <c r="D14734">
        <v>1.9</v>
      </c>
      <c r="E14734">
        <v>4987.7</v>
      </c>
      <c r="F14734">
        <v>69.316500000000005</v>
      </c>
    </row>
    <row r="14735" spans="1:6" x14ac:dyDescent="0.25">
      <c r="A14735">
        <v>167.67</v>
      </c>
      <c r="B14735">
        <v>185.89</v>
      </c>
      <c r="C14735">
        <v>12618.2</v>
      </c>
      <c r="D14735">
        <v>2.2000000000000002</v>
      </c>
      <c r="E14735">
        <v>4823.3500000000004</v>
      </c>
      <c r="F14735">
        <v>73.441599999999994</v>
      </c>
    </row>
    <row r="14736" spans="1:6" x14ac:dyDescent="0.25">
      <c r="A14736">
        <v>167.67</v>
      </c>
      <c r="B14736">
        <v>185.89</v>
      </c>
      <c r="C14736">
        <v>12618.2</v>
      </c>
      <c r="D14736">
        <v>2.5</v>
      </c>
      <c r="E14736">
        <v>4675.26</v>
      </c>
      <c r="F14736">
        <v>63.775199999999998</v>
      </c>
    </row>
    <row r="14737" spans="1:6" x14ac:dyDescent="0.25">
      <c r="A14737">
        <v>167.67</v>
      </c>
      <c r="B14737">
        <v>185.89</v>
      </c>
      <c r="C14737">
        <v>12618.2</v>
      </c>
      <c r="D14737">
        <v>2.8</v>
      </c>
      <c r="E14737">
        <v>4657.34</v>
      </c>
      <c r="F14737">
        <v>71.703800000000001</v>
      </c>
    </row>
    <row r="14738" spans="1:6" x14ac:dyDescent="0.25">
      <c r="A14738">
        <v>167.67</v>
      </c>
      <c r="B14738">
        <v>185.89</v>
      </c>
      <c r="C14738">
        <v>12618.2</v>
      </c>
      <c r="D14738">
        <v>3.1</v>
      </c>
      <c r="E14738">
        <v>4511.97</v>
      </c>
      <c r="F14738">
        <v>73.101900000000001</v>
      </c>
    </row>
    <row r="14739" spans="1:6" x14ac:dyDescent="0.25">
      <c r="A14739">
        <v>167.67</v>
      </c>
      <c r="B14739">
        <v>185.89</v>
      </c>
      <c r="C14739">
        <v>12618.2</v>
      </c>
      <c r="D14739">
        <v>3.4</v>
      </c>
      <c r="E14739">
        <v>4535.6400000000003</v>
      </c>
      <c r="F14739">
        <v>72.049800000000005</v>
      </c>
    </row>
    <row r="14740" spans="1:6" x14ac:dyDescent="0.25">
      <c r="A14740">
        <v>167.67</v>
      </c>
      <c r="B14740">
        <v>185.89</v>
      </c>
      <c r="C14740">
        <v>12618.2</v>
      </c>
      <c r="D14740">
        <v>3.7</v>
      </c>
      <c r="E14740">
        <v>4355.29</v>
      </c>
      <c r="F14740">
        <v>75.409700000000001</v>
      </c>
    </row>
    <row r="14741" spans="1:6" x14ac:dyDescent="0.25">
      <c r="A14741">
        <v>167.67</v>
      </c>
      <c r="B14741">
        <v>185.89</v>
      </c>
      <c r="C14741">
        <v>12618.2</v>
      </c>
      <c r="D14741">
        <v>4</v>
      </c>
      <c r="E14741">
        <v>4361.99</v>
      </c>
      <c r="F14741">
        <v>74.384699999999995</v>
      </c>
    </row>
    <row r="14742" spans="1:6" x14ac:dyDescent="0.25">
      <c r="A14742">
        <v>167.67</v>
      </c>
      <c r="B14742">
        <v>185.89</v>
      </c>
      <c r="C14742">
        <v>14163.6</v>
      </c>
      <c r="D14742">
        <v>1</v>
      </c>
      <c r="E14742">
        <v>5775.93</v>
      </c>
      <c r="F14742">
        <v>68.071700000000007</v>
      </c>
    </row>
    <row r="14743" spans="1:6" x14ac:dyDescent="0.25">
      <c r="A14743">
        <v>167.67</v>
      </c>
      <c r="B14743">
        <v>185.89</v>
      </c>
      <c r="C14743">
        <v>14163.6</v>
      </c>
      <c r="D14743">
        <v>1.3</v>
      </c>
      <c r="E14743">
        <v>5350.28</v>
      </c>
      <c r="F14743">
        <v>71.020300000000006</v>
      </c>
    </row>
    <row r="14744" spans="1:6" x14ac:dyDescent="0.25">
      <c r="A14744">
        <v>167.67</v>
      </c>
      <c r="B14744">
        <v>185.89</v>
      </c>
      <c r="C14744">
        <v>14163.6</v>
      </c>
      <c r="D14744">
        <v>1.6</v>
      </c>
      <c r="E14744">
        <v>5111.9399999999996</v>
      </c>
      <c r="F14744">
        <v>71.690399999999997</v>
      </c>
    </row>
    <row r="14745" spans="1:6" x14ac:dyDescent="0.25">
      <c r="A14745">
        <v>167.67</v>
      </c>
      <c r="B14745">
        <v>185.89</v>
      </c>
      <c r="C14745">
        <v>14163.6</v>
      </c>
      <c r="D14745">
        <v>1.9</v>
      </c>
      <c r="E14745">
        <v>4987.7</v>
      </c>
      <c r="F14745">
        <v>69.316500000000005</v>
      </c>
    </row>
    <row r="14746" spans="1:6" x14ac:dyDescent="0.25">
      <c r="A14746">
        <v>167.67</v>
      </c>
      <c r="B14746">
        <v>185.89</v>
      </c>
      <c r="C14746">
        <v>14163.6</v>
      </c>
      <c r="D14746">
        <v>2.2000000000000002</v>
      </c>
      <c r="E14746">
        <v>4823.3500000000004</v>
      </c>
      <c r="F14746">
        <v>73.441599999999994</v>
      </c>
    </row>
    <row r="14747" spans="1:6" x14ac:dyDescent="0.25">
      <c r="A14747">
        <v>167.67</v>
      </c>
      <c r="B14747">
        <v>185.89</v>
      </c>
      <c r="C14747">
        <v>14163.6</v>
      </c>
      <c r="D14747">
        <v>2.5</v>
      </c>
      <c r="E14747">
        <v>4675.26</v>
      </c>
      <c r="F14747">
        <v>63.775199999999998</v>
      </c>
    </row>
    <row r="14748" spans="1:6" x14ac:dyDescent="0.25">
      <c r="A14748">
        <v>167.67</v>
      </c>
      <c r="B14748">
        <v>185.89</v>
      </c>
      <c r="C14748">
        <v>14163.6</v>
      </c>
      <c r="D14748">
        <v>2.8</v>
      </c>
      <c r="E14748">
        <v>4657.34</v>
      </c>
      <c r="F14748">
        <v>71.703800000000001</v>
      </c>
    </row>
    <row r="14749" spans="1:6" x14ac:dyDescent="0.25">
      <c r="A14749">
        <v>167.67</v>
      </c>
      <c r="B14749">
        <v>185.89</v>
      </c>
      <c r="C14749">
        <v>14163.6</v>
      </c>
      <c r="D14749">
        <v>3.1</v>
      </c>
      <c r="E14749">
        <v>4511.97</v>
      </c>
      <c r="F14749">
        <v>73.101900000000001</v>
      </c>
    </row>
    <row r="14750" spans="1:6" x14ac:dyDescent="0.25">
      <c r="A14750">
        <v>167.67</v>
      </c>
      <c r="B14750">
        <v>185.89</v>
      </c>
      <c r="C14750">
        <v>14163.6</v>
      </c>
      <c r="D14750">
        <v>3.4</v>
      </c>
      <c r="E14750">
        <v>4535.6400000000003</v>
      </c>
      <c r="F14750">
        <v>72.049800000000005</v>
      </c>
    </row>
    <row r="14751" spans="1:6" x14ac:dyDescent="0.25">
      <c r="A14751">
        <v>167.67</v>
      </c>
      <c r="B14751">
        <v>185.89</v>
      </c>
      <c r="C14751">
        <v>14163.6</v>
      </c>
      <c r="D14751">
        <v>3.7</v>
      </c>
      <c r="E14751">
        <v>4355.29</v>
      </c>
      <c r="F14751">
        <v>75.409700000000001</v>
      </c>
    </row>
    <row r="14752" spans="1:6" x14ac:dyDescent="0.25">
      <c r="A14752">
        <v>167.67</v>
      </c>
      <c r="B14752">
        <v>185.89</v>
      </c>
      <c r="C14752">
        <v>14163.6</v>
      </c>
      <c r="D14752">
        <v>4</v>
      </c>
      <c r="E14752">
        <v>4361.99</v>
      </c>
      <c r="F14752">
        <v>74.384699999999995</v>
      </c>
    </row>
    <row r="14753" spans="1:6" x14ac:dyDescent="0.25">
      <c r="A14753">
        <v>167.67</v>
      </c>
      <c r="B14753">
        <v>185.89</v>
      </c>
      <c r="C14753">
        <v>15709.1</v>
      </c>
      <c r="D14753">
        <v>1</v>
      </c>
      <c r="E14753">
        <v>5775.93</v>
      </c>
      <c r="F14753">
        <v>68.071700000000007</v>
      </c>
    </row>
    <row r="14754" spans="1:6" x14ac:dyDescent="0.25">
      <c r="A14754">
        <v>167.67</v>
      </c>
      <c r="B14754">
        <v>185.89</v>
      </c>
      <c r="C14754">
        <v>15709.1</v>
      </c>
      <c r="D14754">
        <v>1.3</v>
      </c>
      <c r="E14754">
        <v>5350.28</v>
      </c>
      <c r="F14754">
        <v>71.020300000000006</v>
      </c>
    </row>
    <row r="14755" spans="1:6" x14ac:dyDescent="0.25">
      <c r="A14755">
        <v>167.67</v>
      </c>
      <c r="B14755">
        <v>185.89</v>
      </c>
      <c r="C14755">
        <v>15709.1</v>
      </c>
      <c r="D14755">
        <v>1.6</v>
      </c>
      <c r="E14755">
        <v>5111.9399999999996</v>
      </c>
      <c r="F14755">
        <v>71.690399999999997</v>
      </c>
    </row>
    <row r="14756" spans="1:6" x14ac:dyDescent="0.25">
      <c r="A14756">
        <v>167.67</v>
      </c>
      <c r="B14756">
        <v>185.89</v>
      </c>
      <c r="C14756">
        <v>15709.1</v>
      </c>
      <c r="D14756">
        <v>1.9</v>
      </c>
      <c r="E14756">
        <v>4987.7</v>
      </c>
      <c r="F14756">
        <v>69.316500000000005</v>
      </c>
    </row>
    <row r="14757" spans="1:6" x14ac:dyDescent="0.25">
      <c r="A14757">
        <v>167.67</v>
      </c>
      <c r="B14757">
        <v>185.89</v>
      </c>
      <c r="C14757">
        <v>15709.1</v>
      </c>
      <c r="D14757">
        <v>2.2000000000000002</v>
      </c>
      <c r="E14757">
        <v>4823.3500000000004</v>
      </c>
      <c r="F14757">
        <v>73.441599999999994</v>
      </c>
    </row>
    <row r="14758" spans="1:6" x14ac:dyDescent="0.25">
      <c r="A14758">
        <v>167.67</v>
      </c>
      <c r="B14758">
        <v>185.89</v>
      </c>
      <c r="C14758">
        <v>15709.1</v>
      </c>
      <c r="D14758">
        <v>2.5</v>
      </c>
      <c r="E14758">
        <v>4675.26</v>
      </c>
      <c r="F14758">
        <v>63.775199999999998</v>
      </c>
    </row>
    <row r="14759" spans="1:6" x14ac:dyDescent="0.25">
      <c r="A14759">
        <v>167.67</v>
      </c>
      <c r="B14759">
        <v>185.89</v>
      </c>
      <c r="C14759">
        <v>15709.1</v>
      </c>
      <c r="D14759">
        <v>2.8</v>
      </c>
      <c r="E14759">
        <v>4657.34</v>
      </c>
      <c r="F14759">
        <v>71.703800000000001</v>
      </c>
    </row>
    <row r="14760" spans="1:6" x14ac:dyDescent="0.25">
      <c r="A14760">
        <v>167.67</v>
      </c>
      <c r="B14760">
        <v>185.89</v>
      </c>
      <c r="C14760">
        <v>15709.1</v>
      </c>
      <c r="D14760">
        <v>3.1</v>
      </c>
      <c r="E14760">
        <v>4511.97</v>
      </c>
      <c r="F14760">
        <v>73.101900000000001</v>
      </c>
    </row>
    <row r="14761" spans="1:6" x14ac:dyDescent="0.25">
      <c r="A14761">
        <v>167.67</v>
      </c>
      <c r="B14761">
        <v>185.89</v>
      </c>
      <c r="C14761">
        <v>15709.1</v>
      </c>
      <c r="D14761">
        <v>3.4</v>
      </c>
      <c r="E14761">
        <v>4535.6400000000003</v>
      </c>
      <c r="F14761">
        <v>72.049800000000005</v>
      </c>
    </row>
    <row r="14762" spans="1:6" x14ac:dyDescent="0.25">
      <c r="A14762">
        <v>167.67</v>
      </c>
      <c r="B14762">
        <v>185.89</v>
      </c>
      <c r="C14762">
        <v>15709.1</v>
      </c>
      <c r="D14762">
        <v>3.7</v>
      </c>
      <c r="E14762">
        <v>4355.29</v>
      </c>
      <c r="F14762">
        <v>75.409700000000001</v>
      </c>
    </row>
    <row r="14763" spans="1:6" x14ac:dyDescent="0.25">
      <c r="A14763">
        <v>167.67</v>
      </c>
      <c r="B14763">
        <v>185.89</v>
      </c>
      <c r="C14763">
        <v>15709.1</v>
      </c>
      <c r="D14763">
        <v>4</v>
      </c>
      <c r="E14763">
        <v>4361.99</v>
      </c>
      <c r="F14763">
        <v>74.384699999999995</v>
      </c>
    </row>
    <row r="14764" spans="1:6" x14ac:dyDescent="0.25">
      <c r="A14764">
        <v>167.67</v>
      </c>
      <c r="B14764">
        <v>185.89</v>
      </c>
      <c r="C14764">
        <v>17254.5</v>
      </c>
      <c r="D14764">
        <v>1</v>
      </c>
      <c r="E14764">
        <v>5775.93</v>
      </c>
      <c r="F14764">
        <v>68.071700000000007</v>
      </c>
    </row>
    <row r="14765" spans="1:6" x14ac:dyDescent="0.25">
      <c r="A14765">
        <v>167.67</v>
      </c>
      <c r="B14765">
        <v>185.89</v>
      </c>
      <c r="C14765">
        <v>17254.5</v>
      </c>
      <c r="D14765">
        <v>1.3</v>
      </c>
      <c r="E14765">
        <v>5350.28</v>
      </c>
      <c r="F14765">
        <v>71.020300000000006</v>
      </c>
    </row>
    <row r="14766" spans="1:6" x14ac:dyDescent="0.25">
      <c r="A14766">
        <v>167.67</v>
      </c>
      <c r="B14766">
        <v>185.89</v>
      </c>
      <c r="C14766">
        <v>17254.5</v>
      </c>
      <c r="D14766">
        <v>1.6</v>
      </c>
      <c r="E14766">
        <v>5111.9399999999996</v>
      </c>
      <c r="F14766">
        <v>71.690399999999997</v>
      </c>
    </row>
    <row r="14767" spans="1:6" x14ac:dyDescent="0.25">
      <c r="A14767">
        <v>167.67</v>
      </c>
      <c r="B14767">
        <v>185.89</v>
      </c>
      <c r="C14767">
        <v>17254.5</v>
      </c>
      <c r="D14767">
        <v>1.9</v>
      </c>
      <c r="E14767">
        <v>4987.7</v>
      </c>
      <c r="F14767">
        <v>69.316500000000005</v>
      </c>
    </row>
    <row r="14768" spans="1:6" x14ac:dyDescent="0.25">
      <c r="A14768">
        <v>167.67</v>
      </c>
      <c r="B14768">
        <v>185.89</v>
      </c>
      <c r="C14768">
        <v>17254.5</v>
      </c>
      <c r="D14768">
        <v>2.2000000000000002</v>
      </c>
      <c r="E14768">
        <v>4823.3500000000004</v>
      </c>
      <c r="F14768">
        <v>73.441599999999994</v>
      </c>
    </row>
    <row r="14769" spans="1:6" x14ac:dyDescent="0.25">
      <c r="A14769">
        <v>167.67</v>
      </c>
      <c r="B14769">
        <v>185.89</v>
      </c>
      <c r="C14769">
        <v>17254.5</v>
      </c>
      <c r="D14769">
        <v>2.5</v>
      </c>
      <c r="E14769">
        <v>4675.26</v>
      </c>
      <c r="F14769">
        <v>63.775199999999998</v>
      </c>
    </row>
    <row r="14770" spans="1:6" x14ac:dyDescent="0.25">
      <c r="A14770">
        <v>167.67</v>
      </c>
      <c r="B14770">
        <v>185.89</v>
      </c>
      <c r="C14770">
        <v>17254.5</v>
      </c>
      <c r="D14770">
        <v>2.8</v>
      </c>
      <c r="E14770">
        <v>4657.34</v>
      </c>
      <c r="F14770">
        <v>71.703800000000001</v>
      </c>
    </row>
    <row r="14771" spans="1:6" x14ac:dyDescent="0.25">
      <c r="A14771">
        <v>167.67</v>
      </c>
      <c r="B14771">
        <v>185.89</v>
      </c>
      <c r="C14771">
        <v>17254.5</v>
      </c>
      <c r="D14771">
        <v>3.1</v>
      </c>
      <c r="E14771">
        <v>4511.97</v>
      </c>
      <c r="F14771">
        <v>73.101900000000001</v>
      </c>
    </row>
    <row r="14772" spans="1:6" x14ac:dyDescent="0.25">
      <c r="A14772">
        <v>167.67</v>
      </c>
      <c r="B14772">
        <v>185.89</v>
      </c>
      <c r="C14772">
        <v>17254.5</v>
      </c>
      <c r="D14772">
        <v>3.4</v>
      </c>
      <c r="E14772">
        <v>4535.6400000000003</v>
      </c>
      <c r="F14772">
        <v>72.049800000000005</v>
      </c>
    </row>
    <row r="14773" spans="1:6" x14ac:dyDescent="0.25">
      <c r="A14773">
        <v>167.67</v>
      </c>
      <c r="B14773">
        <v>185.89</v>
      </c>
      <c r="C14773">
        <v>17254.5</v>
      </c>
      <c r="D14773">
        <v>3.7</v>
      </c>
      <c r="E14773">
        <v>4355.29</v>
      </c>
      <c r="F14773">
        <v>75.409700000000001</v>
      </c>
    </row>
    <row r="14774" spans="1:6" x14ac:dyDescent="0.25">
      <c r="A14774">
        <v>167.67</v>
      </c>
      <c r="B14774">
        <v>185.89</v>
      </c>
      <c r="C14774">
        <v>17254.5</v>
      </c>
      <c r="D14774">
        <v>4</v>
      </c>
      <c r="E14774">
        <v>4361.99</v>
      </c>
      <c r="F14774">
        <v>74.384699999999995</v>
      </c>
    </row>
    <row r="14775" spans="1:6" x14ac:dyDescent="0.25">
      <c r="A14775">
        <v>167.67</v>
      </c>
      <c r="B14775">
        <v>185.89</v>
      </c>
      <c r="C14775">
        <v>18800</v>
      </c>
      <c r="D14775">
        <v>1</v>
      </c>
      <c r="E14775">
        <v>5775.93</v>
      </c>
      <c r="F14775">
        <v>68.071700000000007</v>
      </c>
    </row>
    <row r="14776" spans="1:6" x14ac:dyDescent="0.25">
      <c r="A14776">
        <v>167.67</v>
      </c>
      <c r="B14776">
        <v>185.89</v>
      </c>
      <c r="C14776">
        <v>18800</v>
      </c>
      <c r="D14776">
        <v>1.3</v>
      </c>
      <c r="E14776">
        <v>5350.28</v>
      </c>
      <c r="F14776">
        <v>71.020300000000006</v>
      </c>
    </row>
    <row r="14777" spans="1:6" x14ac:dyDescent="0.25">
      <c r="A14777">
        <v>167.67</v>
      </c>
      <c r="B14777">
        <v>185.89</v>
      </c>
      <c r="C14777">
        <v>18800</v>
      </c>
      <c r="D14777">
        <v>1.6</v>
      </c>
      <c r="E14777">
        <v>5111.9399999999996</v>
      </c>
      <c r="F14777">
        <v>71.690399999999997</v>
      </c>
    </row>
    <row r="14778" spans="1:6" x14ac:dyDescent="0.25">
      <c r="A14778">
        <v>167.67</v>
      </c>
      <c r="B14778">
        <v>185.89</v>
      </c>
      <c r="C14778">
        <v>18800</v>
      </c>
      <c r="D14778">
        <v>1.9</v>
      </c>
      <c r="E14778">
        <v>4987.7</v>
      </c>
      <c r="F14778">
        <v>69.316500000000005</v>
      </c>
    </row>
    <row r="14779" spans="1:6" x14ac:dyDescent="0.25">
      <c r="A14779">
        <v>167.67</v>
      </c>
      <c r="B14779">
        <v>185.89</v>
      </c>
      <c r="C14779">
        <v>18800</v>
      </c>
      <c r="D14779">
        <v>2.2000000000000002</v>
      </c>
      <c r="E14779">
        <v>4823.3500000000004</v>
      </c>
      <c r="F14779">
        <v>73.441599999999994</v>
      </c>
    </row>
    <row r="14780" spans="1:6" x14ac:dyDescent="0.25">
      <c r="A14780">
        <v>167.67</v>
      </c>
      <c r="B14780">
        <v>185.89</v>
      </c>
      <c r="C14780">
        <v>18800</v>
      </c>
      <c r="D14780">
        <v>2.5</v>
      </c>
      <c r="E14780">
        <v>4675.26</v>
      </c>
      <c r="F14780">
        <v>63.775199999999998</v>
      </c>
    </row>
    <row r="14781" spans="1:6" x14ac:dyDescent="0.25">
      <c r="A14781">
        <v>167.67</v>
      </c>
      <c r="B14781">
        <v>185.89</v>
      </c>
      <c r="C14781">
        <v>18800</v>
      </c>
      <c r="D14781">
        <v>2.8</v>
      </c>
      <c r="E14781">
        <v>4657.34</v>
      </c>
      <c r="F14781">
        <v>71.703800000000001</v>
      </c>
    </row>
    <row r="14782" spans="1:6" x14ac:dyDescent="0.25">
      <c r="A14782">
        <v>167.67</v>
      </c>
      <c r="B14782">
        <v>185.89</v>
      </c>
      <c r="C14782">
        <v>18800</v>
      </c>
      <c r="D14782">
        <v>3.1</v>
      </c>
      <c r="E14782">
        <v>4511.97</v>
      </c>
      <c r="F14782">
        <v>73.101900000000001</v>
      </c>
    </row>
    <row r="14783" spans="1:6" x14ac:dyDescent="0.25">
      <c r="A14783">
        <v>167.67</v>
      </c>
      <c r="B14783">
        <v>185.89</v>
      </c>
      <c r="C14783">
        <v>18800</v>
      </c>
      <c r="D14783">
        <v>3.4</v>
      </c>
      <c r="E14783">
        <v>4535.6400000000003</v>
      </c>
      <c r="F14783">
        <v>72.049800000000005</v>
      </c>
    </row>
    <row r="14784" spans="1:6" x14ac:dyDescent="0.25">
      <c r="A14784">
        <v>167.67</v>
      </c>
      <c r="B14784">
        <v>185.89</v>
      </c>
      <c r="C14784">
        <v>18800</v>
      </c>
      <c r="D14784">
        <v>3.7</v>
      </c>
      <c r="E14784">
        <v>4355.29</v>
      </c>
      <c r="F14784">
        <v>75.409700000000001</v>
      </c>
    </row>
    <row r="14785" spans="1:6" x14ac:dyDescent="0.25">
      <c r="A14785">
        <v>167.67</v>
      </c>
      <c r="B14785">
        <v>185.89</v>
      </c>
      <c r="C14785">
        <v>18800</v>
      </c>
      <c r="D14785">
        <v>4</v>
      </c>
      <c r="E14785">
        <v>4361.99</v>
      </c>
      <c r="F14785">
        <v>74.384699999999995</v>
      </c>
    </row>
    <row r="14786" spans="1:6" x14ac:dyDescent="0.25">
      <c r="A14786">
        <v>167.67</v>
      </c>
      <c r="B14786">
        <v>189.52</v>
      </c>
      <c r="C14786">
        <v>1800</v>
      </c>
      <c r="D14786">
        <v>1</v>
      </c>
      <c r="E14786">
        <v>5200.8500000000004</v>
      </c>
      <c r="F14786">
        <v>68.071700000000007</v>
      </c>
    </row>
    <row r="14787" spans="1:6" x14ac:dyDescent="0.25">
      <c r="A14787">
        <v>167.67</v>
      </c>
      <c r="B14787">
        <v>189.52</v>
      </c>
      <c r="C14787">
        <v>1800</v>
      </c>
      <c r="D14787">
        <v>1.3</v>
      </c>
      <c r="E14787">
        <v>4586.66</v>
      </c>
      <c r="F14787">
        <v>71.020300000000006</v>
      </c>
    </row>
    <row r="14788" spans="1:6" x14ac:dyDescent="0.25">
      <c r="A14788">
        <v>167.67</v>
      </c>
      <c r="B14788">
        <v>189.52</v>
      </c>
      <c r="C14788">
        <v>1800</v>
      </c>
      <c r="D14788">
        <v>1.6</v>
      </c>
      <c r="E14788">
        <v>4230.63</v>
      </c>
      <c r="F14788">
        <v>71.690399999999997</v>
      </c>
    </row>
    <row r="14789" spans="1:6" x14ac:dyDescent="0.25">
      <c r="A14789">
        <v>167.67</v>
      </c>
      <c r="B14789">
        <v>189.52</v>
      </c>
      <c r="C14789">
        <v>1800</v>
      </c>
      <c r="D14789">
        <v>1.9</v>
      </c>
      <c r="E14789">
        <v>3934.15</v>
      </c>
      <c r="F14789">
        <v>69.316500000000005</v>
      </c>
    </row>
    <row r="14790" spans="1:6" x14ac:dyDescent="0.25">
      <c r="A14790">
        <v>167.67</v>
      </c>
      <c r="B14790">
        <v>189.52</v>
      </c>
      <c r="C14790">
        <v>1800</v>
      </c>
      <c r="D14790">
        <v>2.2000000000000002</v>
      </c>
      <c r="E14790">
        <v>3720.47</v>
      </c>
      <c r="F14790">
        <v>70.762</v>
      </c>
    </row>
    <row r="14791" spans="1:6" x14ac:dyDescent="0.25">
      <c r="A14791">
        <v>167.67</v>
      </c>
      <c r="B14791">
        <v>189.52</v>
      </c>
      <c r="C14791">
        <v>1800</v>
      </c>
      <c r="D14791">
        <v>2.5</v>
      </c>
      <c r="E14791">
        <v>3593.7</v>
      </c>
      <c r="F14791">
        <v>58.161099999999998</v>
      </c>
    </row>
    <row r="14792" spans="1:6" x14ac:dyDescent="0.25">
      <c r="A14792">
        <v>167.67</v>
      </c>
      <c r="B14792">
        <v>189.52</v>
      </c>
      <c r="C14792">
        <v>1800</v>
      </c>
      <c r="D14792">
        <v>2.8</v>
      </c>
      <c r="E14792">
        <v>3395.49</v>
      </c>
      <c r="F14792">
        <v>67.951499999999996</v>
      </c>
    </row>
    <row r="14793" spans="1:6" x14ac:dyDescent="0.25">
      <c r="A14793">
        <v>167.67</v>
      </c>
      <c r="B14793">
        <v>189.52</v>
      </c>
      <c r="C14793">
        <v>1800</v>
      </c>
      <c r="D14793">
        <v>3.1</v>
      </c>
      <c r="E14793">
        <v>3288.94</v>
      </c>
      <c r="F14793">
        <v>69.2072</v>
      </c>
    </row>
    <row r="14794" spans="1:6" x14ac:dyDescent="0.25">
      <c r="A14794">
        <v>167.67</v>
      </c>
      <c r="B14794">
        <v>189.52</v>
      </c>
      <c r="C14794">
        <v>1800</v>
      </c>
      <c r="D14794">
        <v>3.4</v>
      </c>
      <c r="E14794">
        <v>3259.29</v>
      </c>
      <c r="F14794">
        <v>62.561599999999999</v>
      </c>
    </row>
    <row r="14795" spans="1:6" x14ac:dyDescent="0.25">
      <c r="A14795">
        <v>167.67</v>
      </c>
      <c r="B14795">
        <v>189.52</v>
      </c>
      <c r="C14795">
        <v>1800</v>
      </c>
      <c r="D14795">
        <v>3.7</v>
      </c>
      <c r="E14795">
        <v>3168.89</v>
      </c>
      <c r="F14795">
        <v>64.258499999999998</v>
      </c>
    </row>
    <row r="14796" spans="1:6" x14ac:dyDescent="0.25">
      <c r="A14796">
        <v>167.67</v>
      </c>
      <c r="B14796">
        <v>189.52</v>
      </c>
      <c r="C14796">
        <v>1800</v>
      </c>
      <c r="D14796">
        <v>4</v>
      </c>
      <c r="E14796">
        <v>3071.91</v>
      </c>
      <c r="F14796">
        <v>61.8521</v>
      </c>
    </row>
    <row r="14797" spans="1:6" x14ac:dyDescent="0.25">
      <c r="A14797">
        <v>167.67</v>
      </c>
      <c r="B14797">
        <v>189.52</v>
      </c>
      <c r="C14797">
        <v>3345.45</v>
      </c>
      <c r="D14797">
        <v>1</v>
      </c>
      <c r="E14797">
        <v>5775.93</v>
      </c>
      <c r="F14797">
        <v>68.071700000000007</v>
      </c>
    </row>
    <row r="14798" spans="1:6" x14ac:dyDescent="0.25">
      <c r="A14798">
        <v>167.67</v>
      </c>
      <c r="B14798">
        <v>189.52</v>
      </c>
      <c r="C14798">
        <v>3345.45</v>
      </c>
      <c r="D14798">
        <v>1.3</v>
      </c>
      <c r="E14798">
        <v>5350.28</v>
      </c>
      <c r="F14798">
        <v>71.020300000000006</v>
      </c>
    </row>
    <row r="14799" spans="1:6" x14ac:dyDescent="0.25">
      <c r="A14799">
        <v>167.67</v>
      </c>
      <c r="B14799">
        <v>189.52</v>
      </c>
      <c r="C14799">
        <v>3345.45</v>
      </c>
      <c r="D14799">
        <v>1.6</v>
      </c>
      <c r="E14799">
        <v>5111.9399999999996</v>
      </c>
      <c r="F14799">
        <v>71.690399999999997</v>
      </c>
    </row>
    <row r="14800" spans="1:6" x14ac:dyDescent="0.25">
      <c r="A14800">
        <v>167.67</v>
      </c>
      <c r="B14800">
        <v>189.52</v>
      </c>
      <c r="C14800">
        <v>3345.45</v>
      </c>
      <c r="D14800">
        <v>1.9</v>
      </c>
      <c r="E14800">
        <v>4987.7</v>
      </c>
      <c r="F14800">
        <v>69.316500000000005</v>
      </c>
    </row>
    <row r="14801" spans="1:6" x14ac:dyDescent="0.25">
      <c r="A14801">
        <v>167.67</v>
      </c>
      <c r="B14801">
        <v>189.52</v>
      </c>
      <c r="C14801">
        <v>3345.45</v>
      </c>
      <c r="D14801">
        <v>2.2000000000000002</v>
      </c>
      <c r="E14801">
        <v>4823.3500000000004</v>
      </c>
      <c r="F14801">
        <v>73.441599999999994</v>
      </c>
    </row>
    <row r="14802" spans="1:6" x14ac:dyDescent="0.25">
      <c r="A14802">
        <v>167.67</v>
      </c>
      <c r="B14802">
        <v>189.52</v>
      </c>
      <c r="C14802">
        <v>3345.45</v>
      </c>
      <c r="D14802">
        <v>2.5</v>
      </c>
      <c r="E14802">
        <v>4675.26</v>
      </c>
      <c r="F14802">
        <v>63.775199999999998</v>
      </c>
    </row>
    <row r="14803" spans="1:6" x14ac:dyDescent="0.25">
      <c r="A14803">
        <v>167.67</v>
      </c>
      <c r="B14803">
        <v>189.52</v>
      </c>
      <c r="C14803">
        <v>3345.45</v>
      </c>
      <c r="D14803">
        <v>2.8</v>
      </c>
      <c r="E14803">
        <v>4529.8</v>
      </c>
      <c r="F14803">
        <v>71.703800000000001</v>
      </c>
    </row>
    <row r="14804" spans="1:6" x14ac:dyDescent="0.25">
      <c r="A14804">
        <v>167.67</v>
      </c>
      <c r="B14804">
        <v>189.52</v>
      </c>
      <c r="C14804">
        <v>3345.45</v>
      </c>
      <c r="D14804">
        <v>3.1</v>
      </c>
      <c r="E14804">
        <v>4570.46</v>
      </c>
      <c r="F14804">
        <v>73.101900000000001</v>
      </c>
    </row>
    <row r="14805" spans="1:6" x14ac:dyDescent="0.25">
      <c r="A14805">
        <v>167.67</v>
      </c>
      <c r="B14805">
        <v>189.52</v>
      </c>
      <c r="C14805">
        <v>3345.45</v>
      </c>
      <c r="D14805">
        <v>3.4</v>
      </c>
      <c r="E14805">
        <v>4378.03</v>
      </c>
      <c r="F14805">
        <v>72.049800000000005</v>
      </c>
    </row>
    <row r="14806" spans="1:6" x14ac:dyDescent="0.25">
      <c r="A14806">
        <v>167.67</v>
      </c>
      <c r="B14806">
        <v>189.52</v>
      </c>
      <c r="C14806">
        <v>3345.45</v>
      </c>
      <c r="D14806">
        <v>3.7</v>
      </c>
      <c r="E14806">
        <v>4366.8900000000003</v>
      </c>
      <c r="F14806">
        <v>75.409700000000001</v>
      </c>
    </row>
    <row r="14807" spans="1:6" x14ac:dyDescent="0.25">
      <c r="A14807">
        <v>167.67</v>
      </c>
      <c r="B14807">
        <v>189.52</v>
      </c>
      <c r="C14807">
        <v>3345.45</v>
      </c>
      <c r="D14807">
        <v>4</v>
      </c>
      <c r="E14807">
        <v>4311.3900000000003</v>
      </c>
      <c r="F14807">
        <v>74.384699999999995</v>
      </c>
    </row>
    <row r="14808" spans="1:6" x14ac:dyDescent="0.25">
      <c r="A14808">
        <v>167.67</v>
      </c>
      <c r="B14808">
        <v>189.52</v>
      </c>
      <c r="C14808">
        <v>4890.8999999999996</v>
      </c>
      <c r="D14808">
        <v>1</v>
      </c>
      <c r="E14808">
        <v>5775.93</v>
      </c>
      <c r="F14808">
        <v>68.071700000000007</v>
      </c>
    </row>
    <row r="14809" spans="1:6" x14ac:dyDescent="0.25">
      <c r="A14809">
        <v>167.67</v>
      </c>
      <c r="B14809">
        <v>189.52</v>
      </c>
      <c r="C14809">
        <v>4890.8999999999996</v>
      </c>
      <c r="D14809">
        <v>1.3</v>
      </c>
      <c r="E14809">
        <v>5350.28</v>
      </c>
      <c r="F14809">
        <v>71.020300000000006</v>
      </c>
    </row>
    <row r="14810" spans="1:6" x14ac:dyDescent="0.25">
      <c r="A14810">
        <v>167.67</v>
      </c>
      <c r="B14810">
        <v>189.52</v>
      </c>
      <c r="C14810">
        <v>4890.8999999999996</v>
      </c>
      <c r="D14810">
        <v>1.6</v>
      </c>
      <c r="E14810">
        <v>5111.9399999999996</v>
      </c>
      <c r="F14810">
        <v>71.690399999999997</v>
      </c>
    </row>
    <row r="14811" spans="1:6" x14ac:dyDescent="0.25">
      <c r="A14811">
        <v>167.67</v>
      </c>
      <c r="B14811">
        <v>189.52</v>
      </c>
      <c r="C14811">
        <v>4890.8999999999996</v>
      </c>
      <c r="D14811">
        <v>1.9</v>
      </c>
      <c r="E14811">
        <v>4987.7</v>
      </c>
      <c r="F14811">
        <v>69.316500000000005</v>
      </c>
    </row>
    <row r="14812" spans="1:6" x14ac:dyDescent="0.25">
      <c r="A14812">
        <v>167.67</v>
      </c>
      <c r="B14812">
        <v>189.52</v>
      </c>
      <c r="C14812">
        <v>4890.8999999999996</v>
      </c>
      <c r="D14812">
        <v>2.2000000000000002</v>
      </c>
      <c r="E14812">
        <v>4823.3500000000004</v>
      </c>
      <c r="F14812">
        <v>73.441599999999994</v>
      </c>
    </row>
    <row r="14813" spans="1:6" x14ac:dyDescent="0.25">
      <c r="A14813">
        <v>167.67</v>
      </c>
      <c r="B14813">
        <v>189.52</v>
      </c>
      <c r="C14813">
        <v>4890.8999999999996</v>
      </c>
      <c r="D14813">
        <v>2.5</v>
      </c>
      <c r="E14813">
        <v>4675.26</v>
      </c>
      <c r="F14813">
        <v>63.775199999999998</v>
      </c>
    </row>
    <row r="14814" spans="1:6" x14ac:dyDescent="0.25">
      <c r="A14814">
        <v>167.67</v>
      </c>
      <c r="B14814">
        <v>189.52</v>
      </c>
      <c r="C14814">
        <v>4890.8999999999996</v>
      </c>
      <c r="D14814">
        <v>2.8</v>
      </c>
      <c r="E14814">
        <v>4657.34</v>
      </c>
      <c r="F14814">
        <v>71.703800000000001</v>
      </c>
    </row>
    <row r="14815" spans="1:6" x14ac:dyDescent="0.25">
      <c r="A14815">
        <v>167.67</v>
      </c>
      <c r="B14815">
        <v>189.52</v>
      </c>
      <c r="C14815">
        <v>4890.8999999999996</v>
      </c>
      <c r="D14815">
        <v>3.1</v>
      </c>
      <c r="E14815">
        <v>4511.97</v>
      </c>
      <c r="F14815">
        <v>73.101900000000001</v>
      </c>
    </row>
    <row r="14816" spans="1:6" x14ac:dyDescent="0.25">
      <c r="A14816">
        <v>167.67</v>
      </c>
      <c r="B14816">
        <v>189.52</v>
      </c>
      <c r="C14816">
        <v>4890.8999999999996</v>
      </c>
      <c r="D14816">
        <v>3.4</v>
      </c>
      <c r="E14816">
        <v>4535.6400000000003</v>
      </c>
      <c r="F14816">
        <v>72.049800000000005</v>
      </c>
    </row>
    <row r="14817" spans="1:6" x14ac:dyDescent="0.25">
      <c r="A14817">
        <v>167.67</v>
      </c>
      <c r="B14817">
        <v>189.52</v>
      </c>
      <c r="C14817">
        <v>4890.8999999999996</v>
      </c>
      <c r="D14817">
        <v>3.7</v>
      </c>
      <c r="E14817">
        <v>4355.29</v>
      </c>
      <c r="F14817">
        <v>75.409700000000001</v>
      </c>
    </row>
    <row r="14818" spans="1:6" x14ac:dyDescent="0.25">
      <c r="A14818">
        <v>167.67</v>
      </c>
      <c r="B14818">
        <v>189.52</v>
      </c>
      <c r="C14818">
        <v>4890.8999999999996</v>
      </c>
      <c r="D14818">
        <v>4</v>
      </c>
      <c r="E14818">
        <v>4361.99</v>
      </c>
      <c r="F14818">
        <v>74.384699999999995</v>
      </c>
    </row>
    <row r="14819" spans="1:6" x14ac:dyDescent="0.25">
      <c r="A14819">
        <v>167.67</v>
      </c>
      <c r="B14819">
        <v>189.52</v>
      </c>
      <c r="C14819">
        <v>6436.35</v>
      </c>
      <c r="D14819">
        <v>1</v>
      </c>
      <c r="E14819">
        <v>5775.93</v>
      </c>
      <c r="F14819">
        <v>68.071700000000007</v>
      </c>
    </row>
    <row r="14820" spans="1:6" x14ac:dyDescent="0.25">
      <c r="A14820">
        <v>167.67</v>
      </c>
      <c r="B14820">
        <v>189.52</v>
      </c>
      <c r="C14820">
        <v>6436.35</v>
      </c>
      <c r="D14820">
        <v>1.3</v>
      </c>
      <c r="E14820">
        <v>5350.28</v>
      </c>
      <c r="F14820">
        <v>71.020300000000006</v>
      </c>
    </row>
    <row r="14821" spans="1:6" x14ac:dyDescent="0.25">
      <c r="A14821">
        <v>167.67</v>
      </c>
      <c r="B14821">
        <v>189.52</v>
      </c>
      <c r="C14821">
        <v>6436.35</v>
      </c>
      <c r="D14821">
        <v>1.6</v>
      </c>
      <c r="E14821">
        <v>5111.9399999999996</v>
      </c>
      <c r="F14821">
        <v>71.690399999999997</v>
      </c>
    </row>
    <row r="14822" spans="1:6" x14ac:dyDescent="0.25">
      <c r="A14822">
        <v>167.67</v>
      </c>
      <c r="B14822">
        <v>189.52</v>
      </c>
      <c r="C14822">
        <v>6436.35</v>
      </c>
      <c r="D14822">
        <v>1.9</v>
      </c>
      <c r="E14822">
        <v>4987.7</v>
      </c>
      <c r="F14822">
        <v>69.316500000000005</v>
      </c>
    </row>
    <row r="14823" spans="1:6" x14ac:dyDescent="0.25">
      <c r="A14823">
        <v>167.67</v>
      </c>
      <c r="B14823">
        <v>189.52</v>
      </c>
      <c r="C14823">
        <v>6436.35</v>
      </c>
      <c r="D14823">
        <v>2.2000000000000002</v>
      </c>
      <c r="E14823">
        <v>4823.3500000000004</v>
      </c>
      <c r="F14823">
        <v>73.441599999999994</v>
      </c>
    </row>
    <row r="14824" spans="1:6" x14ac:dyDescent="0.25">
      <c r="A14824">
        <v>167.67</v>
      </c>
      <c r="B14824">
        <v>189.52</v>
      </c>
      <c r="C14824">
        <v>6436.35</v>
      </c>
      <c r="D14824">
        <v>2.5</v>
      </c>
      <c r="E14824">
        <v>4675.26</v>
      </c>
      <c r="F14824">
        <v>63.775199999999998</v>
      </c>
    </row>
    <row r="14825" spans="1:6" x14ac:dyDescent="0.25">
      <c r="A14825">
        <v>167.67</v>
      </c>
      <c r="B14825">
        <v>189.52</v>
      </c>
      <c r="C14825">
        <v>6436.35</v>
      </c>
      <c r="D14825">
        <v>2.8</v>
      </c>
      <c r="E14825">
        <v>4657.34</v>
      </c>
      <c r="F14825">
        <v>71.703800000000001</v>
      </c>
    </row>
    <row r="14826" spans="1:6" x14ac:dyDescent="0.25">
      <c r="A14826">
        <v>167.67</v>
      </c>
      <c r="B14826">
        <v>189.52</v>
      </c>
      <c r="C14826">
        <v>6436.35</v>
      </c>
      <c r="D14826">
        <v>3.1</v>
      </c>
      <c r="E14826">
        <v>4511.97</v>
      </c>
      <c r="F14826">
        <v>73.101900000000001</v>
      </c>
    </row>
    <row r="14827" spans="1:6" x14ac:dyDescent="0.25">
      <c r="A14827">
        <v>167.67</v>
      </c>
      <c r="B14827">
        <v>189.52</v>
      </c>
      <c r="C14827">
        <v>6436.35</v>
      </c>
      <c r="D14827">
        <v>3.4</v>
      </c>
      <c r="E14827">
        <v>4535.6400000000003</v>
      </c>
      <c r="F14827">
        <v>72.049800000000005</v>
      </c>
    </row>
    <row r="14828" spans="1:6" x14ac:dyDescent="0.25">
      <c r="A14828">
        <v>167.67</v>
      </c>
      <c r="B14828">
        <v>189.52</v>
      </c>
      <c r="C14828">
        <v>6436.35</v>
      </c>
      <c r="D14828">
        <v>3.7</v>
      </c>
      <c r="E14828">
        <v>4355.29</v>
      </c>
      <c r="F14828">
        <v>75.409700000000001</v>
      </c>
    </row>
    <row r="14829" spans="1:6" x14ac:dyDescent="0.25">
      <c r="A14829">
        <v>167.67</v>
      </c>
      <c r="B14829">
        <v>189.52</v>
      </c>
      <c r="C14829">
        <v>6436.35</v>
      </c>
      <c r="D14829">
        <v>4</v>
      </c>
      <c r="E14829">
        <v>4361.99</v>
      </c>
      <c r="F14829">
        <v>74.384699999999995</v>
      </c>
    </row>
    <row r="14830" spans="1:6" x14ac:dyDescent="0.25">
      <c r="A14830">
        <v>167.67</v>
      </c>
      <c r="B14830">
        <v>189.52</v>
      </c>
      <c r="C14830">
        <v>7981.8</v>
      </c>
      <c r="D14830">
        <v>1</v>
      </c>
      <c r="E14830">
        <v>5775.93</v>
      </c>
      <c r="F14830">
        <v>68.071700000000007</v>
      </c>
    </row>
    <row r="14831" spans="1:6" x14ac:dyDescent="0.25">
      <c r="A14831">
        <v>167.67</v>
      </c>
      <c r="B14831">
        <v>189.52</v>
      </c>
      <c r="C14831">
        <v>7981.8</v>
      </c>
      <c r="D14831">
        <v>1.3</v>
      </c>
      <c r="E14831">
        <v>5350.28</v>
      </c>
      <c r="F14831">
        <v>71.020300000000006</v>
      </c>
    </row>
    <row r="14832" spans="1:6" x14ac:dyDescent="0.25">
      <c r="A14832">
        <v>167.67</v>
      </c>
      <c r="B14832">
        <v>189.52</v>
      </c>
      <c r="C14832">
        <v>7981.8</v>
      </c>
      <c r="D14832">
        <v>1.6</v>
      </c>
      <c r="E14832">
        <v>5111.9399999999996</v>
      </c>
      <c r="F14832">
        <v>71.690399999999997</v>
      </c>
    </row>
    <row r="14833" spans="1:6" x14ac:dyDescent="0.25">
      <c r="A14833">
        <v>167.67</v>
      </c>
      <c r="B14833">
        <v>189.52</v>
      </c>
      <c r="C14833">
        <v>7981.8</v>
      </c>
      <c r="D14833">
        <v>1.9</v>
      </c>
      <c r="E14833">
        <v>4987.7</v>
      </c>
      <c r="F14833">
        <v>69.316500000000005</v>
      </c>
    </row>
    <row r="14834" spans="1:6" x14ac:dyDescent="0.25">
      <c r="A14834">
        <v>167.67</v>
      </c>
      <c r="B14834">
        <v>189.52</v>
      </c>
      <c r="C14834">
        <v>7981.8</v>
      </c>
      <c r="D14834">
        <v>2.2000000000000002</v>
      </c>
      <c r="E14834">
        <v>4823.3500000000004</v>
      </c>
      <c r="F14834">
        <v>73.441599999999994</v>
      </c>
    </row>
    <row r="14835" spans="1:6" x14ac:dyDescent="0.25">
      <c r="A14835">
        <v>167.67</v>
      </c>
      <c r="B14835">
        <v>189.52</v>
      </c>
      <c r="C14835">
        <v>7981.8</v>
      </c>
      <c r="D14835">
        <v>2.5</v>
      </c>
      <c r="E14835">
        <v>4675.26</v>
      </c>
      <c r="F14835">
        <v>63.775199999999998</v>
      </c>
    </row>
    <row r="14836" spans="1:6" x14ac:dyDescent="0.25">
      <c r="A14836">
        <v>167.67</v>
      </c>
      <c r="B14836">
        <v>189.52</v>
      </c>
      <c r="C14836">
        <v>7981.8</v>
      </c>
      <c r="D14836">
        <v>2.8</v>
      </c>
      <c r="E14836">
        <v>4657.34</v>
      </c>
      <c r="F14836">
        <v>71.703800000000001</v>
      </c>
    </row>
    <row r="14837" spans="1:6" x14ac:dyDescent="0.25">
      <c r="A14837">
        <v>167.67</v>
      </c>
      <c r="B14837">
        <v>189.52</v>
      </c>
      <c r="C14837">
        <v>7981.8</v>
      </c>
      <c r="D14837">
        <v>3.1</v>
      </c>
      <c r="E14837">
        <v>4511.97</v>
      </c>
      <c r="F14837">
        <v>73.101900000000001</v>
      </c>
    </row>
    <row r="14838" spans="1:6" x14ac:dyDescent="0.25">
      <c r="A14838">
        <v>167.67</v>
      </c>
      <c r="B14838">
        <v>189.52</v>
      </c>
      <c r="C14838">
        <v>7981.8</v>
      </c>
      <c r="D14838">
        <v>3.4</v>
      </c>
      <c r="E14838">
        <v>4535.6400000000003</v>
      </c>
      <c r="F14838">
        <v>72.049800000000005</v>
      </c>
    </row>
    <row r="14839" spans="1:6" x14ac:dyDescent="0.25">
      <c r="A14839">
        <v>167.67</v>
      </c>
      <c r="B14839">
        <v>189.52</v>
      </c>
      <c r="C14839">
        <v>7981.8</v>
      </c>
      <c r="D14839">
        <v>3.7</v>
      </c>
      <c r="E14839">
        <v>4355.29</v>
      </c>
      <c r="F14839">
        <v>75.409700000000001</v>
      </c>
    </row>
    <row r="14840" spans="1:6" x14ac:dyDescent="0.25">
      <c r="A14840">
        <v>167.67</v>
      </c>
      <c r="B14840">
        <v>189.52</v>
      </c>
      <c r="C14840">
        <v>7981.8</v>
      </c>
      <c r="D14840">
        <v>4</v>
      </c>
      <c r="E14840">
        <v>4361.99</v>
      </c>
      <c r="F14840">
        <v>74.384699999999995</v>
      </c>
    </row>
    <row r="14841" spans="1:6" x14ac:dyDescent="0.25">
      <c r="A14841">
        <v>167.67</v>
      </c>
      <c r="B14841">
        <v>189.52</v>
      </c>
      <c r="C14841">
        <v>9527.25</v>
      </c>
      <c r="D14841">
        <v>1</v>
      </c>
      <c r="E14841">
        <v>5775.93</v>
      </c>
      <c r="F14841">
        <v>68.071700000000007</v>
      </c>
    </row>
    <row r="14842" spans="1:6" x14ac:dyDescent="0.25">
      <c r="A14842">
        <v>167.67</v>
      </c>
      <c r="B14842">
        <v>189.52</v>
      </c>
      <c r="C14842">
        <v>9527.25</v>
      </c>
      <c r="D14842">
        <v>1.3</v>
      </c>
      <c r="E14842">
        <v>5350.28</v>
      </c>
      <c r="F14842">
        <v>71.020300000000006</v>
      </c>
    </row>
    <row r="14843" spans="1:6" x14ac:dyDescent="0.25">
      <c r="A14843">
        <v>167.67</v>
      </c>
      <c r="B14843">
        <v>189.52</v>
      </c>
      <c r="C14843">
        <v>9527.25</v>
      </c>
      <c r="D14843">
        <v>1.6</v>
      </c>
      <c r="E14843">
        <v>5111.9399999999996</v>
      </c>
      <c r="F14843">
        <v>71.690399999999997</v>
      </c>
    </row>
    <row r="14844" spans="1:6" x14ac:dyDescent="0.25">
      <c r="A14844">
        <v>167.67</v>
      </c>
      <c r="B14844">
        <v>189.52</v>
      </c>
      <c r="C14844">
        <v>9527.25</v>
      </c>
      <c r="D14844">
        <v>1.9</v>
      </c>
      <c r="E14844">
        <v>4987.7</v>
      </c>
      <c r="F14844">
        <v>69.316500000000005</v>
      </c>
    </row>
    <row r="14845" spans="1:6" x14ac:dyDescent="0.25">
      <c r="A14845">
        <v>167.67</v>
      </c>
      <c r="B14845">
        <v>189.52</v>
      </c>
      <c r="C14845">
        <v>9527.25</v>
      </c>
      <c r="D14845">
        <v>2.2000000000000002</v>
      </c>
      <c r="E14845">
        <v>4823.3500000000004</v>
      </c>
      <c r="F14845">
        <v>73.441599999999994</v>
      </c>
    </row>
    <row r="14846" spans="1:6" x14ac:dyDescent="0.25">
      <c r="A14846">
        <v>167.67</v>
      </c>
      <c r="B14846">
        <v>189.52</v>
      </c>
      <c r="C14846">
        <v>9527.25</v>
      </c>
      <c r="D14846">
        <v>2.5</v>
      </c>
      <c r="E14846">
        <v>4675.26</v>
      </c>
      <c r="F14846">
        <v>63.775199999999998</v>
      </c>
    </row>
    <row r="14847" spans="1:6" x14ac:dyDescent="0.25">
      <c r="A14847">
        <v>167.67</v>
      </c>
      <c r="B14847">
        <v>189.52</v>
      </c>
      <c r="C14847">
        <v>9527.25</v>
      </c>
      <c r="D14847">
        <v>2.8</v>
      </c>
      <c r="E14847">
        <v>4657.34</v>
      </c>
      <c r="F14847">
        <v>71.703800000000001</v>
      </c>
    </row>
    <row r="14848" spans="1:6" x14ac:dyDescent="0.25">
      <c r="A14848">
        <v>167.67</v>
      </c>
      <c r="B14848">
        <v>189.52</v>
      </c>
      <c r="C14848">
        <v>9527.25</v>
      </c>
      <c r="D14848">
        <v>3.1</v>
      </c>
      <c r="E14848">
        <v>4511.97</v>
      </c>
      <c r="F14848">
        <v>73.101900000000001</v>
      </c>
    </row>
    <row r="14849" spans="1:6" x14ac:dyDescent="0.25">
      <c r="A14849">
        <v>167.67</v>
      </c>
      <c r="B14849">
        <v>189.52</v>
      </c>
      <c r="C14849">
        <v>9527.25</v>
      </c>
      <c r="D14849">
        <v>3.4</v>
      </c>
      <c r="E14849">
        <v>4535.6400000000003</v>
      </c>
      <c r="F14849">
        <v>72.049800000000005</v>
      </c>
    </row>
    <row r="14850" spans="1:6" x14ac:dyDescent="0.25">
      <c r="A14850">
        <v>167.67</v>
      </c>
      <c r="B14850">
        <v>189.52</v>
      </c>
      <c r="C14850">
        <v>9527.25</v>
      </c>
      <c r="D14850">
        <v>3.7</v>
      </c>
      <c r="E14850">
        <v>4355.29</v>
      </c>
      <c r="F14850">
        <v>75.409700000000001</v>
      </c>
    </row>
    <row r="14851" spans="1:6" x14ac:dyDescent="0.25">
      <c r="A14851">
        <v>167.67</v>
      </c>
      <c r="B14851">
        <v>189.52</v>
      </c>
      <c r="C14851">
        <v>9527.25</v>
      </c>
      <c r="D14851">
        <v>4</v>
      </c>
      <c r="E14851">
        <v>4361.99</v>
      </c>
      <c r="F14851">
        <v>74.384699999999995</v>
      </c>
    </row>
    <row r="14852" spans="1:6" x14ac:dyDescent="0.25">
      <c r="A14852">
        <v>167.67</v>
      </c>
      <c r="B14852">
        <v>189.52</v>
      </c>
      <c r="C14852">
        <v>11072.7</v>
      </c>
      <c r="D14852">
        <v>1</v>
      </c>
      <c r="E14852">
        <v>5775.93</v>
      </c>
      <c r="F14852">
        <v>68.071700000000007</v>
      </c>
    </row>
    <row r="14853" spans="1:6" x14ac:dyDescent="0.25">
      <c r="A14853">
        <v>167.67</v>
      </c>
      <c r="B14853">
        <v>189.52</v>
      </c>
      <c r="C14853">
        <v>11072.7</v>
      </c>
      <c r="D14853">
        <v>1.3</v>
      </c>
      <c r="E14853">
        <v>5350.28</v>
      </c>
      <c r="F14853">
        <v>71.020300000000006</v>
      </c>
    </row>
    <row r="14854" spans="1:6" x14ac:dyDescent="0.25">
      <c r="A14854">
        <v>167.67</v>
      </c>
      <c r="B14854">
        <v>189.52</v>
      </c>
      <c r="C14854">
        <v>11072.7</v>
      </c>
      <c r="D14854">
        <v>1.6</v>
      </c>
      <c r="E14854">
        <v>5111.9399999999996</v>
      </c>
      <c r="F14854">
        <v>71.690399999999997</v>
      </c>
    </row>
    <row r="14855" spans="1:6" x14ac:dyDescent="0.25">
      <c r="A14855">
        <v>167.67</v>
      </c>
      <c r="B14855">
        <v>189.52</v>
      </c>
      <c r="C14855">
        <v>11072.7</v>
      </c>
      <c r="D14855">
        <v>1.9</v>
      </c>
      <c r="E14855">
        <v>4987.7</v>
      </c>
      <c r="F14855">
        <v>69.316500000000005</v>
      </c>
    </row>
    <row r="14856" spans="1:6" x14ac:dyDescent="0.25">
      <c r="A14856">
        <v>167.67</v>
      </c>
      <c r="B14856">
        <v>189.52</v>
      </c>
      <c r="C14856">
        <v>11072.7</v>
      </c>
      <c r="D14856">
        <v>2.2000000000000002</v>
      </c>
      <c r="E14856">
        <v>4823.3500000000004</v>
      </c>
      <c r="F14856">
        <v>73.441599999999994</v>
      </c>
    </row>
    <row r="14857" spans="1:6" x14ac:dyDescent="0.25">
      <c r="A14857">
        <v>167.67</v>
      </c>
      <c r="B14857">
        <v>189.52</v>
      </c>
      <c r="C14857">
        <v>11072.7</v>
      </c>
      <c r="D14857">
        <v>2.5</v>
      </c>
      <c r="E14857">
        <v>4675.26</v>
      </c>
      <c r="F14857">
        <v>63.775199999999998</v>
      </c>
    </row>
    <row r="14858" spans="1:6" x14ac:dyDescent="0.25">
      <c r="A14858">
        <v>167.67</v>
      </c>
      <c r="B14858">
        <v>189.52</v>
      </c>
      <c r="C14858">
        <v>11072.7</v>
      </c>
      <c r="D14858">
        <v>2.8</v>
      </c>
      <c r="E14858">
        <v>4657.34</v>
      </c>
      <c r="F14858">
        <v>71.703800000000001</v>
      </c>
    </row>
    <row r="14859" spans="1:6" x14ac:dyDescent="0.25">
      <c r="A14859">
        <v>167.67</v>
      </c>
      <c r="B14859">
        <v>189.52</v>
      </c>
      <c r="C14859">
        <v>11072.7</v>
      </c>
      <c r="D14859">
        <v>3.1</v>
      </c>
      <c r="E14859">
        <v>4511.97</v>
      </c>
      <c r="F14859">
        <v>73.101900000000001</v>
      </c>
    </row>
    <row r="14860" spans="1:6" x14ac:dyDescent="0.25">
      <c r="A14860">
        <v>167.67</v>
      </c>
      <c r="B14860">
        <v>189.52</v>
      </c>
      <c r="C14860">
        <v>11072.7</v>
      </c>
      <c r="D14860">
        <v>3.4</v>
      </c>
      <c r="E14860">
        <v>4535.6400000000003</v>
      </c>
      <c r="F14860">
        <v>72.049800000000005</v>
      </c>
    </row>
    <row r="14861" spans="1:6" x14ac:dyDescent="0.25">
      <c r="A14861">
        <v>167.67</v>
      </c>
      <c r="B14861">
        <v>189.52</v>
      </c>
      <c r="C14861">
        <v>11072.7</v>
      </c>
      <c r="D14861">
        <v>3.7</v>
      </c>
      <c r="E14861">
        <v>4355.29</v>
      </c>
      <c r="F14861">
        <v>75.409700000000001</v>
      </c>
    </row>
    <row r="14862" spans="1:6" x14ac:dyDescent="0.25">
      <c r="A14862">
        <v>167.67</v>
      </c>
      <c r="B14862">
        <v>189.52</v>
      </c>
      <c r="C14862">
        <v>11072.7</v>
      </c>
      <c r="D14862">
        <v>4</v>
      </c>
      <c r="E14862">
        <v>4361.99</v>
      </c>
      <c r="F14862">
        <v>74.384699999999995</v>
      </c>
    </row>
    <row r="14863" spans="1:6" x14ac:dyDescent="0.25">
      <c r="A14863">
        <v>167.67</v>
      </c>
      <c r="B14863">
        <v>189.52</v>
      </c>
      <c r="C14863">
        <v>12618.2</v>
      </c>
      <c r="D14863">
        <v>1</v>
      </c>
      <c r="E14863">
        <v>5775.93</v>
      </c>
      <c r="F14863">
        <v>68.071700000000007</v>
      </c>
    </row>
    <row r="14864" spans="1:6" x14ac:dyDescent="0.25">
      <c r="A14864">
        <v>167.67</v>
      </c>
      <c r="B14864">
        <v>189.52</v>
      </c>
      <c r="C14864">
        <v>12618.2</v>
      </c>
      <c r="D14864">
        <v>1.3</v>
      </c>
      <c r="E14864">
        <v>5350.28</v>
      </c>
      <c r="F14864">
        <v>71.020300000000006</v>
      </c>
    </row>
    <row r="14865" spans="1:6" x14ac:dyDescent="0.25">
      <c r="A14865">
        <v>167.67</v>
      </c>
      <c r="B14865">
        <v>189.52</v>
      </c>
      <c r="C14865">
        <v>12618.2</v>
      </c>
      <c r="D14865">
        <v>1.6</v>
      </c>
      <c r="E14865">
        <v>5111.9399999999996</v>
      </c>
      <c r="F14865">
        <v>71.690399999999997</v>
      </c>
    </row>
    <row r="14866" spans="1:6" x14ac:dyDescent="0.25">
      <c r="A14866">
        <v>167.67</v>
      </c>
      <c r="B14866">
        <v>189.52</v>
      </c>
      <c r="C14866">
        <v>12618.2</v>
      </c>
      <c r="D14866">
        <v>1.9</v>
      </c>
      <c r="E14866">
        <v>4987.7</v>
      </c>
      <c r="F14866">
        <v>69.316500000000005</v>
      </c>
    </row>
    <row r="14867" spans="1:6" x14ac:dyDescent="0.25">
      <c r="A14867">
        <v>167.67</v>
      </c>
      <c r="B14867">
        <v>189.52</v>
      </c>
      <c r="C14867">
        <v>12618.2</v>
      </c>
      <c r="D14867">
        <v>2.2000000000000002</v>
      </c>
      <c r="E14867">
        <v>4823.3500000000004</v>
      </c>
      <c r="F14867">
        <v>73.441599999999994</v>
      </c>
    </row>
    <row r="14868" spans="1:6" x14ac:dyDescent="0.25">
      <c r="A14868">
        <v>167.67</v>
      </c>
      <c r="B14868">
        <v>189.52</v>
      </c>
      <c r="C14868">
        <v>12618.2</v>
      </c>
      <c r="D14868">
        <v>2.5</v>
      </c>
      <c r="E14868">
        <v>4675.26</v>
      </c>
      <c r="F14868">
        <v>63.775199999999998</v>
      </c>
    </row>
    <row r="14869" spans="1:6" x14ac:dyDescent="0.25">
      <c r="A14869">
        <v>167.67</v>
      </c>
      <c r="B14869">
        <v>189.52</v>
      </c>
      <c r="C14869">
        <v>12618.2</v>
      </c>
      <c r="D14869">
        <v>2.8</v>
      </c>
      <c r="E14869">
        <v>4657.34</v>
      </c>
      <c r="F14869">
        <v>71.703800000000001</v>
      </c>
    </row>
    <row r="14870" spans="1:6" x14ac:dyDescent="0.25">
      <c r="A14870">
        <v>167.67</v>
      </c>
      <c r="B14870">
        <v>189.52</v>
      </c>
      <c r="C14870">
        <v>12618.2</v>
      </c>
      <c r="D14870">
        <v>3.1</v>
      </c>
      <c r="E14870">
        <v>4511.97</v>
      </c>
      <c r="F14870">
        <v>73.101900000000001</v>
      </c>
    </row>
    <row r="14871" spans="1:6" x14ac:dyDescent="0.25">
      <c r="A14871">
        <v>167.67</v>
      </c>
      <c r="B14871">
        <v>189.52</v>
      </c>
      <c r="C14871">
        <v>12618.2</v>
      </c>
      <c r="D14871">
        <v>3.4</v>
      </c>
      <c r="E14871">
        <v>4535.6400000000003</v>
      </c>
      <c r="F14871">
        <v>72.049800000000005</v>
      </c>
    </row>
    <row r="14872" spans="1:6" x14ac:dyDescent="0.25">
      <c r="A14872">
        <v>167.67</v>
      </c>
      <c r="B14872">
        <v>189.52</v>
      </c>
      <c r="C14872">
        <v>12618.2</v>
      </c>
      <c r="D14872">
        <v>3.7</v>
      </c>
      <c r="E14872">
        <v>4355.29</v>
      </c>
      <c r="F14872">
        <v>75.409700000000001</v>
      </c>
    </row>
    <row r="14873" spans="1:6" x14ac:dyDescent="0.25">
      <c r="A14873">
        <v>167.67</v>
      </c>
      <c r="B14873">
        <v>189.52</v>
      </c>
      <c r="C14873">
        <v>12618.2</v>
      </c>
      <c r="D14873">
        <v>4</v>
      </c>
      <c r="E14873">
        <v>4361.99</v>
      </c>
      <c r="F14873">
        <v>74.384699999999995</v>
      </c>
    </row>
    <row r="14874" spans="1:6" x14ac:dyDescent="0.25">
      <c r="A14874">
        <v>167.67</v>
      </c>
      <c r="B14874">
        <v>189.52</v>
      </c>
      <c r="C14874">
        <v>14163.6</v>
      </c>
      <c r="D14874">
        <v>1</v>
      </c>
      <c r="E14874">
        <v>5775.93</v>
      </c>
      <c r="F14874">
        <v>68.071700000000007</v>
      </c>
    </row>
    <row r="14875" spans="1:6" x14ac:dyDescent="0.25">
      <c r="A14875">
        <v>167.67</v>
      </c>
      <c r="B14875">
        <v>189.52</v>
      </c>
      <c r="C14875">
        <v>14163.6</v>
      </c>
      <c r="D14875">
        <v>1.3</v>
      </c>
      <c r="E14875">
        <v>5350.28</v>
      </c>
      <c r="F14875">
        <v>71.020300000000006</v>
      </c>
    </row>
    <row r="14876" spans="1:6" x14ac:dyDescent="0.25">
      <c r="A14876">
        <v>167.67</v>
      </c>
      <c r="B14876">
        <v>189.52</v>
      </c>
      <c r="C14876">
        <v>14163.6</v>
      </c>
      <c r="D14876">
        <v>1.6</v>
      </c>
      <c r="E14876">
        <v>5111.9399999999996</v>
      </c>
      <c r="F14876">
        <v>71.690399999999997</v>
      </c>
    </row>
    <row r="14877" spans="1:6" x14ac:dyDescent="0.25">
      <c r="A14877">
        <v>167.67</v>
      </c>
      <c r="B14877">
        <v>189.52</v>
      </c>
      <c r="C14877">
        <v>14163.6</v>
      </c>
      <c r="D14877">
        <v>1.9</v>
      </c>
      <c r="E14877">
        <v>4987.7</v>
      </c>
      <c r="F14877">
        <v>69.316500000000005</v>
      </c>
    </row>
    <row r="14878" spans="1:6" x14ac:dyDescent="0.25">
      <c r="A14878">
        <v>167.67</v>
      </c>
      <c r="B14878">
        <v>189.52</v>
      </c>
      <c r="C14878">
        <v>14163.6</v>
      </c>
      <c r="D14878">
        <v>2.2000000000000002</v>
      </c>
      <c r="E14878">
        <v>4823.3500000000004</v>
      </c>
      <c r="F14878">
        <v>73.441599999999994</v>
      </c>
    </row>
    <row r="14879" spans="1:6" x14ac:dyDescent="0.25">
      <c r="A14879">
        <v>167.67</v>
      </c>
      <c r="B14879">
        <v>189.52</v>
      </c>
      <c r="C14879">
        <v>14163.6</v>
      </c>
      <c r="D14879">
        <v>2.5</v>
      </c>
      <c r="E14879">
        <v>4675.26</v>
      </c>
      <c r="F14879">
        <v>63.775199999999998</v>
      </c>
    </row>
    <row r="14880" spans="1:6" x14ac:dyDescent="0.25">
      <c r="A14880">
        <v>167.67</v>
      </c>
      <c r="B14880">
        <v>189.52</v>
      </c>
      <c r="C14880">
        <v>14163.6</v>
      </c>
      <c r="D14880">
        <v>2.8</v>
      </c>
      <c r="E14880">
        <v>4657.34</v>
      </c>
      <c r="F14880">
        <v>71.703800000000001</v>
      </c>
    </row>
    <row r="14881" spans="1:6" x14ac:dyDescent="0.25">
      <c r="A14881">
        <v>167.67</v>
      </c>
      <c r="B14881">
        <v>189.52</v>
      </c>
      <c r="C14881">
        <v>14163.6</v>
      </c>
      <c r="D14881">
        <v>3.1</v>
      </c>
      <c r="E14881">
        <v>4511.97</v>
      </c>
      <c r="F14881">
        <v>73.101900000000001</v>
      </c>
    </row>
    <row r="14882" spans="1:6" x14ac:dyDescent="0.25">
      <c r="A14882">
        <v>167.67</v>
      </c>
      <c r="B14882">
        <v>189.52</v>
      </c>
      <c r="C14882">
        <v>14163.6</v>
      </c>
      <c r="D14882">
        <v>3.4</v>
      </c>
      <c r="E14882">
        <v>4535.6400000000003</v>
      </c>
      <c r="F14882">
        <v>72.049800000000005</v>
      </c>
    </row>
    <row r="14883" spans="1:6" x14ac:dyDescent="0.25">
      <c r="A14883">
        <v>167.67</v>
      </c>
      <c r="B14883">
        <v>189.52</v>
      </c>
      <c r="C14883">
        <v>14163.6</v>
      </c>
      <c r="D14883">
        <v>3.7</v>
      </c>
      <c r="E14883">
        <v>4355.29</v>
      </c>
      <c r="F14883">
        <v>75.409700000000001</v>
      </c>
    </row>
    <row r="14884" spans="1:6" x14ac:dyDescent="0.25">
      <c r="A14884">
        <v>167.67</v>
      </c>
      <c r="B14884">
        <v>189.52</v>
      </c>
      <c r="C14884">
        <v>14163.6</v>
      </c>
      <c r="D14884">
        <v>4</v>
      </c>
      <c r="E14884">
        <v>4361.99</v>
      </c>
      <c r="F14884">
        <v>74.384699999999995</v>
      </c>
    </row>
    <row r="14885" spans="1:6" x14ac:dyDescent="0.25">
      <c r="A14885">
        <v>167.67</v>
      </c>
      <c r="B14885">
        <v>189.52</v>
      </c>
      <c r="C14885">
        <v>15709.1</v>
      </c>
      <c r="D14885">
        <v>1</v>
      </c>
      <c r="E14885">
        <v>5775.93</v>
      </c>
      <c r="F14885">
        <v>68.071700000000007</v>
      </c>
    </row>
    <row r="14886" spans="1:6" x14ac:dyDescent="0.25">
      <c r="A14886">
        <v>167.67</v>
      </c>
      <c r="B14886">
        <v>189.52</v>
      </c>
      <c r="C14886">
        <v>15709.1</v>
      </c>
      <c r="D14886">
        <v>1.3</v>
      </c>
      <c r="E14886">
        <v>5350.28</v>
      </c>
      <c r="F14886">
        <v>71.020300000000006</v>
      </c>
    </row>
    <row r="14887" spans="1:6" x14ac:dyDescent="0.25">
      <c r="A14887">
        <v>167.67</v>
      </c>
      <c r="B14887">
        <v>189.52</v>
      </c>
      <c r="C14887">
        <v>15709.1</v>
      </c>
      <c r="D14887">
        <v>1.6</v>
      </c>
      <c r="E14887">
        <v>5111.9399999999996</v>
      </c>
      <c r="F14887">
        <v>71.690399999999997</v>
      </c>
    </row>
    <row r="14888" spans="1:6" x14ac:dyDescent="0.25">
      <c r="A14888">
        <v>167.67</v>
      </c>
      <c r="B14888">
        <v>189.52</v>
      </c>
      <c r="C14888">
        <v>15709.1</v>
      </c>
      <c r="D14888">
        <v>1.9</v>
      </c>
      <c r="E14888">
        <v>4987.7</v>
      </c>
      <c r="F14888">
        <v>69.316500000000005</v>
      </c>
    </row>
    <row r="14889" spans="1:6" x14ac:dyDescent="0.25">
      <c r="A14889">
        <v>167.67</v>
      </c>
      <c r="B14889">
        <v>189.52</v>
      </c>
      <c r="C14889">
        <v>15709.1</v>
      </c>
      <c r="D14889">
        <v>2.2000000000000002</v>
      </c>
      <c r="E14889">
        <v>4823.3500000000004</v>
      </c>
      <c r="F14889">
        <v>73.441599999999994</v>
      </c>
    </row>
    <row r="14890" spans="1:6" x14ac:dyDescent="0.25">
      <c r="A14890">
        <v>167.67</v>
      </c>
      <c r="B14890">
        <v>189.52</v>
      </c>
      <c r="C14890">
        <v>15709.1</v>
      </c>
      <c r="D14890">
        <v>2.5</v>
      </c>
      <c r="E14890">
        <v>4675.26</v>
      </c>
      <c r="F14890">
        <v>63.775199999999998</v>
      </c>
    </row>
    <row r="14891" spans="1:6" x14ac:dyDescent="0.25">
      <c r="A14891">
        <v>167.67</v>
      </c>
      <c r="B14891">
        <v>189.52</v>
      </c>
      <c r="C14891">
        <v>15709.1</v>
      </c>
      <c r="D14891">
        <v>2.8</v>
      </c>
      <c r="E14891">
        <v>4657.34</v>
      </c>
      <c r="F14891">
        <v>71.703800000000001</v>
      </c>
    </row>
    <row r="14892" spans="1:6" x14ac:dyDescent="0.25">
      <c r="A14892">
        <v>167.67</v>
      </c>
      <c r="B14892">
        <v>189.52</v>
      </c>
      <c r="C14892">
        <v>15709.1</v>
      </c>
      <c r="D14892">
        <v>3.1</v>
      </c>
      <c r="E14892">
        <v>4511.97</v>
      </c>
      <c r="F14892">
        <v>73.101900000000001</v>
      </c>
    </row>
    <row r="14893" spans="1:6" x14ac:dyDescent="0.25">
      <c r="A14893">
        <v>167.67</v>
      </c>
      <c r="B14893">
        <v>189.52</v>
      </c>
      <c r="C14893">
        <v>15709.1</v>
      </c>
      <c r="D14893">
        <v>3.4</v>
      </c>
      <c r="E14893">
        <v>4535.6400000000003</v>
      </c>
      <c r="F14893">
        <v>72.049800000000005</v>
      </c>
    </row>
    <row r="14894" spans="1:6" x14ac:dyDescent="0.25">
      <c r="A14894">
        <v>167.67</v>
      </c>
      <c r="B14894">
        <v>189.52</v>
      </c>
      <c r="C14894">
        <v>15709.1</v>
      </c>
      <c r="D14894">
        <v>3.7</v>
      </c>
      <c r="E14894">
        <v>4355.29</v>
      </c>
      <c r="F14894">
        <v>75.409700000000001</v>
      </c>
    </row>
    <row r="14895" spans="1:6" x14ac:dyDescent="0.25">
      <c r="A14895">
        <v>167.67</v>
      </c>
      <c r="B14895">
        <v>189.52</v>
      </c>
      <c r="C14895">
        <v>15709.1</v>
      </c>
      <c r="D14895">
        <v>4</v>
      </c>
      <c r="E14895">
        <v>4361.99</v>
      </c>
      <c r="F14895">
        <v>74.384699999999995</v>
      </c>
    </row>
    <row r="14896" spans="1:6" x14ac:dyDescent="0.25">
      <c r="A14896">
        <v>167.67</v>
      </c>
      <c r="B14896">
        <v>189.52</v>
      </c>
      <c r="C14896">
        <v>17254.5</v>
      </c>
      <c r="D14896">
        <v>1</v>
      </c>
      <c r="E14896">
        <v>5775.93</v>
      </c>
      <c r="F14896">
        <v>68.071700000000007</v>
      </c>
    </row>
    <row r="14897" spans="1:6" x14ac:dyDescent="0.25">
      <c r="A14897">
        <v>167.67</v>
      </c>
      <c r="B14897">
        <v>189.52</v>
      </c>
      <c r="C14897">
        <v>17254.5</v>
      </c>
      <c r="D14897">
        <v>1.3</v>
      </c>
      <c r="E14897">
        <v>5350.28</v>
      </c>
      <c r="F14897">
        <v>71.020300000000006</v>
      </c>
    </row>
    <row r="14898" spans="1:6" x14ac:dyDescent="0.25">
      <c r="A14898">
        <v>167.67</v>
      </c>
      <c r="B14898">
        <v>189.52</v>
      </c>
      <c r="C14898">
        <v>17254.5</v>
      </c>
      <c r="D14898">
        <v>1.6</v>
      </c>
      <c r="E14898">
        <v>5111.9399999999996</v>
      </c>
      <c r="F14898">
        <v>71.690399999999997</v>
      </c>
    </row>
    <row r="14899" spans="1:6" x14ac:dyDescent="0.25">
      <c r="A14899" s="2">
        <v>167.67</v>
      </c>
      <c r="B14899" s="2">
        <v>189.52</v>
      </c>
      <c r="C14899" s="2">
        <v>17254.5</v>
      </c>
      <c r="D14899" s="2">
        <v>1.9</v>
      </c>
      <c r="E14899">
        <v>4987.7</v>
      </c>
      <c r="F14899">
        <v>69.316500000000005</v>
      </c>
    </row>
    <row r="14900" spans="1:6" x14ac:dyDescent="0.25">
      <c r="A14900">
        <v>167.67</v>
      </c>
      <c r="B14900">
        <v>189.52</v>
      </c>
      <c r="C14900">
        <v>17254.5</v>
      </c>
      <c r="D14900">
        <v>2.2000000000000002</v>
      </c>
      <c r="E14900">
        <v>4823.3500000000004</v>
      </c>
      <c r="F14900">
        <v>73.441599999999994</v>
      </c>
    </row>
    <row r="14901" spans="1:6" x14ac:dyDescent="0.25">
      <c r="A14901">
        <v>167.67</v>
      </c>
      <c r="B14901">
        <v>189.52</v>
      </c>
      <c r="C14901">
        <v>17254.5</v>
      </c>
      <c r="D14901">
        <v>2.5</v>
      </c>
      <c r="E14901">
        <v>4675.26</v>
      </c>
      <c r="F14901">
        <v>63.775199999999998</v>
      </c>
    </row>
    <row r="14902" spans="1:6" x14ac:dyDescent="0.25">
      <c r="A14902">
        <v>167.67</v>
      </c>
      <c r="B14902">
        <v>189.52</v>
      </c>
      <c r="C14902">
        <v>17254.5</v>
      </c>
      <c r="D14902">
        <v>2.8</v>
      </c>
      <c r="E14902">
        <v>4657.34</v>
      </c>
      <c r="F14902">
        <v>71.703800000000001</v>
      </c>
    </row>
    <row r="14903" spans="1:6" x14ac:dyDescent="0.25">
      <c r="A14903">
        <v>167.67</v>
      </c>
      <c r="B14903">
        <v>189.52</v>
      </c>
      <c r="C14903">
        <v>17254.5</v>
      </c>
      <c r="D14903">
        <v>3.1</v>
      </c>
      <c r="E14903">
        <v>4511.97</v>
      </c>
      <c r="F14903">
        <v>73.101900000000001</v>
      </c>
    </row>
    <row r="14904" spans="1:6" x14ac:dyDescent="0.25">
      <c r="A14904">
        <v>167.67</v>
      </c>
      <c r="B14904">
        <v>189.52</v>
      </c>
      <c r="C14904">
        <v>17254.5</v>
      </c>
      <c r="D14904">
        <v>3.4</v>
      </c>
      <c r="E14904">
        <v>4535.6400000000003</v>
      </c>
      <c r="F14904">
        <v>72.049800000000005</v>
      </c>
    </row>
    <row r="14905" spans="1:6" x14ac:dyDescent="0.25">
      <c r="A14905">
        <v>167.67</v>
      </c>
      <c r="B14905">
        <v>189.52</v>
      </c>
      <c r="C14905">
        <v>17254.5</v>
      </c>
      <c r="D14905">
        <v>3.7</v>
      </c>
      <c r="E14905">
        <v>4355.29</v>
      </c>
      <c r="F14905">
        <v>75.409700000000001</v>
      </c>
    </row>
    <row r="14906" spans="1:6" x14ac:dyDescent="0.25">
      <c r="A14906">
        <v>167.67</v>
      </c>
      <c r="B14906">
        <v>189.52</v>
      </c>
      <c r="C14906">
        <v>17254.5</v>
      </c>
      <c r="D14906">
        <v>4</v>
      </c>
      <c r="E14906">
        <v>4361.99</v>
      </c>
      <c r="F14906">
        <v>74.384699999999995</v>
      </c>
    </row>
    <row r="14907" spans="1:6" x14ac:dyDescent="0.25">
      <c r="A14907">
        <v>167.67</v>
      </c>
      <c r="B14907">
        <v>189.52</v>
      </c>
      <c r="C14907">
        <v>18800</v>
      </c>
      <c r="D14907">
        <v>1</v>
      </c>
      <c r="E14907">
        <v>5775.93</v>
      </c>
      <c r="F14907">
        <v>68.071700000000007</v>
      </c>
    </row>
    <row r="14908" spans="1:6" x14ac:dyDescent="0.25">
      <c r="A14908">
        <v>167.67</v>
      </c>
      <c r="B14908">
        <v>189.52</v>
      </c>
      <c r="C14908">
        <v>18800</v>
      </c>
      <c r="D14908">
        <v>1.3</v>
      </c>
      <c r="E14908">
        <v>5350.28</v>
      </c>
      <c r="F14908">
        <v>71.020300000000006</v>
      </c>
    </row>
    <row r="14909" spans="1:6" x14ac:dyDescent="0.25">
      <c r="A14909">
        <v>167.67</v>
      </c>
      <c r="B14909">
        <v>189.52</v>
      </c>
      <c r="C14909">
        <v>18800</v>
      </c>
      <c r="D14909">
        <v>1.6</v>
      </c>
      <c r="E14909">
        <v>5111.9399999999996</v>
      </c>
      <c r="F14909">
        <v>71.690399999999997</v>
      </c>
    </row>
    <row r="14910" spans="1:6" x14ac:dyDescent="0.25">
      <c r="A14910">
        <v>167.67</v>
      </c>
      <c r="B14910">
        <v>189.52</v>
      </c>
      <c r="C14910">
        <v>18800</v>
      </c>
      <c r="D14910">
        <v>1.9</v>
      </c>
      <c r="E14910">
        <v>4987.7</v>
      </c>
      <c r="F14910">
        <v>69.316500000000005</v>
      </c>
    </row>
    <row r="14911" spans="1:6" x14ac:dyDescent="0.25">
      <c r="A14911">
        <v>167.67</v>
      </c>
      <c r="B14911">
        <v>189.52</v>
      </c>
      <c r="C14911">
        <v>18800</v>
      </c>
      <c r="D14911">
        <v>2.2000000000000002</v>
      </c>
      <c r="E14911">
        <v>4823.3500000000004</v>
      </c>
      <c r="F14911">
        <v>73.441599999999994</v>
      </c>
    </row>
    <row r="14912" spans="1:6" x14ac:dyDescent="0.25">
      <c r="A14912">
        <v>167.67</v>
      </c>
      <c r="B14912">
        <v>189.52</v>
      </c>
      <c r="C14912">
        <v>18800</v>
      </c>
      <c r="D14912">
        <v>2.5</v>
      </c>
      <c r="E14912">
        <v>4675.26</v>
      </c>
      <c r="F14912">
        <v>63.775199999999998</v>
      </c>
    </row>
    <row r="14913" spans="1:6" x14ac:dyDescent="0.25">
      <c r="A14913">
        <v>167.67</v>
      </c>
      <c r="B14913">
        <v>189.52</v>
      </c>
      <c r="C14913">
        <v>18800</v>
      </c>
      <c r="D14913">
        <v>2.8</v>
      </c>
      <c r="E14913">
        <v>4657.34</v>
      </c>
      <c r="F14913">
        <v>71.703800000000001</v>
      </c>
    </row>
    <row r="14914" spans="1:6" x14ac:dyDescent="0.25">
      <c r="A14914">
        <v>167.67</v>
      </c>
      <c r="B14914">
        <v>189.52</v>
      </c>
      <c r="C14914">
        <v>18800</v>
      </c>
      <c r="D14914">
        <v>3.1</v>
      </c>
      <c r="E14914">
        <v>4511.97</v>
      </c>
      <c r="F14914">
        <v>73.101900000000001</v>
      </c>
    </row>
    <row r="14915" spans="1:6" x14ac:dyDescent="0.25">
      <c r="A14915">
        <v>167.67</v>
      </c>
      <c r="B14915">
        <v>189.52</v>
      </c>
      <c r="C14915">
        <v>18800</v>
      </c>
      <c r="D14915">
        <v>3.4</v>
      </c>
      <c r="E14915">
        <v>4535.6400000000003</v>
      </c>
      <c r="F14915">
        <v>72.049800000000005</v>
      </c>
    </row>
    <row r="14916" spans="1:6" x14ac:dyDescent="0.25">
      <c r="A14916">
        <v>167.67</v>
      </c>
      <c r="B14916">
        <v>189.52</v>
      </c>
      <c r="C14916">
        <v>18800</v>
      </c>
      <c r="D14916">
        <v>3.7</v>
      </c>
      <c r="E14916">
        <v>4355.29</v>
      </c>
      <c r="F14916">
        <v>75.409700000000001</v>
      </c>
    </row>
    <row r="14917" spans="1:6" x14ac:dyDescent="0.25">
      <c r="A14917">
        <v>167.67</v>
      </c>
      <c r="B14917">
        <v>189.52</v>
      </c>
      <c r="C14917">
        <v>18800</v>
      </c>
      <c r="D14917">
        <v>4</v>
      </c>
      <c r="E14917">
        <v>4361.99</v>
      </c>
      <c r="F14917">
        <v>74.384699999999995</v>
      </c>
    </row>
    <row r="14918" spans="1:6" x14ac:dyDescent="0.25">
      <c r="A14918">
        <v>167.67</v>
      </c>
      <c r="B14918">
        <v>193.15</v>
      </c>
      <c r="C14918">
        <v>1800</v>
      </c>
      <c r="D14918">
        <v>1</v>
      </c>
      <c r="E14918">
        <v>5200.8500000000004</v>
      </c>
      <c r="F14918">
        <v>68.071700000000007</v>
      </c>
    </row>
    <row r="14919" spans="1:6" x14ac:dyDescent="0.25">
      <c r="A14919">
        <v>167.67</v>
      </c>
      <c r="B14919">
        <v>193.15</v>
      </c>
      <c r="C14919">
        <v>1800</v>
      </c>
      <c r="D14919">
        <v>1.3</v>
      </c>
      <c r="E14919">
        <v>4586.66</v>
      </c>
      <c r="F14919">
        <v>71.020300000000006</v>
      </c>
    </row>
    <row r="14920" spans="1:6" x14ac:dyDescent="0.25">
      <c r="A14920">
        <v>167.67</v>
      </c>
      <c r="B14920">
        <v>193.15</v>
      </c>
      <c r="C14920">
        <v>1800</v>
      </c>
      <c r="D14920">
        <v>1.6</v>
      </c>
      <c r="E14920">
        <v>4230.63</v>
      </c>
      <c r="F14920">
        <v>71.690399999999997</v>
      </c>
    </row>
    <row r="14921" spans="1:6" x14ac:dyDescent="0.25">
      <c r="A14921">
        <v>167.67</v>
      </c>
      <c r="B14921">
        <v>193.15</v>
      </c>
      <c r="C14921">
        <v>1800</v>
      </c>
      <c r="D14921">
        <v>1.9</v>
      </c>
      <c r="E14921">
        <v>3934.15</v>
      </c>
      <c r="F14921">
        <v>69.316500000000005</v>
      </c>
    </row>
    <row r="14922" spans="1:6" x14ac:dyDescent="0.25">
      <c r="A14922">
        <v>167.67</v>
      </c>
      <c r="B14922">
        <v>193.15</v>
      </c>
      <c r="C14922">
        <v>1800</v>
      </c>
      <c r="D14922">
        <v>2.2000000000000002</v>
      </c>
      <c r="E14922">
        <v>3720.47</v>
      </c>
      <c r="F14922">
        <v>70.762</v>
      </c>
    </row>
    <row r="14923" spans="1:6" x14ac:dyDescent="0.25">
      <c r="A14923">
        <v>167.67</v>
      </c>
      <c r="B14923">
        <v>193.15</v>
      </c>
      <c r="C14923">
        <v>1800</v>
      </c>
      <c r="D14923">
        <v>2.5</v>
      </c>
      <c r="E14923">
        <v>3517.94</v>
      </c>
      <c r="F14923">
        <v>58.161099999999998</v>
      </c>
    </row>
    <row r="14924" spans="1:6" x14ac:dyDescent="0.25">
      <c r="A14924">
        <v>167.67</v>
      </c>
      <c r="B14924">
        <v>193.15</v>
      </c>
      <c r="C14924">
        <v>1800</v>
      </c>
      <c r="D14924">
        <v>2.8</v>
      </c>
      <c r="E14924">
        <v>3395.49</v>
      </c>
      <c r="F14924">
        <v>67.951499999999996</v>
      </c>
    </row>
    <row r="14925" spans="1:6" x14ac:dyDescent="0.25">
      <c r="A14925">
        <v>167.67</v>
      </c>
      <c r="B14925">
        <v>193.15</v>
      </c>
      <c r="C14925">
        <v>1800</v>
      </c>
      <c r="D14925">
        <v>3.1</v>
      </c>
      <c r="E14925">
        <v>3288.94</v>
      </c>
      <c r="F14925">
        <v>69.2072</v>
      </c>
    </row>
    <row r="14926" spans="1:6" x14ac:dyDescent="0.25">
      <c r="A14926">
        <v>167.67</v>
      </c>
      <c r="B14926">
        <v>193.15</v>
      </c>
      <c r="C14926">
        <v>1800</v>
      </c>
      <c r="D14926">
        <v>3.4</v>
      </c>
      <c r="E14926">
        <v>3300.04</v>
      </c>
      <c r="F14926">
        <v>62.561599999999999</v>
      </c>
    </row>
    <row r="14927" spans="1:6" x14ac:dyDescent="0.25">
      <c r="A14927">
        <v>167.67</v>
      </c>
      <c r="B14927">
        <v>193.15</v>
      </c>
      <c r="C14927">
        <v>1800</v>
      </c>
      <c r="D14927">
        <v>3.7</v>
      </c>
      <c r="E14927">
        <v>3206.91</v>
      </c>
      <c r="F14927">
        <v>64.258499999999998</v>
      </c>
    </row>
    <row r="14928" spans="1:6" x14ac:dyDescent="0.25">
      <c r="A14928">
        <v>167.67</v>
      </c>
      <c r="B14928">
        <v>193.15</v>
      </c>
      <c r="C14928">
        <v>1800</v>
      </c>
      <c r="D14928">
        <v>4</v>
      </c>
      <c r="E14928">
        <v>3109.36</v>
      </c>
      <c r="F14928">
        <v>61.8521</v>
      </c>
    </row>
    <row r="14929" spans="1:6" x14ac:dyDescent="0.25">
      <c r="A14929">
        <v>167.67</v>
      </c>
      <c r="B14929">
        <v>193.15</v>
      </c>
      <c r="C14929">
        <v>3345.45</v>
      </c>
      <c r="D14929">
        <v>1</v>
      </c>
      <c r="E14929">
        <v>5775.93</v>
      </c>
      <c r="F14929">
        <v>68.071700000000007</v>
      </c>
    </row>
    <row r="14930" spans="1:6" x14ac:dyDescent="0.25">
      <c r="A14930">
        <v>167.67</v>
      </c>
      <c r="B14930">
        <v>193.15</v>
      </c>
      <c r="C14930">
        <v>3345.45</v>
      </c>
      <c r="D14930">
        <v>1.3</v>
      </c>
      <c r="E14930">
        <v>5350.28</v>
      </c>
      <c r="F14930">
        <v>71.020300000000006</v>
      </c>
    </row>
    <row r="14931" spans="1:6" x14ac:dyDescent="0.25">
      <c r="A14931">
        <v>167.67</v>
      </c>
      <c r="B14931">
        <v>193.15</v>
      </c>
      <c r="C14931">
        <v>3345.45</v>
      </c>
      <c r="D14931">
        <v>1.6</v>
      </c>
      <c r="E14931">
        <v>5111.9399999999996</v>
      </c>
      <c r="F14931">
        <v>71.690399999999997</v>
      </c>
    </row>
    <row r="14932" spans="1:6" x14ac:dyDescent="0.25">
      <c r="A14932">
        <v>167.67</v>
      </c>
      <c r="B14932">
        <v>193.15</v>
      </c>
      <c r="C14932">
        <v>3345.45</v>
      </c>
      <c r="D14932">
        <v>1.9</v>
      </c>
      <c r="E14932">
        <v>4987.7</v>
      </c>
      <c r="F14932">
        <v>69.316500000000005</v>
      </c>
    </row>
    <row r="14933" spans="1:6" x14ac:dyDescent="0.25">
      <c r="A14933">
        <v>167.67</v>
      </c>
      <c r="B14933">
        <v>193.15</v>
      </c>
      <c r="C14933">
        <v>3345.45</v>
      </c>
      <c r="D14933">
        <v>2.2000000000000002</v>
      </c>
      <c r="E14933">
        <v>4823.3500000000004</v>
      </c>
      <c r="F14933">
        <v>73.441599999999994</v>
      </c>
    </row>
    <row r="14934" spans="1:6" x14ac:dyDescent="0.25">
      <c r="A14934">
        <v>167.67</v>
      </c>
      <c r="B14934">
        <v>193.15</v>
      </c>
      <c r="C14934">
        <v>3345.45</v>
      </c>
      <c r="D14934">
        <v>2.5</v>
      </c>
      <c r="E14934">
        <v>4675.26</v>
      </c>
      <c r="F14934">
        <v>63.775199999999998</v>
      </c>
    </row>
    <row r="14935" spans="1:6" x14ac:dyDescent="0.25">
      <c r="A14935">
        <v>167.67</v>
      </c>
      <c r="B14935">
        <v>193.15</v>
      </c>
      <c r="C14935">
        <v>3345.45</v>
      </c>
      <c r="D14935">
        <v>2.8</v>
      </c>
      <c r="E14935">
        <v>4529.8</v>
      </c>
      <c r="F14935">
        <v>71.703800000000001</v>
      </c>
    </row>
    <row r="14936" spans="1:6" x14ac:dyDescent="0.25">
      <c r="A14936">
        <v>167.67</v>
      </c>
      <c r="B14936">
        <v>193.15</v>
      </c>
      <c r="C14936">
        <v>3345.45</v>
      </c>
      <c r="D14936">
        <v>3.1</v>
      </c>
      <c r="E14936">
        <v>4570.46</v>
      </c>
      <c r="F14936">
        <v>73.101900000000001</v>
      </c>
    </row>
    <row r="14937" spans="1:6" x14ac:dyDescent="0.25">
      <c r="A14937">
        <v>167.67</v>
      </c>
      <c r="B14937">
        <v>193.15</v>
      </c>
      <c r="C14937">
        <v>3345.45</v>
      </c>
      <c r="D14937">
        <v>3.4</v>
      </c>
      <c r="E14937">
        <v>4378.03</v>
      </c>
      <c r="F14937">
        <v>72.049800000000005</v>
      </c>
    </row>
    <row r="14938" spans="1:6" x14ac:dyDescent="0.25">
      <c r="A14938">
        <v>167.67</v>
      </c>
      <c r="B14938">
        <v>193.15</v>
      </c>
      <c r="C14938">
        <v>3345.45</v>
      </c>
      <c r="D14938">
        <v>3.7</v>
      </c>
      <c r="E14938">
        <v>4366.8900000000003</v>
      </c>
      <c r="F14938">
        <v>75.409700000000001</v>
      </c>
    </row>
    <row r="14939" spans="1:6" x14ac:dyDescent="0.25">
      <c r="A14939">
        <v>167.67</v>
      </c>
      <c r="B14939">
        <v>193.15</v>
      </c>
      <c r="C14939">
        <v>3345.45</v>
      </c>
      <c r="D14939">
        <v>4</v>
      </c>
      <c r="E14939">
        <v>4311.3900000000003</v>
      </c>
      <c r="F14939">
        <v>74.384699999999995</v>
      </c>
    </row>
    <row r="14940" spans="1:6" x14ac:dyDescent="0.25">
      <c r="A14940">
        <v>167.67</v>
      </c>
      <c r="B14940">
        <v>193.15</v>
      </c>
      <c r="C14940">
        <v>4890.8999999999996</v>
      </c>
      <c r="D14940">
        <v>1</v>
      </c>
      <c r="E14940">
        <v>5775.93</v>
      </c>
      <c r="F14940">
        <v>68.071700000000007</v>
      </c>
    </row>
    <row r="14941" spans="1:6" x14ac:dyDescent="0.25">
      <c r="A14941">
        <v>167.67</v>
      </c>
      <c r="B14941">
        <v>193.15</v>
      </c>
      <c r="C14941">
        <v>4890.8999999999996</v>
      </c>
      <c r="D14941">
        <v>1.3</v>
      </c>
      <c r="E14941">
        <v>5350.28</v>
      </c>
      <c r="F14941">
        <v>71.020300000000006</v>
      </c>
    </row>
    <row r="14942" spans="1:6" x14ac:dyDescent="0.25">
      <c r="A14942">
        <v>167.67</v>
      </c>
      <c r="B14942">
        <v>193.15</v>
      </c>
      <c r="C14942">
        <v>4890.8999999999996</v>
      </c>
      <c r="D14942">
        <v>1.6</v>
      </c>
      <c r="E14942">
        <v>5111.9399999999996</v>
      </c>
      <c r="F14942">
        <v>71.690399999999997</v>
      </c>
    </row>
    <row r="14943" spans="1:6" x14ac:dyDescent="0.25">
      <c r="A14943">
        <v>167.67</v>
      </c>
      <c r="B14943">
        <v>193.15</v>
      </c>
      <c r="C14943">
        <v>4890.8999999999996</v>
      </c>
      <c r="D14943">
        <v>1.9</v>
      </c>
      <c r="E14943">
        <v>4987.7</v>
      </c>
      <c r="F14943">
        <v>69.316500000000005</v>
      </c>
    </row>
    <row r="14944" spans="1:6" x14ac:dyDescent="0.25">
      <c r="A14944">
        <v>167.67</v>
      </c>
      <c r="B14944">
        <v>193.15</v>
      </c>
      <c r="C14944">
        <v>4890.8999999999996</v>
      </c>
      <c r="D14944">
        <v>2.2000000000000002</v>
      </c>
      <c r="E14944">
        <v>4823.3500000000004</v>
      </c>
      <c r="F14944">
        <v>73.441599999999994</v>
      </c>
    </row>
    <row r="14945" spans="1:6" x14ac:dyDescent="0.25">
      <c r="A14945">
        <v>167.67</v>
      </c>
      <c r="B14945">
        <v>193.15</v>
      </c>
      <c r="C14945">
        <v>4890.8999999999996</v>
      </c>
      <c r="D14945">
        <v>2.5</v>
      </c>
      <c r="E14945">
        <v>4675.26</v>
      </c>
      <c r="F14945">
        <v>63.775199999999998</v>
      </c>
    </row>
    <row r="14946" spans="1:6" x14ac:dyDescent="0.25">
      <c r="A14946">
        <v>167.67</v>
      </c>
      <c r="B14946">
        <v>193.15</v>
      </c>
      <c r="C14946">
        <v>4890.8999999999996</v>
      </c>
      <c r="D14946">
        <v>2.8</v>
      </c>
      <c r="E14946">
        <v>4657.34</v>
      </c>
      <c r="F14946">
        <v>71.703800000000001</v>
      </c>
    </row>
    <row r="14947" spans="1:6" x14ac:dyDescent="0.25">
      <c r="A14947">
        <v>167.67</v>
      </c>
      <c r="B14947">
        <v>193.15</v>
      </c>
      <c r="C14947">
        <v>4890.8999999999996</v>
      </c>
      <c r="D14947">
        <v>3.1</v>
      </c>
      <c r="E14947">
        <v>4511.97</v>
      </c>
      <c r="F14947">
        <v>73.101900000000001</v>
      </c>
    </row>
    <row r="14948" spans="1:6" x14ac:dyDescent="0.25">
      <c r="A14948">
        <v>167.67</v>
      </c>
      <c r="B14948">
        <v>193.15</v>
      </c>
      <c r="C14948">
        <v>4890.8999999999996</v>
      </c>
      <c r="D14948">
        <v>3.4</v>
      </c>
      <c r="E14948">
        <v>4535.6400000000003</v>
      </c>
      <c r="F14948">
        <v>72.049800000000005</v>
      </c>
    </row>
    <row r="14949" spans="1:6" x14ac:dyDescent="0.25">
      <c r="A14949">
        <v>167.67</v>
      </c>
      <c r="B14949">
        <v>193.15</v>
      </c>
      <c r="C14949">
        <v>4890.8999999999996</v>
      </c>
      <c r="D14949">
        <v>3.7</v>
      </c>
      <c r="E14949">
        <v>4355.29</v>
      </c>
      <c r="F14949">
        <v>75.409700000000001</v>
      </c>
    </row>
    <row r="14950" spans="1:6" x14ac:dyDescent="0.25">
      <c r="A14950">
        <v>167.67</v>
      </c>
      <c r="B14950">
        <v>193.15</v>
      </c>
      <c r="C14950">
        <v>4890.8999999999996</v>
      </c>
      <c r="D14950">
        <v>4</v>
      </c>
      <c r="E14950">
        <v>4361.99</v>
      </c>
      <c r="F14950">
        <v>74.384699999999995</v>
      </c>
    </row>
    <row r="14951" spans="1:6" x14ac:dyDescent="0.25">
      <c r="A14951">
        <v>167.67</v>
      </c>
      <c r="B14951">
        <v>193.15</v>
      </c>
      <c r="C14951">
        <v>6436.35</v>
      </c>
      <c r="D14951">
        <v>1</v>
      </c>
      <c r="E14951">
        <v>5775.93</v>
      </c>
      <c r="F14951">
        <v>68.071700000000007</v>
      </c>
    </row>
    <row r="14952" spans="1:6" x14ac:dyDescent="0.25">
      <c r="A14952">
        <v>167.67</v>
      </c>
      <c r="B14952">
        <v>193.15</v>
      </c>
      <c r="C14952">
        <v>6436.35</v>
      </c>
      <c r="D14952">
        <v>1.3</v>
      </c>
      <c r="E14952">
        <v>5350.28</v>
      </c>
      <c r="F14952">
        <v>71.020300000000006</v>
      </c>
    </row>
    <row r="14953" spans="1:6" x14ac:dyDescent="0.25">
      <c r="A14953">
        <v>167.67</v>
      </c>
      <c r="B14953">
        <v>193.15</v>
      </c>
      <c r="C14953">
        <v>6436.35</v>
      </c>
      <c r="D14953">
        <v>1.6</v>
      </c>
      <c r="E14953">
        <v>5111.9399999999996</v>
      </c>
      <c r="F14953">
        <v>71.690399999999997</v>
      </c>
    </row>
    <row r="14954" spans="1:6" x14ac:dyDescent="0.25">
      <c r="A14954">
        <v>167.67</v>
      </c>
      <c r="B14954">
        <v>193.15</v>
      </c>
      <c r="C14954">
        <v>6436.35</v>
      </c>
      <c r="D14954">
        <v>1.9</v>
      </c>
      <c r="E14954">
        <v>4987.7</v>
      </c>
      <c r="F14954">
        <v>69.316500000000005</v>
      </c>
    </row>
    <row r="14955" spans="1:6" x14ac:dyDescent="0.25">
      <c r="A14955">
        <v>167.67</v>
      </c>
      <c r="B14955">
        <v>193.15</v>
      </c>
      <c r="C14955">
        <v>6436.35</v>
      </c>
      <c r="D14955">
        <v>2.2000000000000002</v>
      </c>
      <c r="E14955">
        <v>4823.3500000000004</v>
      </c>
      <c r="F14955">
        <v>73.441599999999994</v>
      </c>
    </row>
    <row r="14956" spans="1:6" x14ac:dyDescent="0.25">
      <c r="A14956">
        <v>167.67</v>
      </c>
      <c r="B14956">
        <v>193.15</v>
      </c>
      <c r="C14956">
        <v>6436.35</v>
      </c>
      <c r="D14956">
        <v>2.5</v>
      </c>
      <c r="E14956">
        <v>4675.26</v>
      </c>
      <c r="F14956">
        <v>63.775199999999998</v>
      </c>
    </row>
    <row r="14957" spans="1:6" x14ac:dyDescent="0.25">
      <c r="A14957">
        <v>167.67</v>
      </c>
      <c r="B14957">
        <v>193.15</v>
      </c>
      <c r="C14957">
        <v>6436.35</v>
      </c>
      <c r="D14957">
        <v>2.8</v>
      </c>
      <c r="E14957">
        <v>4657.34</v>
      </c>
      <c r="F14957">
        <v>71.703800000000001</v>
      </c>
    </row>
    <row r="14958" spans="1:6" x14ac:dyDescent="0.25">
      <c r="A14958">
        <v>167.67</v>
      </c>
      <c r="B14958">
        <v>193.15</v>
      </c>
      <c r="C14958">
        <v>6436.35</v>
      </c>
      <c r="D14958">
        <v>3.1</v>
      </c>
      <c r="E14958">
        <v>4511.97</v>
      </c>
      <c r="F14958">
        <v>73.101900000000001</v>
      </c>
    </row>
    <row r="14959" spans="1:6" x14ac:dyDescent="0.25">
      <c r="A14959">
        <v>167.67</v>
      </c>
      <c r="B14959">
        <v>193.15</v>
      </c>
      <c r="C14959">
        <v>6436.35</v>
      </c>
      <c r="D14959">
        <v>3.4</v>
      </c>
      <c r="E14959">
        <v>4535.6400000000003</v>
      </c>
      <c r="F14959">
        <v>72.049800000000005</v>
      </c>
    </row>
    <row r="14960" spans="1:6" x14ac:dyDescent="0.25">
      <c r="A14960">
        <v>167.67</v>
      </c>
      <c r="B14960">
        <v>193.15</v>
      </c>
      <c r="C14960">
        <v>6436.35</v>
      </c>
      <c r="D14960">
        <v>3.7</v>
      </c>
      <c r="E14960">
        <v>4355.29</v>
      </c>
      <c r="F14960">
        <v>75.409700000000001</v>
      </c>
    </row>
    <row r="14961" spans="1:6" x14ac:dyDescent="0.25">
      <c r="A14961">
        <v>167.67</v>
      </c>
      <c r="B14961">
        <v>193.15</v>
      </c>
      <c r="C14961">
        <v>6436.35</v>
      </c>
      <c r="D14961">
        <v>4</v>
      </c>
      <c r="E14961">
        <v>4361.99</v>
      </c>
      <c r="F14961">
        <v>74.384699999999995</v>
      </c>
    </row>
    <row r="14962" spans="1:6" x14ac:dyDescent="0.25">
      <c r="A14962">
        <v>167.67</v>
      </c>
      <c r="B14962">
        <v>193.15</v>
      </c>
      <c r="C14962">
        <v>7981.8</v>
      </c>
      <c r="D14962">
        <v>1</v>
      </c>
      <c r="E14962">
        <v>5775.93</v>
      </c>
      <c r="F14962">
        <v>68.071700000000007</v>
      </c>
    </row>
    <row r="14963" spans="1:6" x14ac:dyDescent="0.25">
      <c r="A14963">
        <v>167.67</v>
      </c>
      <c r="B14963">
        <v>193.15</v>
      </c>
      <c r="C14963">
        <v>7981.8</v>
      </c>
      <c r="D14963">
        <v>1.3</v>
      </c>
      <c r="E14963">
        <v>5350.28</v>
      </c>
      <c r="F14963">
        <v>71.020300000000006</v>
      </c>
    </row>
    <row r="14964" spans="1:6" x14ac:dyDescent="0.25">
      <c r="A14964">
        <v>167.67</v>
      </c>
      <c r="B14964">
        <v>193.15</v>
      </c>
      <c r="C14964">
        <v>7981.8</v>
      </c>
      <c r="D14964">
        <v>1.6</v>
      </c>
      <c r="E14964">
        <v>5111.9399999999996</v>
      </c>
      <c r="F14964">
        <v>71.690399999999997</v>
      </c>
    </row>
    <row r="14965" spans="1:6" x14ac:dyDescent="0.25">
      <c r="A14965">
        <v>167.67</v>
      </c>
      <c r="B14965">
        <v>193.15</v>
      </c>
      <c r="C14965">
        <v>7981.8</v>
      </c>
      <c r="D14965">
        <v>1.9</v>
      </c>
      <c r="E14965">
        <v>4987.7</v>
      </c>
      <c r="F14965">
        <v>69.316500000000005</v>
      </c>
    </row>
    <row r="14966" spans="1:6" x14ac:dyDescent="0.25">
      <c r="A14966">
        <v>167.67</v>
      </c>
      <c r="B14966">
        <v>193.15</v>
      </c>
      <c r="C14966">
        <v>7981.8</v>
      </c>
      <c r="D14966">
        <v>2.2000000000000002</v>
      </c>
      <c r="E14966">
        <v>4823.3500000000004</v>
      </c>
      <c r="F14966">
        <v>73.441599999999994</v>
      </c>
    </row>
    <row r="14967" spans="1:6" x14ac:dyDescent="0.25">
      <c r="A14967">
        <v>167.67</v>
      </c>
      <c r="B14967">
        <v>193.15</v>
      </c>
      <c r="C14967">
        <v>7981.8</v>
      </c>
      <c r="D14967">
        <v>2.5</v>
      </c>
      <c r="E14967">
        <v>4675.26</v>
      </c>
      <c r="F14967">
        <v>63.775199999999998</v>
      </c>
    </row>
    <row r="14968" spans="1:6" x14ac:dyDescent="0.25">
      <c r="A14968">
        <v>167.67</v>
      </c>
      <c r="B14968">
        <v>193.15</v>
      </c>
      <c r="C14968">
        <v>7981.8</v>
      </c>
      <c r="D14968">
        <v>2.8</v>
      </c>
      <c r="E14968">
        <v>4657.34</v>
      </c>
      <c r="F14968">
        <v>71.703800000000001</v>
      </c>
    </row>
    <row r="14969" spans="1:6" x14ac:dyDescent="0.25">
      <c r="A14969">
        <v>167.67</v>
      </c>
      <c r="B14969">
        <v>193.15</v>
      </c>
      <c r="C14969">
        <v>7981.8</v>
      </c>
      <c r="D14969">
        <v>3.1</v>
      </c>
      <c r="E14969">
        <v>4511.97</v>
      </c>
      <c r="F14969">
        <v>73.101900000000001</v>
      </c>
    </row>
    <row r="14970" spans="1:6" x14ac:dyDescent="0.25">
      <c r="A14970">
        <v>167.67</v>
      </c>
      <c r="B14970">
        <v>193.15</v>
      </c>
      <c r="C14970">
        <v>7981.8</v>
      </c>
      <c r="D14970">
        <v>3.4</v>
      </c>
      <c r="E14970">
        <v>4535.6400000000003</v>
      </c>
      <c r="F14970">
        <v>72.049800000000005</v>
      </c>
    </row>
    <row r="14971" spans="1:6" x14ac:dyDescent="0.25">
      <c r="A14971">
        <v>167.67</v>
      </c>
      <c r="B14971">
        <v>193.15</v>
      </c>
      <c r="C14971">
        <v>7981.8</v>
      </c>
      <c r="D14971">
        <v>3.7</v>
      </c>
      <c r="E14971">
        <v>4355.29</v>
      </c>
      <c r="F14971">
        <v>75.409700000000001</v>
      </c>
    </row>
    <row r="14972" spans="1:6" x14ac:dyDescent="0.25">
      <c r="A14972">
        <v>167.67</v>
      </c>
      <c r="B14972">
        <v>193.15</v>
      </c>
      <c r="C14972">
        <v>7981.8</v>
      </c>
      <c r="D14972">
        <v>4</v>
      </c>
      <c r="E14972">
        <v>4361.99</v>
      </c>
      <c r="F14972">
        <v>74.384699999999995</v>
      </c>
    </row>
    <row r="14973" spans="1:6" x14ac:dyDescent="0.25">
      <c r="A14973">
        <v>167.67</v>
      </c>
      <c r="B14973">
        <v>193.15</v>
      </c>
      <c r="C14973">
        <v>9527.25</v>
      </c>
      <c r="D14973">
        <v>1</v>
      </c>
      <c r="E14973">
        <v>5775.93</v>
      </c>
      <c r="F14973">
        <v>68.071700000000007</v>
      </c>
    </row>
    <row r="14974" spans="1:6" x14ac:dyDescent="0.25">
      <c r="A14974">
        <v>167.67</v>
      </c>
      <c r="B14974">
        <v>193.15</v>
      </c>
      <c r="C14974">
        <v>9527.25</v>
      </c>
      <c r="D14974">
        <v>1.3</v>
      </c>
      <c r="E14974">
        <v>5350.28</v>
      </c>
      <c r="F14974">
        <v>71.020300000000006</v>
      </c>
    </row>
    <row r="14975" spans="1:6" x14ac:dyDescent="0.25">
      <c r="A14975">
        <v>167.67</v>
      </c>
      <c r="B14975">
        <v>193.15</v>
      </c>
      <c r="C14975">
        <v>9527.25</v>
      </c>
      <c r="D14975">
        <v>1.6</v>
      </c>
      <c r="E14975">
        <v>5111.9399999999996</v>
      </c>
      <c r="F14975">
        <v>71.690399999999997</v>
      </c>
    </row>
    <row r="14976" spans="1:6" x14ac:dyDescent="0.25">
      <c r="A14976">
        <v>167.67</v>
      </c>
      <c r="B14976">
        <v>193.15</v>
      </c>
      <c r="C14976">
        <v>9527.25</v>
      </c>
      <c r="D14976">
        <v>1.9</v>
      </c>
      <c r="E14976">
        <v>4987.7</v>
      </c>
      <c r="F14976">
        <v>69.316500000000005</v>
      </c>
    </row>
    <row r="14977" spans="1:6" x14ac:dyDescent="0.25">
      <c r="A14977">
        <v>167.67</v>
      </c>
      <c r="B14977">
        <v>193.15</v>
      </c>
      <c r="C14977">
        <v>9527.25</v>
      </c>
      <c r="D14977">
        <v>2.2000000000000002</v>
      </c>
      <c r="E14977">
        <v>4823.3500000000004</v>
      </c>
      <c r="F14977">
        <v>73.441599999999994</v>
      </c>
    </row>
    <row r="14978" spans="1:6" x14ac:dyDescent="0.25">
      <c r="A14978">
        <v>167.67</v>
      </c>
      <c r="B14978">
        <v>193.15</v>
      </c>
      <c r="C14978">
        <v>9527.25</v>
      </c>
      <c r="D14978">
        <v>2.5</v>
      </c>
      <c r="E14978">
        <v>4675.26</v>
      </c>
      <c r="F14978">
        <v>63.775199999999998</v>
      </c>
    </row>
    <row r="14979" spans="1:6" x14ac:dyDescent="0.25">
      <c r="A14979">
        <v>167.67</v>
      </c>
      <c r="B14979">
        <v>193.15</v>
      </c>
      <c r="C14979">
        <v>9527.25</v>
      </c>
      <c r="D14979">
        <v>2.8</v>
      </c>
      <c r="E14979">
        <v>4657.34</v>
      </c>
      <c r="F14979">
        <v>71.703800000000001</v>
      </c>
    </row>
    <row r="14980" spans="1:6" x14ac:dyDescent="0.25">
      <c r="A14980">
        <v>167.67</v>
      </c>
      <c r="B14980">
        <v>193.15</v>
      </c>
      <c r="C14980">
        <v>9527.25</v>
      </c>
      <c r="D14980">
        <v>3.1</v>
      </c>
      <c r="E14980">
        <v>4511.97</v>
      </c>
      <c r="F14980">
        <v>73.101900000000001</v>
      </c>
    </row>
    <row r="14981" spans="1:6" x14ac:dyDescent="0.25">
      <c r="A14981">
        <v>167.67</v>
      </c>
      <c r="B14981">
        <v>193.15</v>
      </c>
      <c r="C14981">
        <v>9527.25</v>
      </c>
      <c r="D14981">
        <v>3.4</v>
      </c>
      <c r="E14981">
        <v>4535.6400000000003</v>
      </c>
      <c r="F14981">
        <v>72.049800000000005</v>
      </c>
    </row>
    <row r="14982" spans="1:6" x14ac:dyDescent="0.25">
      <c r="A14982">
        <v>167.67</v>
      </c>
      <c r="B14982">
        <v>193.15</v>
      </c>
      <c r="C14982">
        <v>9527.25</v>
      </c>
      <c r="D14982">
        <v>3.7</v>
      </c>
      <c r="E14982">
        <v>4355.29</v>
      </c>
      <c r="F14982">
        <v>75.409700000000001</v>
      </c>
    </row>
    <row r="14983" spans="1:6" x14ac:dyDescent="0.25">
      <c r="A14983">
        <v>167.67</v>
      </c>
      <c r="B14983">
        <v>193.15</v>
      </c>
      <c r="C14983">
        <v>9527.25</v>
      </c>
      <c r="D14983">
        <v>4</v>
      </c>
      <c r="E14983">
        <v>4361.99</v>
      </c>
      <c r="F14983">
        <v>74.384699999999995</v>
      </c>
    </row>
    <row r="14984" spans="1:6" x14ac:dyDescent="0.25">
      <c r="A14984">
        <v>167.67</v>
      </c>
      <c r="B14984">
        <v>193.15</v>
      </c>
      <c r="C14984">
        <v>11072.7</v>
      </c>
      <c r="D14984">
        <v>1</v>
      </c>
      <c r="E14984">
        <v>5775.93</v>
      </c>
      <c r="F14984">
        <v>68.071700000000007</v>
      </c>
    </row>
    <row r="14985" spans="1:6" x14ac:dyDescent="0.25">
      <c r="A14985">
        <v>167.67</v>
      </c>
      <c r="B14985">
        <v>193.15</v>
      </c>
      <c r="C14985">
        <v>11072.7</v>
      </c>
      <c r="D14985">
        <v>1.3</v>
      </c>
      <c r="E14985">
        <v>5350.28</v>
      </c>
      <c r="F14985">
        <v>71.020300000000006</v>
      </c>
    </row>
    <row r="14986" spans="1:6" x14ac:dyDescent="0.25">
      <c r="A14986">
        <v>167.67</v>
      </c>
      <c r="B14986">
        <v>193.15</v>
      </c>
      <c r="C14986">
        <v>11072.7</v>
      </c>
      <c r="D14986">
        <v>1.6</v>
      </c>
      <c r="E14986">
        <v>5111.9399999999996</v>
      </c>
      <c r="F14986">
        <v>71.690399999999997</v>
      </c>
    </row>
    <row r="14987" spans="1:6" x14ac:dyDescent="0.25">
      <c r="A14987">
        <v>167.67</v>
      </c>
      <c r="B14987">
        <v>193.15</v>
      </c>
      <c r="C14987">
        <v>11072.7</v>
      </c>
      <c r="D14987">
        <v>1.9</v>
      </c>
      <c r="E14987">
        <v>4987.7</v>
      </c>
      <c r="F14987">
        <v>69.316500000000005</v>
      </c>
    </row>
    <row r="14988" spans="1:6" x14ac:dyDescent="0.25">
      <c r="A14988">
        <v>167.67</v>
      </c>
      <c r="B14988">
        <v>193.15</v>
      </c>
      <c r="C14988">
        <v>11072.7</v>
      </c>
      <c r="D14988">
        <v>2.2000000000000002</v>
      </c>
      <c r="E14988">
        <v>4823.3500000000004</v>
      </c>
      <c r="F14988">
        <v>73.441599999999994</v>
      </c>
    </row>
    <row r="14989" spans="1:6" x14ac:dyDescent="0.25">
      <c r="A14989">
        <v>167.67</v>
      </c>
      <c r="B14989">
        <v>193.15</v>
      </c>
      <c r="C14989">
        <v>11072.7</v>
      </c>
      <c r="D14989">
        <v>2.5</v>
      </c>
      <c r="E14989">
        <v>4675.26</v>
      </c>
      <c r="F14989">
        <v>63.775199999999998</v>
      </c>
    </row>
    <row r="14990" spans="1:6" x14ac:dyDescent="0.25">
      <c r="A14990">
        <v>167.67</v>
      </c>
      <c r="B14990">
        <v>193.15</v>
      </c>
      <c r="C14990">
        <v>11072.7</v>
      </c>
      <c r="D14990">
        <v>2.8</v>
      </c>
      <c r="E14990">
        <v>4657.34</v>
      </c>
      <c r="F14990">
        <v>71.703800000000001</v>
      </c>
    </row>
    <row r="14991" spans="1:6" x14ac:dyDescent="0.25">
      <c r="A14991">
        <v>167.67</v>
      </c>
      <c r="B14991">
        <v>193.15</v>
      </c>
      <c r="C14991">
        <v>11072.7</v>
      </c>
      <c r="D14991">
        <v>3.1</v>
      </c>
      <c r="E14991">
        <v>4511.97</v>
      </c>
      <c r="F14991">
        <v>73.101900000000001</v>
      </c>
    </row>
    <row r="14992" spans="1:6" x14ac:dyDescent="0.25">
      <c r="A14992">
        <v>167.67</v>
      </c>
      <c r="B14992">
        <v>193.15</v>
      </c>
      <c r="C14992">
        <v>11072.7</v>
      </c>
      <c r="D14992">
        <v>3.4</v>
      </c>
      <c r="E14992">
        <v>4535.6400000000003</v>
      </c>
      <c r="F14992">
        <v>72.049800000000005</v>
      </c>
    </row>
    <row r="14993" spans="1:6" x14ac:dyDescent="0.25">
      <c r="A14993">
        <v>167.67</v>
      </c>
      <c r="B14993">
        <v>193.15</v>
      </c>
      <c r="C14993">
        <v>11072.7</v>
      </c>
      <c r="D14993">
        <v>3.7</v>
      </c>
      <c r="E14993">
        <v>4355.29</v>
      </c>
      <c r="F14993">
        <v>75.409700000000001</v>
      </c>
    </row>
    <row r="14994" spans="1:6" x14ac:dyDescent="0.25">
      <c r="A14994">
        <v>167.67</v>
      </c>
      <c r="B14994">
        <v>193.15</v>
      </c>
      <c r="C14994">
        <v>11072.7</v>
      </c>
      <c r="D14994">
        <v>4</v>
      </c>
      <c r="E14994">
        <v>4361.99</v>
      </c>
      <c r="F14994">
        <v>74.384699999999995</v>
      </c>
    </row>
    <row r="14995" spans="1:6" x14ac:dyDescent="0.25">
      <c r="A14995">
        <v>167.67</v>
      </c>
      <c r="B14995">
        <v>193.15</v>
      </c>
      <c r="C14995">
        <v>12618.2</v>
      </c>
      <c r="D14995">
        <v>1</v>
      </c>
      <c r="E14995">
        <v>5775.93</v>
      </c>
      <c r="F14995">
        <v>68.071700000000007</v>
      </c>
    </row>
    <row r="14996" spans="1:6" x14ac:dyDescent="0.25">
      <c r="A14996">
        <v>167.67</v>
      </c>
      <c r="B14996">
        <v>193.15</v>
      </c>
      <c r="C14996">
        <v>12618.2</v>
      </c>
      <c r="D14996">
        <v>1.3</v>
      </c>
      <c r="E14996">
        <v>5350.28</v>
      </c>
      <c r="F14996">
        <v>71.020300000000006</v>
      </c>
    </row>
    <row r="14997" spans="1:6" x14ac:dyDescent="0.25">
      <c r="A14997">
        <v>167.67</v>
      </c>
      <c r="B14997">
        <v>193.15</v>
      </c>
      <c r="C14997">
        <v>12618.2</v>
      </c>
      <c r="D14997">
        <v>1.6</v>
      </c>
      <c r="E14997">
        <v>5111.9399999999996</v>
      </c>
      <c r="F14997">
        <v>71.690399999999997</v>
      </c>
    </row>
    <row r="14998" spans="1:6" x14ac:dyDescent="0.25">
      <c r="A14998">
        <v>167.67</v>
      </c>
      <c r="B14998">
        <v>193.15</v>
      </c>
      <c r="C14998">
        <v>12618.2</v>
      </c>
      <c r="D14998">
        <v>1.9</v>
      </c>
      <c r="E14998">
        <v>4987.7</v>
      </c>
      <c r="F14998">
        <v>69.316500000000005</v>
      </c>
    </row>
    <row r="14999" spans="1:6" x14ac:dyDescent="0.25">
      <c r="A14999">
        <v>167.67</v>
      </c>
      <c r="B14999">
        <v>193.15</v>
      </c>
      <c r="C14999">
        <v>12618.2</v>
      </c>
      <c r="D14999">
        <v>2.2000000000000002</v>
      </c>
      <c r="E14999">
        <v>4823.3500000000004</v>
      </c>
      <c r="F14999">
        <v>73.441599999999994</v>
      </c>
    </row>
    <row r="15000" spans="1:6" x14ac:dyDescent="0.25">
      <c r="A15000">
        <v>167.67</v>
      </c>
      <c r="B15000">
        <v>193.15</v>
      </c>
      <c r="C15000">
        <v>12618.2</v>
      </c>
      <c r="D15000">
        <v>2.5</v>
      </c>
      <c r="E15000">
        <v>4675.26</v>
      </c>
      <c r="F15000">
        <v>63.775199999999998</v>
      </c>
    </row>
    <row r="15001" spans="1:6" x14ac:dyDescent="0.25">
      <c r="A15001">
        <v>167.67</v>
      </c>
      <c r="B15001">
        <v>193.15</v>
      </c>
      <c r="C15001">
        <v>12618.2</v>
      </c>
      <c r="D15001">
        <v>2.8</v>
      </c>
      <c r="E15001">
        <v>4657.34</v>
      </c>
      <c r="F15001">
        <v>71.703800000000001</v>
      </c>
    </row>
    <row r="15002" spans="1:6" x14ac:dyDescent="0.25">
      <c r="A15002">
        <v>167.67</v>
      </c>
      <c r="B15002">
        <v>193.15</v>
      </c>
      <c r="C15002">
        <v>12618.2</v>
      </c>
      <c r="D15002">
        <v>3.1</v>
      </c>
      <c r="E15002">
        <v>4511.97</v>
      </c>
      <c r="F15002">
        <v>73.101900000000001</v>
      </c>
    </row>
    <row r="15003" spans="1:6" x14ac:dyDescent="0.25">
      <c r="A15003">
        <v>167.67</v>
      </c>
      <c r="B15003">
        <v>193.15</v>
      </c>
      <c r="C15003">
        <v>12618.2</v>
      </c>
      <c r="D15003">
        <v>3.4</v>
      </c>
      <c r="E15003">
        <v>4535.6400000000003</v>
      </c>
      <c r="F15003">
        <v>72.049800000000005</v>
      </c>
    </row>
    <row r="15004" spans="1:6" x14ac:dyDescent="0.25">
      <c r="A15004">
        <v>167.67</v>
      </c>
      <c r="B15004">
        <v>193.15</v>
      </c>
      <c r="C15004">
        <v>12618.2</v>
      </c>
      <c r="D15004">
        <v>3.7</v>
      </c>
      <c r="E15004">
        <v>4355.29</v>
      </c>
      <c r="F15004">
        <v>75.409700000000001</v>
      </c>
    </row>
    <row r="15005" spans="1:6" x14ac:dyDescent="0.25">
      <c r="A15005">
        <v>167.67</v>
      </c>
      <c r="B15005">
        <v>193.15</v>
      </c>
      <c r="C15005">
        <v>12618.2</v>
      </c>
      <c r="D15005">
        <v>4</v>
      </c>
      <c r="E15005">
        <v>4361.99</v>
      </c>
      <c r="F15005">
        <v>74.384699999999995</v>
      </c>
    </row>
    <row r="15006" spans="1:6" x14ac:dyDescent="0.25">
      <c r="A15006">
        <v>167.67</v>
      </c>
      <c r="B15006">
        <v>193.15</v>
      </c>
      <c r="C15006">
        <v>14163.6</v>
      </c>
      <c r="D15006">
        <v>1</v>
      </c>
      <c r="E15006">
        <v>5775.93</v>
      </c>
      <c r="F15006">
        <v>68.071700000000007</v>
      </c>
    </row>
    <row r="15007" spans="1:6" x14ac:dyDescent="0.25">
      <c r="A15007">
        <v>167.67</v>
      </c>
      <c r="B15007">
        <v>193.15</v>
      </c>
      <c r="C15007">
        <v>14163.6</v>
      </c>
      <c r="D15007">
        <v>1.3</v>
      </c>
      <c r="E15007">
        <v>5350.28</v>
      </c>
      <c r="F15007">
        <v>71.020300000000006</v>
      </c>
    </row>
    <row r="15008" spans="1:6" x14ac:dyDescent="0.25">
      <c r="A15008">
        <v>167.67</v>
      </c>
      <c r="B15008">
        <v>193.15</v>
      </c>
      <c r="C15008">
        <v>14163.6</v>
      </c>
      <c r="D15008">
        <v>1.6</v>
      </c>
      <c r="E15008">
        <v>5111.9399999999996</v>
      </c>
      <c r="F15008">
        <v>71.690399999999997</v>
      </c>
    </row>
    <row r="15009" spans="1:6" x14ac:dyDescent="0.25">
      <c r="A15009">
        <v>167.67</v>
      </c>
      <c r="B15009">
        <v>193.15</v>
      </c>
      <c r="C15009">
        <v>14163.6</v>
      </c>
      <c r="D15009">
        <v>1.9</v>
      </c>
      <c r="E15009">
        <v>4987.7</v>
      </c>
      <c r="F15009">
        <v>69.316500000000005</v>
      </c>
    </row>
    <row r="15010" spans="1:6" x14ac:dyDescent="0.25">
      <c r="A15010">
        <v>167.67</v>
      </c>
      <c r="B15010">
        <v>193.15</v>
      </c>
      <c r="C15010">
        <v>14163.6</v>
      </c>
      <c r="D15010">
        <v>2.2000000000000002</v>
      </c>
      <c r="E15010">
        <v>4823.3500000000004</v>
      </c>
      <c r="F15010">
        <v>73.441599999999994</v>
      </c>
    </row>
    <row r="15011" spans="1:6" x14ac:dyDescent="0.25">
      <c r="A15011">
        <v>167.67</v>
      </c>
      <c r="B15011">
        <v>193.15</v>
      </c>
      <c r="C15011">
        <v>14163.6</v>
      </c>
      <c r="D15011">
        <v>2.5</v>
      </c>
      <c r="E15011">
        <v>4675.26</v>
      </c>
      <c r="F15011">
        <v>63.775199999999998</v>
      </c>
    </row>
    <row r="15012" spans="1:6" x14ac:dyDescent="0.25">
      <c r="A15012">
        <v>167.67</v>
      </c>
      <c r="B15012">
        <v>193.15</v>
      </c>
      <c r="C15012">
        <v>14163.6</v>
      </c>
      <c r="D15012">
        <v>2.8</v>
      </c>
      <c r="E15012">
        <v>4657.34</v>
      </c>
      <c r="F15012">
        <v>71.703800000000001</v>
      </c>
    </row>
    <row r="15013" spans="1:6" x14ac:dyDescent="0.25">
      <c r="A15013">
        <v>167.67</v>
      </c>
      <c r="B15013">
        <v>193.15</v>
      </c>
      <c r="C15013">
        <v>14163.6</v>
      </c>
      <c r="D15013">
        <v>3.1</v>
      </c>
      <c r="E15013">
        <v>4511.97</v>
      </c>
      <c r="F15013">
        <v>73.101900000000001</v>
      </c>
    </row>
    <row r="15014" spans="1:6" x14ac:dyDescent="0.25">
      <c r="A15014">
        <v>167.67</v>
      </c>
      <c r="B15014">
        <v>193.15</v>
      </c>
      <c r="C15014">
        <v>14163.6</v>
      </c>
      <c r="D15014">
        <v>3.4</v>
      </c>
      <c r="E15014">
        <v>4535.6400000000003</v>
      </c>
      <c r="F15014">
        <v>72.049800000000005</v>
      </c>
    </row>
    <row r="15015" spans="1:6" x14ac:dyDescent="0.25">
      <c r="A15015">
        <v>167.67</v>
      </c>
      <c r="B15015">
        <v>193.15</v>
      </c>
      <c r="C15015">
        <v>14163.6</v>
      </c>
      <c r="D15015">
        <v>3.7</v>
      </c>
      <c r="E15015">
        <v>4355.29</v>
      </c>
      <c r="F15015">
        <v>75.409700000000001</v>
      </c>
    </row>
    <row r="15016" spans="1:6" x14ac:dyDescent="0.25">
      <c r="A15016">
        <v>167.67</v>
      </c>
      <c r="B15016">
        <v>193.15</v>
      </c>
      <c r="C15016">
        <v>14163.6</v>
      </c>
      <c r="D15016">
        <v>4</v>
      </c>
      <c r="E15016">
        <v>4361.99</v>
      </c>
      <c r="F15016">
        <v>74.384699999999995</v>
      </c>
    </row>
    <row r="15017" spans="1:6" x14ac:dyDescent="0.25">
      <c r="A15017">
        <v>167.67</v>
      </c>
      <c r="B15017">
        <v>193.15</v>
      </c>
      <c r="C15017">
        <v>15709.1</v>
      </c>
      <c r="D15017">
        <v>1</v>
      </c>
      <c r="E15017">
        <v>5775.93</v>
      </c>
      <c r="F15017">
        <v>68.071700000000007</v>
      </c>
    </row>
    <row r="15018" spans="1:6" x14ac:dyDescent="0.25">
      <c r="A15018">
        <v>167.67</v>
      </c>
      <c r="B15018">
        <v>193.15</v>
      </c>
      <c r="C15018">
        <v>15709.1</v>
      </c>
      <c r="D15018">
        <v>1.3</v>
      </c>
      <c r="E15018">
        <v>5350.28</v>
      </c>
      <c r="F15018">
        <v>71.020300000000006</v>
      </c>
    </row>
    <row r="15019" spans="1:6" x14ac:dyDescent="0.25">
      <c r="A15019">
        <v>167.67</v>
      </c>
      <c r="B15019">
        <v>193.15</v>
      </c>
      <c r="C15019">
        <v>15709.1</v>
      </c>
      <c r="D15019">
        <v>1.6</v>
      </c>
      <c r="E15019">
        <v>5111.9399999999996</v>
      </c>
      <c r="F15019">
        <v>71.690399999999997</v>
      </c>
    </row>
    <row r="15020" spans="1:6" x14ac:dyDescent="0.25">
      <c r="A15020">
        <v>167.67</v>
      </c>
      <c r="B15020">
        <v>193.15</v>
      </c>
      <c r="C15020">
        <v>15709.1</v>
      </c>
      <c r="D15020">
        <v>1.9</v>
      </c>
      <c r="E15020">
        <v>4987.7</v>
      </c>
      <c r="F15020">
        <v>69.316500000000005</v>
      </c>
    </row>
    <row r="15021" spans="1:6" x14ac:dyDescent="0.25">
      <c r="A15021">
        <v>167.67</v>
      </c>
      <c r="B15021">
        <v>193.15</v>
      </c>
      <c r="C15021">
        <v>15709.1</v>
      </c>
      <c r="D15021">
        <v>2.2000000000000002</v>
      </c>
      <c r="E15021">
        <v>4823.3500000000004</v>
      </c>
      <c r="F15021">
        <v>73.441599999999994</v>
      </c>
    </row>
    <row r="15022" spans="1:6" x14ac:dyDescent="0.25">
      <c r="A15022">
        <v>167.67</v>
      </c>
      <c r="B15022">
        <v>193.15</v>
      </c>
      <c r="C15022">
        <v>15709.1</v>
      </c>
      <c r="D15022">
        <v>2.5</v>
      </c>
      <c r="E15022">
        <v>4675.26</v>
      </c>
      <c r="F15022">
        <v>63.775199999999998</v>
      </c>
    </row>
    <row r="15023" spans="1:6" x14ac:dyDescent="0.25">
      <c r="A15023">
        <v>167.67</v>
      </c>
      <c r="B15023">
        <v>193.15</v>
      </c>
      <c r="C15023">
        <v>15709.1</v>
      </c>
      <c r="D15023">
        <v>2.8</v>
      </c>
      <c r="E15023">
        <v>4657.34</v>
      </c>
      <c r="F15023">
        <v>71.703800000000001</v>
      </c>
    </row>
    <row r="15024" spans="1:6" x14ac:dyDescent="0.25">
      <c r="A15024">
        <v>167.67</v>
      </c>
      <c r="B15024">
        <v>193.15</v>
      </c>
      <c r="C15024">
        <v>15709.1</v>
      </c>
      <c r="D15024">
        <v>3.1</v>
      </c>
      <c r="E15024">
        <v>4511.97</v>
      </c>
      <c r="F15024">
        <v>73.101900000000001</v>
      </c>
    </row>
    <row r="15025" spans="1:6" x14ac:dyDescent="0.25">
      <c r="A15025">
        <v>167.67</v>
      </c>
      <c r="B15025">
        <v>193.15</v>
      </c>
      <c r="C15025">
        <v>15709.1</v>
      </c>
      <c r="D15025">
        <v>3.4</v>
      </c>
      <c r="E15025">
        <v>4535.6400000000003</v>
      </c>
      <c r="F15025">
        <v>72.049800000000005</v>
      </c>
    </row>
    <row r="15026" spans="1:6" x14ac:dyDescent="0.25">
      <c r="A15026">
        <v>167.67</v>
      </c>
      <c r="B15026">
        <v>193.15</v>
      </c>
      <c r="C15026">
        <v>15709.1</v>
      </c>
      <c r="D15026">
        <v>3.7</v>
      </c>
      <c r="E15026">
        <v>4355.29</v>
      </c>
      <c r="F15026">
        <v>75.409700000000001</v>
      </c>
    </row>
    <row r="15027" spans="1:6" x14ac:dyDescent="0.25">
      <c r="A15027">
        <v>167.67</v>
      </c>
      <c r="B15027">
        <v>193.15</v>
      </c>
      <c r="C15027">
        <v>15709.1</v>
      </c>
      <c r="D15027">
        <v>4</v>
      </c>
      <c r="E15027">
        <v>4361.99</v>
      </c>
      <c r="F15027">
        <v>74.384699999999995</v>
      </c>
    </row>
    <row r="15028" spans="1:6" x14ac:dyDescent="0.25">
      <c r="A15028">
        <v>167.67</v>
      </c>
      <c r="B15028">
        <v>193.15</v>
      </c>
      <c r="C15028">
        <v>17254.5</v>
      </c>
      <c r="D15028">
        <v>1</v>
      </c>
      <c r="E15028">
        <v>5775.93</v>
      </c>
      <c r="F15028">
        <v>68.071700000000007</v>
      </c>
    </row>
    <row r="15029" spans="1:6" x14ac:dyDescent="0.25">
      <c r="A15029">
        <v>167.67</v>
      </c>
      <c r="B15029">
        <v>193.15</v>
      </c>
      <c r="C15029">
        <v>17254.5</v>
      </c>
      <c r="D15029">
        <v>1.3</v>
      </c>
      <c r="E15029">
        <v>5350.28</v>
      </c>
      <c r="F15029">
        <v>71.020300000000006</v>
      </c>
    </row>
    <row r="15030" spans="1:6" x14ac:dyDescent="0.25">
      <c r="A15030">
        <v>167.67</v>
      </c>
      <c r="B15030">
        <v>193.15</v>
      </c>
      <c r="C15030">
        <v>17254.5</v>
      </c>
      <c r="D15030">
        <v>1.6</v>
      </c>
      <c r="E15030">
        <v>5111.9399999999996</v>
      </c>
      <c r="F15030">
        <v>71.690399999999997</v>
      </c>
    </row>
    <row r="15031" spans="1:6" x14ac:dyDescent="0.25">
      <c r="A15031">
        <v>167.67</v>
      </c>
      <c r="B15031">
        <v>193.15</v>
      </c>
      <c r="C15031">
        <v>17254.5</v>
      </c>
      <c r="D15031">
        <v>1.9</v>
      </c>
      <c r="E15031">
        <v>4987.7</v>
      </c>
      <c r="F15031">
        <v>69.316500000000005</v>
      </c>
    </row>
    <row r="15032" spans="1:6" x14ac:dyDescent="0.25">
      <c r="A15032">
        <v>167.67</v>
      </c>
      <c r="B15032">
        <v>193.15</v>
      </c>
      <c r="C15032">
        <v>17254.5</v>
      </c>
      <c r="D15032">
        <v>2.2000000000000002</v>
      </c>
      <c r="E15032">
        <v>4823.3500000000004</v>
      </c>
      <c r="F15032">
        <v>73.441599999999994</v>
      </c>
    </row>
    <row r="15033" spans="1:6" x14ac:dyDescent="0.25">
      <c r="A15033">
        <v>167.67</v>
      </c>
      <c r="B15033">
        <v>193.15</v>
      </c>
      <c r="C15033">
        <v>17254.5</v>
      </c>
      <c r="D15033">
        <v>2.5</v>
      </c>
      <c r="E15033">
        <v>4675.26</v>
      </c>
      <c r="F15033">
        <v>63.775199999999998</v>
      </c>
    </row>
    <row r="15034" spans="1:6" x14ac:dyDescent="0.25">
      <c r="A15034">
        <v>167.67</v>
      </c>
      <c r="B15034">
        <v>193.15</v>
      </c>
      <c r="C15034">
        <v>17254.5</v>
      </c>
      <c r="D15034">
        <v>2.8</v>
      </c>
      <c r="E15034">
        <v>4657.34</v>
      </c>
      <c r="F15034">
        <v>71.703800000000001</v>
      </c>
    </row>
    <row r="15035" spans="1:6" x14ac:dyDescent="0.25">
      <c r="A15035">
        <v>167.67</v>
      </c>
      <c r="B15035">
        <v>193.15</v>
      </c>
      <c r="C15035">
        <v>17254.5</v>
      </c>
      <c r="D15035">
        <v>3.1</v>
      </c>
      <c r="E15035">
        <v>4511.97</v>
      </c>
      <c r="F15035">
        <v>73.101900000000001</v>
      </c>
    </row>
    <row r="15036" spans="1:6" x14ac:dyDescent="0.25">
      <c r="A15036">
        <v>167.67</v>
      </c>
      <c r="B15036">
        <v>193.15</v>
      </c>
      <c r="C15036">
        <v>17254.5</v>
      </c>
      <c r="D15036">
        <v>3.4</v>
      </c>
      <c r="E15036">
        <v>4535.6400000000003</v>
      </c>
      <c r="F15036">
        <v>72.049800000000005</v>
      </c>
    </row>
    <row r="15037" spans="1:6" x14ac:dyDescent="0.25">
      <c r="A15037">
        <v>167.67</v>
      </c>
      <c r="B15037">
        <v>193.15</v>
      </c>
      <c r="C15037">
        <v>17254.5</v>
      </c>
      <c r="D15037">
        <v>3.7</v>
      </c>
      <c r="E15037">
        <v>4355.29</v>
      </c>
      <c r="F15037">
        <v>75.409700000000001</v>
      </c>
    </row>
    <row r="15038" spans="1:6" x14ac:dyDescent="0.25">
      <c r="A15038">
        <v>167.67</v>
      </c>
      <c r="B15038">
        <v>193.15</v>
      </c>
      <c r="C15038">
        <v>17254.5</v>
      </c>
      <c r="D15038">
        <v>4</v>
      </c>
      <c r="E15038">
        <v>4361.99</v>
      </c>
      <c r="F15038">
        <v>74.384699999999995</v>
      </c>
    </row>
    <row r="15039" spans="1:6" x14ac:dyDescent="0.25">
      <c r="A15039">
        <v>167.67</v>
      </c>
      <c r="B15039">
        <v>193.15</v>
      </c>
      <c r="C15039">
        <v>18800</v>
      </c>
      <c r="D15039">
        <v>1</v>
      </c>
      <c r="E15039">
        <v>5775.93</v>
      </c>
      <c r="F15039">
        <v>68.071700000000007</v>
      </c>
    </row>
    <row r="15040" spans="1:6" x14ac:dyDescent="0.25">
      <c r="A15040">
        <v>167.67</v>
      </c>
      <c r="B15040">
        <v>193.15</v>
      </c>
      <c r="C15040">
        <v>18800</v>
      </c>
      <c r="D15040">
        <v>1.3</v>
      </c>
      <c r="E15040">
        <v>5350.28</v>
      </c>
      <c r="F15040">
        <v>71.020300000000006</v>
      </c>
    </row>
    <row r="15041" spans="1:6" x14ac:dyDescent="0.25">
      <c r="A15041">
        <v>167.67</v>
      </c>
      <c r="B15041">
        <v>193.15</v>
      </c>
      <c r="C15041">
        <v>18800</v>
      </c>
      <c r="D15041">
        <v>1.6</v>
      </c>
      <c r="E15041">
        <v>5111.9399999999996</v>
      </c>
      <c r="F15041">
        <v>71.690399999999997</v>
      </c>
    </row>
    <row r="15042" spans="1:6" x14ac:dyDescent="0.25">
      <c r="A15042">
        <v>167.67</v>
      </c>
      <c r="B15042">
        <v>193.15</v>
      </c>
      <c r="C15042">
        <v>18800</v>
      </c>
      <c r="D15042">
        <v>1.9</v>
      </c>
      <c r="E15042">
        <v>4987.7</v>
      </c>
      <c r="F15042">
        <v>69.316500000000005</v>
      </c>
    </row>
    <row r="15043" spans="1:6" x14ac:dyDescent="0.25">
      <c r="A15043">
        <v>167.67</v>
      </c>
      <c r="B15043">
        <v>193.15</v>
      </c>
      <c r="C15043">
        <v>18800</v>
      </c>
      <c r="D15043">
        <v>2.2000000000000002</v>
      </c>
      <c r="E15043">
        <v>4823.3500000000004</v>
      </c>
      <c r="F15043">
        <v>73.441599999999994</v>
      </c>
    </row>
    <row r="15044" spans="1:6" x14ac:dyDescent="0.25">
      <c r="A15044">
        <v>167.67</v>
      </c>
      <c r="B15044">
        <v>193.15</v>
      </c>
      <c r="C15044">
        <v>18800</v>
      </c>
      <c r="D15044">
        <v>2.5</v>
      </c>
      <c r="E15044">
        <v>4675.26</v>
      </c>
      <c r="F15044">
        <v>63.775199999999998</v>
      </c>
    </row>
    <row r="15045" spans="1:6" x14ac:dyDescent="0.25">
      <c r="A15045">
        <v>167.67</v>
      </c>
      <c r="B15045">
        <v>193.15</v>
      </c>
      <c r="C15045">
        <v>18800</v>
      </c>
      <c r="D15045">
        <v>2.8</v>
      </c>
      <c r="E15045">
        <v>4657.34</v>
      </c>
      <c r="F15045">
        <v>71.703800000000001</v>
      </c>
    </row>
    <row r="15046" spans="1:6" x14ac:dyDescent="0.25">
      <c r="A15046">
        <v>167.67</v>
      </c>
      <c r="B15046">
        <v>193.15</v>
      </c>
      <c r="C15046">
        <v>18800</v>
      </c>
      <c r="D15046">
        <v>3.1</v>
      </c>
      <c r="E15046">
        <v>4511.97</v>
      </c>
      <c r="F15046">
        <v>73.101900000000001</v>
      </c>
    </row>
    <row r="15047" spans="1:6" x14ac:dyDescent="0.25">
      <c r="A15047">
        <v>167.67</v>
      </c>
      <c r="B15047">
        <v>193.15</v>
      </c>
      <c r="C15047">
        <v>18800</v>
      </c>
      <c r="D15047">
        <v>3.4</v>
      </c>
      <c r="E15047">
        <v>4535.6400000000003</v>
      </c>
      <c r="F15047">
        <v>72.049800000000005</v>
      </c>
    </row>
    <row r="15048" spans="1:6" x14ac:dyDescent="0.25">
      <c r="A15048">
        <v>167.67</v>
      </c>
      <c r="B15048">
        <v>193.15</v>
      </c>
      <c r="C15048">
        <v>18800</v>
      </c>
      <c r="D15048">
        <v>3.7</v>
      </c>
      <c r="E15048">
        <v>4355.29</v>
      </c>
      <c r="F15048">
        <v>75.409700000000001</v>
      </c>
    </row>
    <row r="15049" spans="1:6" x14ac:dyDescent="0.25">
      <c r="A15049">
        <v>167.67</v>
      </c>
      <c r="B15049">
        <v>193.15</v>
      </c>
      <c r="C15049">
        <v>18800</v>
      </c>
      <c r="D15049">
        <v>4</v>
      </c>
      <c r="E15049">
        <v>4361.99</v>
      </c>
      <c r="F15049">
        <v>74.384699999999995</v>
      </c>
    </row>
    <row r="15050" spans="1:6" x14ac:dyDescent="0.25">
      <c r="A15050">
        <v>167.67</v>
      </c>
      <c r="B15050">
        <v>196.78</v>
      </c>
      <c r="C15050">
        <v>1800</v>
      </c>
      <c r="D15050">
        <v>1</v>
      </c>
      <c r="E15050">
        <v>5200.8500000000004</v>
      </c>
      <c r="F15050">
        <v>68.071700000000007</v>
      </c>
    </row>
    <row r="15051" spans="1:6" x14ac:dyDescent="0.25">
      <c r="A15051">
        <v>167.67</v>
      </c>
      <c r="B15051">
        <v>196.78</v>
      </c>
      <c r="C15051">
        <v>1800</v>
      </c>
      <c r="D15051">
        <v>1.3</v>
      </c>
      <c r="E15051">
        <v>4586.66</v>
      </c>
      <c r="F15051">
        <v>71.020300000000006</v>
      </c>
    </row>
    <row r="15052" spans="1:6" x14ac:dyDescent="0.25">
      <c r="A15052">
        <v>167.67</v>
      </c>
      <c r="B15052">
        <v>196.78</v>
      </c>
      <c r="C15052">
        <v>1800</v>
      </c>
      <c r="D15052">
        <v>1.6</v>
      </c>
      <c r="E15052">
        <v>4230.63</v>
      </c>
      <c r="F15052">
        <v>71.690399999999997</v>
      </c>
    </row>
    <row r="15053" spans="1:6" x14ac:dyDescent="0.25">
      <c r="A15053">
        <v>167.67</v>
      </c>
      <c r="B15053">
        <v>196.78</v>
      </c>
      <c r="C15053">
        <v>1800</v>
      </c>
      <c r="D15053">
        <v>1.9</v>
      </c>
      <c r="E15053">
        <v>3934.15</v>
      </c>
      <c r="F15053">
        <v>69.316500000000005</v>
      </c>
    </row>
    <row r="15054" spans="1:6" x14ac:dyDescent="0.25">
      <c r="A15054">
        <v>167.67</v>
      </c>
      <c r="B15054">
        <v>196.78</v>
      </c>
      <c r="C15054">
        <v>1800</v>
      </c>
      <c r="D15054">
        <v>2.2000000000000002</v>
      </c>
      <c r="E15054">
        <v>3720.47</v>
      </c>
      <c r="F15054">
        <v>70.762</v>
      </c>
    </row>
    <row r="15055" spans="1:6" x14ac:dyDescent="0.25">
      <c r="A15055">
        <v>167.67</v>
      </c>
      <c r="B15055">
        <v>196.78</v>
      </c>
      <c r="C15055">
        <v>1800</v>
      </c>
      <c r="D15055">
        <v>2.5</v>
      </c>
      <c r="E15055">
        <v>3517.94</v>
      </c>
      <c r="F15055">
        <v>58.161099999999998</v>
      </c>
    </row>
    <row r="15056" spans="1:6" x14ac:dyDescent="0.25">
      <c r="A15056">
        <v>167.67</v>
      </c>
      <c r="B15056">
        <v>196.78</v>
      </c>
      <c r="C15056">
        <v>1800</v>
      </c>
      <c r="D15056">
        <v>2.8</v>
      </c>
      <c r="E15056">
        <v>3395.49</v>
      </c>
      <c r="F15056">
        <v>67.951499999999996</v>
      </c>
    </row>
    <row r="15057" spans="1:6" x14ac:dyDescent="0.25">
      <c r="A15057">
        <v>167.67</v>
      </c>
      <c r="B15057">
        <v>196.78</v>
      </c>
      <c r="C15057">
        <v>1800</v>
      </c>
      <c r="D15057">
        <v>3.1</v>
      </c>
      <c r="E15057">
        <v>3288.94</v>
      </c>
      <c r="F15057">
        <v>69.2072</v>
      </c>
    </row>
    <row r="15058" spans="1:6" x14ac:dyDescent="0.25">
      <c r="A15058">
        <v>167.67</v>
      </c>
      <c r="B15058">
        <v>196.78</v>
      </c>
      <c r="C15058">
        <v>1800</v>
      </c>
      <c r="D15058">
        <v>3.4</v>
      </c>
      <c r="E15058">
        <v>3300.04</v>
      </c>
      <c r="F15058">
        <v>62.561599999999999</v>
      </c>
    </row>
    <row r="15059" spans="1:6" x14ac:dyDescent="0.25">
      <c r="A15059">
        <v>167.67</v>
      </c>
      <c r="B15059">
        <v>196.78</v>
      </c>
      <c r="C15059">
        <v>1800</v>
      </c>
      <c r="D15059">
        <v>3.7</v>
      </c>
      <c r="E15059">
        <v>3206.91</v>
      </c>
      <c r="F15059">
        <v>64.258499999999998</v>
      </c>
    </row>
    <row r="15060" spans="1:6" x14ac:dyDescent="0.25">
      <c r="A15060">
        <v>167.67</v>
      </c>
      <c r="B15060">
        <v>196.78</v>
      </c>
      <c r="C15060">
        <v>1800</v>
      </c>
      <c r="D15060">
        <v>4</v>
      </c>
      <c r="E15060">
        <v>3148.87</v>
      </c>
      <c r="F15060">
        <v>61.8521</v>
      </c>
    </row>
    <row r="15061" spans="1:6" x14ac:dyDescent="0.25">
      <c r="A15061">
        <v>167.67</v>
      </c>
      <c r="B15061">
        <v>196.78</v>
      </c>
      <c r="C15061">
        <v>3345.45</v>
      </c>
      <c r="D15061">
        <v>1</v>
      </c>
      <c r="E15061">
        <v>5775.93</v>
      </c>
      <c r="F15061">
        <v>68.071700000000007</v>
      </c>
    </row>
    <row r="15062" spans="1:6" x14ac:dyDescent="0.25">
      <c r="A15062">
        <v>167.67</v>
      </c>
      <c r="B15062">
        <v>196.78</v>
      </c>
      <c r="C15062">
        <v>3345.45</v>
      </c>
      <c r="D15062">
        <v>1.3</v>
      </c>
      <c r="E15062">
        <v>5350.28</v>
      </c>
      <c r="F15062">
        <v>71.020300000000006</v>
      </c>
    </row>
    <row r="15063" spans="1:6" x14ac:dyDescent="0.25">
      <c r="A15063">
        <v>167.67</v>
      </c>
      <c r="B15063">
        <v>196.78</v>
      </c>
      <c r="C15063">
        <v>3345.45</v>
      </c>
      <c r="D15063">
        <v>1.6</v>
      </c>
      <c r="E15063">
        <v>5111.9399999999996</v>
      </c>
      <c r="F15063">
        <v>71.690399999999997</v>
      </c>
    </row>
    <row r="15064" spans="1:6" x14ac:dyDescent="0.25">
      <c r="A15064">
        <v>167.67</v>
      </c>
      <c r="B15064">
        <v>196.78</v>
      </c>
      <c r="C15064">
        <v>3345.45</v>
      </c>
      <c r="D15064">
        <v>1.9</v>
      </c>
      <c r="E15064">
        <v>4987.7</v>
      </c>
      <c r="F15064">
        <v>69.316500000000005</v>
      </c>
    </row>
    <row r="15065" spans="1:6" x14ac:dyDescent="0.25">
      <c r="A15065">
        <v>167.67</v>
      </c>
      <c r="B15065">
        <v>196.78</v>
      </c>
      <c r="C15065">
        <v>3345.45</v>
      </c>
      <c r="D15065">
        <v>2.2000000000000002</v>
      </c>
      <c r="E15065">
        <v>4823.3500000000004</v>
      </c>
      <c r="F15065">
        <v>73.441599999999994</v>
      </c>
    </row>
    <row r="15066" spans="1:6" x14ac:dyDescent="0.25">
      <c r="A15066">
        <v>167.67</v>
      </c>
      <c r="B15066">
        <v>196.78</v>
      </c>
      <c r="C15066">
        <v>3345.45</v>
      </c>
      <c r="D15066">
        <v>2.5</v>
      </c>
      <c r="E15066">
        <v>4675.26</v>
      </c>
      <c r="F15066">
        <v>63.775199999999998</v>
      </c>
    </row>
    <row r="15067" spans="1:6" x14ac:dyDescent="0.25">
      <c r="A15067">
        <v>167.67</v>
      </c>
      <c r="B15067">
        <v>196.78</v>
      </c>
      <c r="C15067">
        <v>3345.45</v>
      </c>
      <c r="D15067">
        <v>2.8</v>
      </c>
      <c r="E15067">
        <v>4529.8</v>
      </c>
      <c r="F15067">
        <v>71.703800000000001</v>
      </c>
    </row>
    <row r="15068" spans="1:6" x14ac:dyDescent="0.25">
      <c r="A15068">
        <v>167.67</v>
      </c>
      <c r="B15068">
        <v>196.78</v>
      </c>
      <c r="C15068">
        <v>3345.45</v>
      </c>
      <c r="D15068">
        <v>3.1</v>
      </c>
      <c r="E15068">
        <v>4570.46</v>
      </c>
      <c r="F15068">
        <v>73.101900000000001</v>
      </c>
    </row>
    <row r="15069" spans="1:6" x14ac:dyDescent="0.25">
      <c r="A15069">
        <v>167.67</v>
      </c>
      <c r="B15069">
        <v>196.78</v>
      </c>
      <c r="C15069">
        <v>3345.45</v>
      </c>
      <c r="D15069">
        <v>3.4</v>
      </c>
      <c r="E15069">
        <v>4378.03</v>
      </c>
      <c r="F15069">
        <v>72.049800000000005</v>
      </c>
    </row>
    <row r="15070" spans="1:6" x14ac:dyDescent="0.25">
      <c r="A15070">
        <v>167.67</v>
      </c>
      <c r="B15070">
        <v>196.78</v>
      </c>
      <c r="C15070">
        <v>3345.45</v>
      </c>
      <c r="D15070">
        <v>3.7</v>
      </c>
      <c r="E15070">
        <v>4366.8900000000003</v>
      </c>
      <c r="F15070">
        <v>75.409700000000001</v>
      </c>
    </row>
    <row r="15071" spans="1:6" x14ac:dyDescent="0.25">
      <c r="A15071">
        <v>167.67</v>
      </c>
      <c r="B15071">
        <v>196.78</v>
      </c>
      <c r="C15071">
        <v>3345.45</v>
      </c>
      <c r="D15071">
        <v>4</v>
      </c>
      <c r="E15071">
        <v>4311.3900000000003</v>
      </c>
      <c r="F15071">
        <v>74.384699999999995</v>
      </c>
    </row>
    <row r="15072" spans="1:6" x14ac:dyDescent="0.25">
      <c r="A15072">
        <v>167.67</v>
      </c>
      <c r="B15072">
        <v>196.78</v>
      </c>
      <c r="C15072">
        <v>4890.8999999999996</v>
      </c>
      <c r="D15072">
        <v>1</v>
      </c>
      <c r="E15072">
        <v>5775.93</v>
      </c>
      <c r="F15072">
        <v>68.071700000000007</v>
      </c>
    </row>
    <row r="15073" spans="1:6" x14ac:dyDescent="0.25">
      <c r="A15073">
        <v>167.67</v>
      </c>
      <c r="B15073">
        <v>196.78</v>
      </c>
      <c r="C15073">
        <v>4890.8999999999996</v>
      </c>
      <c r="D15073">
        <v>1.3</v>
      </c>
      <c r="E15073">
        <v>5350.28</v>
      </c>
      <c r="F15073">
        <v>71.020300000000006</v>
      </c>
    </row>
    <row r="15074" spans="1:6" x14ac:dyDescent="0.25">
      <c r="A15074">
        <v>167.67</v>
      </c>
      <c r="B15074">
        <v>196.78</v>
      </c>
      <c r="C15074">
        <v>4890.8999999999996</v>
      </c>
      <c r="D15074">
        <v>1.6</v>
      </c>
      <c r="E15074">
        <v>5111.9399999999996</v>
      </c>
      <c r="F15074">
        <v>71.690399999999997</v>
      </c>
    </row>
    <row r="15075" spans="1:6" x14ac:dyDescent="0.25">
      <c r="A15075">
        <v>167.67</v>
      </c>
      <c r="B15075">
        <v>196.78</v>
      </c>
      <c r="C15075">
        <v>4890.8999999999996</v>
      </c>
      <c r="D15075">
        <v>1.9</v>
      </c>
      <c r="E15075">
        <v>4987.7</v>
      </c>
      <c r="F15075">
        <v>69.316500000000005</v>
      </c>
    </row>
    <row r="15076" spans="1:6" x14ac:dyDescent="0.25">
      <c r="A15076">
        <v>167.67</v>
      </c>
      <c r="B15076">
        <v>196.78</v>
      </c>
      <c r="C15076">
        <v>4890.8999999999996</v>
      </c>
      <c r="D15076">
        <v>2.2000000000000002</v>
      </c>
      <c r="E15076">
        <v>4823.3500000000004</v>
      </c>
      <c r="F15076">
        <v>73.441599999999994</v>
      </c>
    </row>
    <row r="15077" spans="1:6" x14ac:dyDescent="0.25">
      <c r="A15077">
        <v>167.67</v>
      </c>
      <c r="B15077">
        <v>196.78</v>
      </c>
      <c r="C15077">
        <v>4890.8999999999996</v>
      </c>
      <c r="D15077">
        <v>2.5</v>
      </c>
      <c r="E15077">
        <v>4675.26</v>
      </c>
      <c r="F15077">
        <v>63.775199999999998</v>
      </c>
    </row>
    <row r="15078" spans="1:6" x14ac:dyDescent="0.25">
      <c r="A15078">
        <v>167.67</v>
      </c>
      <c r="B15078">
        <v>196.78</v>
      </c>
      <c r="C15078">
        <v>4890.8999999999996</v>
      </c>
      <c r="D15078">
        <v>2.8</v>
      </c>
      <c r="E15078">
        <v>4657.34</v>
      </c>
      <c r="F15078">
        <v>71.703800000000001</v>
      </c>
    </row>
    <row r="15079" spans="1:6" x14ac:dyDescent="0.25">
      <c r="A15079">
        <v>167.67</v>
      </c>
      <c r="B15079">
        <v>196.78</v>
      </c>
      <c r="C15079">
        <v>4890.8999999999996</v>
      </c>
      <c r="D15079">
        <v>3.1</v>
      </c>
      <c r="E15079">
        <v>4511.97</v>
      </c>
      <c r="F15079">
        <v>73.101900000000001</v>
      </c>
    </row>
    <row r="15080" spans="1:6" x14ac:dyDescent="0.25">
      <c r="A15080">
        <v>167.67</v>
      </c>
      <c r="B15080">
        <v>196.78</v>
      </c>
      <c r="C15080">
        <v>4890.8999999999996</v>
      </c>
      <c r="D15080">
        <v>3.4</v>
      </c>
      <c r="E15080">
        <v>4535.6400000000003</v>
      </c>
      <c r="F15080">
        <v>72.049800000000005</v>
      </c>
    </row>
    <row r="15081" spans="1:6" x14ac:dyDescent="0.25">
      <c r="A15081">
        <v>167.67</v>
      </c>
      <c r="B15081">
        <v>196.78</v>
      </c>
      <c r="C15081">
        <v>4890.8999999999996</v>
      </c>
      <c r="D15081">
        <v>3.7</v>
      </c>
      <c r="E15081">
        <v>4355.29</v>
      </c>
      <c r="F15081">
        <v>75.409700000000001</v>
      </c>
    </row>
    <row r="15082" spans="1:6" x14ac:dyDescent="0.25">
      <c r="A15082">
        <v>167.67</v>
      </c>
      <c r="B15082">
        <v>196.78</v>
      </c>
      <c r="C15082">
        <v>4890.8999999999996</v>
      </c>
      <c r="D15082">
        <v>4</v>
      </c>
      <c r="E15082">
        <v>4361.99</v>
      </c>
      <c r="F15082">
        <v>74.384699999999995</v>
      </c>
    </row>
    <row r="15083" spans="1:6" x14ac:dyDescent="0.25">
      <c r="A15083">
        <v>167.67</v>
      </c>
      <c r="B15083">
        <v>196.78</v>
      </c>
      <c r="C15083">
        <v>6436.35</v>
      </c>
      <c r="D15083">
        <v>1</v>
      </c>
      <c r="E15083">
        <v>5775.93</v>
      </c>
      <c r="F15083">
        <v>68.071700000000007</v>
      </c>
    </row>
    <row r="15084" spans="1:6" x14ac:dyDescent="0.25">
      <c r="A15084">
        <v>167.67</v>
      </c>
      <c r="B15084">
        <v>196.78</v>
      </c>
      <c r="C15084">
        <v>6436.35</v>
      </c>
      <c r="D15084">
        <v>1.3</v>
      </c>
      <c r="E15084">
        <v>5350.28</v>
      </c>
      <c r="F15084">
        <v>71.020300000000006</v>
      </c>
    </row>
    <row r="15085" spans="1:6" x14ac:dyDescent="0.25">
      <c r="A15085">
        <v>167.67</v>
      </c>
      <c r="B15085">
        <v>196.78</v>
      </c>
      <c r="C15085">
        <v>6436.35</v>
      </c>
      <c r="D15085">
        <v>1.6</v>
      </c>
      <c r="E15085">
        <v>5111.9399999999996</v>
      </c>
      <c r="F15085">
        <v>71.690399999999997</v>
      </c>
    </row>
    <row r="15086" spans="1:6" x14ac:dyDescent="0.25">
      <c r="A15086">
        <v>167.67</v>
      </c>
      <c r="B15086">
        <v>196.78</v>
      </c>
      <c r="C15086">
        <v>6436.35</v>
      </c>
      <c r="D15086">
        <v>1.9</v>
      </c>
      <c r="E15086">
        <v>4987.7</v>
      </c>
      <c r="F15086">
        <v>69.316500000000005</v>
      </c>
    </row>
    <row r="15087" spans="1:6" x14ac:dyDescent="0.25">
      <c r="A15087">
        <v>167.67</v>
      </c>
      <c r="B15087">
        <v>196.78</v>
      </c>
      <c r="C15087">
        <v>6436.35</v>
      </c>
      <c r="D15087">
        <v>2.2000000000000002</v>
      </c>
      <c r="E15087">
        <v>4823.3500000000004</v>
      </c>
      <c r="F15087">
        <v>73.441599999999994</v>
      </c>
    </row>
    <row r="15088" spans="1:6" x14ac:dyDescent="0.25">
      <c r="A15088">
        <v>167.67</v>
      </c>
      <c r="B15088">
        <v>196.78</v>
      </c>
      <c r="C15088">
        <v>6436.35</v>
      </c>
      <c r="D15088">
        <v>2.5</v>
      </c>
      <c r="E15088">
        <v>4675.26</v>
      </c>
      <c r="F15088">
        <v>63.775199999999998</v>
      </c>
    </row>
    <row r="15089" spans="1:6" x14ac:dyDescent="0.25">
      <c r="A15089">
        <v>167.67</v>
      </c>
      <c r="B15089">
        <v>196.78</v>
      </c>
      <c r="C15089">
        <v>6436.35</v>
      </c>
      <c r="D15089">
        <v>2.8</v>
      </c>
      <c r="E15089">
        <v>4657.34</v>
      </c>
      <c r="F15089">
        <v>71.703800000000001</v>
      </c>
    </row>
    <row r="15090" spans="1:6" x14ac:dyDescent="0.25">
      <c r="A15090">
        <v>167.67</v>
      </c>
      <c r="B15090">
        <v>196.78</v>
      </c>
      <c r="C15090">
        <v>6436.35</v>
      </c>
      <c r="D15090">
        <v>3.1</v>
      </c>
      <c r="E15090">
        <v>4511.97</v>
      </c>
      <c r="F15090">
        <v>73.101900000000001</v>
      </c>
    </row>
    <row r="15091" spans="1:6" x14ac:dyDescent="0.25">
      <c r="A15091">
        <v>167.67</v>
      </c>
      <c r="B15091">
        <v>196.78</v>
      </c>
      <c r="C15091">
        <v>6436.35</v>
      </c>
      <c r="D15091">
        <v>3.4</v>
      </c>
      <c r="E15091">
        <v>4535.6400000000003</v>
      </c>
      <c r="F15091">
        <v>72.049800000000005</v>
      </c>
    </row>
    <row r="15092" spans="1:6" x14ac:dyDescent="0.25">
      <c r="A15092">
        <v>167.67</v>
      </c>
      <c r="B15092">
        <v>196.78</v>
      </c>
      <c r="C15092">
        <v>6436.35</v>
      </c>
      <c r="D15092">
        <v>3.7</v>
      </c>
      <c r="E15092">
        <v>4355.29</v>
      </c>
      <c r="F15092">
        <v>75.409700000000001</v>
      </c>
    </row>
    <row r="15093" spans="1:6" x14ac:dyDescent="0.25">
      <c r="A15093">
        <v>167.67</v>
      </c>
      <c r="B15093">
        <v>196.78</v>
      </c>
      <c r="C15093">
        <v>6436.35</v>
      </c>
      <c r="D15093">
        <v>4</v>
      </c>
      <c r="E15093">
        <v>4361.99</v>
      </c>
      <c r="F15093">
        <v>74.384699999999995</v>
      </c>
    </row>
    <row r="15094" spans="1:6" x14ac:dyDescent="0.25">
      <c r="A15094">
        <v>167.67</v>
      </c>
      <c r="B15094">
        <v>196.78</v>
      </c>
      <c r="C15094">
        <v>7981.8</v>
      </c>
      <c r="D15094">
        <v>1</v>
      </c>
      <c r="E15094">
        <v>5775.93</v>
      </c>
      <c r="F15094">
        <v>68.071700000000007</v>
      </c>
    </row>
    <row r="15095" spans="1:6" x14ac:dyDescent="0.25">
      <c r="A15095">
        <v>167.67</v>
      </c>
      <c r="B15095">
        <v>196.78</v>
      </c>
      <c r="C15095">
        <v>7981.8</v>
      </c>
      <c r="D15095">
        <v>1.3</v>
      </c>
      <c r="E15095">
        <v>5350.28</v>
      </c>
      <c r="F15095">
        <v>71.020300000000006</v>
      </c>
    </row>
    <row r="15096" spans="1:6" x14ac:dyDescent="0.25">
      <c r="A15096">
        <v>167.67</v>
      </c>
      <c r="B15096">
        <v>196.78</v>
      </c>
      <c r="C15096">
        <v>7981.8</v>
      </c>
      <c r="D15096">
        <v>1.6</v>
      </c>
      <c r="E15096">
        <v>5111.9399999999996</v>
      </c>
      <c r="F15096">
        <v>71.690399999999997</v>
      </c>
    </row>
    <row r="15097" spans="1:6" x14ac:dyDescent="0.25">
      <c r="A15097">
        <v>167.67</v>
      </c>
      <c r="B15097">
        <v>196.78</v>
      </c>
      <c r="C15097">
        <v>7981.8</v>
      </c>
      <c r="D15097">
        <v>1.9</v>
      </c>
      <c r="E15097">
        <v>4987.7</v>
      </c>
      <c r="F15097">
        <v>69.316500000000005</v>
      </c>
    </row>
    <row r="15098" spans="1:6" x14ac:dyDescent="0.25">
      <c r="A15098">
        <v>167.67</v>
      </c>
      <c r="B15098">
        <v>196.78</v>
      </c>
      <c r="C15098">
        <v>7981.8</v>
      </c>
      <c r="D15098">
        <v>2.2000000000000002</v>
      </c>
      <c r="E15098">
        <v>4823.3500000000004</v>
      </c>
      <c r="F15098">
        <v>73.441599999999994</v>
      </c>
    </row>
    <row r="15099" spans="1:6" x14ac:dyDescent="0.25">
      <c r="A15099">
        <v>167.67</v>
      </c>
      <c r="B15099">
        <v>196.78</v>
      </c>
      <c r="C15099">
        <v>7981.8</v>
      </c>
      <c r="D15099">
        <v>2.5</v>
      </c>
      <c r="E15099">
        <v>4675.26</v>
      </c>
      <c r="F15099">
        <v>63.775199999999998</v>
      </c>
    </row>
    <row r="15100" spans="1:6" x14ac:dyDescent="0.25">
      <c r="A15100">
        <v>167.67</v>
      </c>
      <c r="B15100">
        <v>196.78</v>
      </c>
      <c r="C15100">
        <v>7981.8</v>
      </c>
      <c r="D15100">
        <v>2.8</v>
      </c>
      <c r="E15100">
        <v>4657.34</v>
      </c>
      <c r="F15100">
        <v>71.703800000000001</v>
      </c>
    </row>
    <row r="15101" spans="1:6" x14ac:dyDescent="0.25">
      <c r="A15101">
        <v>167.67</v>
      </c>
      <c r="B15101">
        <v>196.78</v>
      </c>
      <c r="C15101">
        <v>7981.8</v>
      </c>
      <c r="D15101">
        <v>3.1</v>
      </c>
      <c r="E15101">
        <v>4511.97</v>
      </c>
      <c r="F15101">
        <v>73.101900000000001</v>
      </c>
    </row>
    <row r="15102" spans="1:6" x14ac:dyDescent="0.25">
      <c r="A15102">
        <v>167.67</v>
      </c>
      <c r="B15102">
        <v>196.78</v>
      </c>
      <c r="C15102">
        <v>7981.8</v>
      </c>
      <c r="D15102">
        <v>3.4</v>
      </c>
      <c r="E15102">
        <v>4535.6400000000003</v>
      </c>
      <c r="F15102">
        <v>72.049800000000005</v>
      </c>
    </row>
    <row r="15103" spans="1:6" x14ac:dyDescent="0.25">
      <c r="A15103">
        <v>167.67</v>
      </c>
      <c r="B15103">
        <v>196.78</v>
      </c>
      <c r="C15103">
        <v>7981.8</v>
      </c>
      <c r="D15103">
        <v>3.7</v>
      </c>
      <c r="E15103">
        <v>4355.29</v>
      </c>
      <c r="F15103">
        <v>75.409700000000001</v>
      </c>
    </row>
    <row r="15104" spans="1:6" x14ac:dyDescent="0.25">
      <c r="A15104">
        <v>167.67</v>
      </c>
      <c r="B15104">
        <v>196.78</v>
      </c>
      <c r="C15104">
        <v>7981.8</v>
      </c>
      <c r="D15104">
        <v>4</v>
      </c>
      <c r="E15104">
        <v>4361.99</v>
      </c>
      <c r="F15104">
        <v>74.384699999999995</v>
      </c>
    </row>
    <row r="15105" spans="1:6" x14ac:dyDescent="0.25">
      <c r="A15105">
        <v>167.67</v>
      </c>
      <c r="B15105">
        <v>196.78</v>
      </c>
      <c r="C15105">
        <v>9527.25</v>
      </c>
      <c r="D15105">
        <v>1</v>
      </c>
      <c r="E15105">
        <v>5775.93</v>
      </c>
      <c r="F15105">
        <v>68.071700000000007</v>
      </c>
    </row>
    <row r="15106" spans="1:6" x14ac:dyDescent="0.25">
      <c r="A15106">
        <v>167.67</v>
      </c>
      <c r="B15106">
        <v>196.78</v>
      </c>
      <c r="C15106">
        <v>9527.25</v>
      </c>
      <c r="D15106">
        <v>1.3</v>
      </c>
      <c r="E15106">
        <v>5350.28</v>
      </c>
      <c r="F15106">
        <v>71.020300000000006</v>
      </c>
    </row>
    <row r="15107" spans="1:6" x14ac:dyDescent="0.25">
      <c r="A15107">
        <v>167.67</v>
      </c>
      <c r="B15107">
        <v>196.78</v>
      </c>
      <c r="C15107">
        <v>9527.25</v>
      </c>
      <c r="D15107">
        <v>1.6</v>
      </c>
      <c r="E15107">
        <v>5111.9399999999996</v>
      </c>
      <c r="F15107">
        <v>71.690399999999997</v>
      </c>
    </row>
    <row r="15108" spans="1:6" x14ac:dyDescent="0.25">
      <c r="A15108">
        <v>167.67</v>
      </c>
      <c r="B15108">
        <v>196.78</v>
      </c>
      <c r="C15108">
        <v>9527.25</v>
      </c>
      <c r="D15108">
        <v>1.9</v>
      </c>
      <c r="E15108">
        <v>4987.7</v>
      </c>
      <c r="F15108">
        <v>69.316500000000005</v>
      </c>
    </row>
    <row r="15109" spans="1:6" x14ac:dyDescent="0.25">
      <c r="A15109">
        <v>167.67</v>
      </c>
      <c r="B15109">
        <v>196.78</v>
      </c>
      <c r="C15109">
        <v>9527.25</v>
      </c>
      <c r="D15109">
        <v>2.2000000000000002</v>
      </c>
      <c r="E15109">
        <v>4823.3500000000004</v>
      </c>
      <c r="F15109">
        <v>73.441599999999994</v>
      </c>
    </row>
    <row r="15110" spans="1:6" x14ac:dyDescent="0.25">
      <c r="A15110">
        <v>167.67</v>
      </c>
      <c r="B15110">
        <v>196.78</v>
      </c>
      <c r="C15110">
        <v>9527.25</v>
      </c>
      <c r="D15110">
        <v>2.5</v>
      </c>
      <c r="E15110">
        <v>4675.26</v>
      </c>
      <c r="F15110">
        <v>63.775199999999998</v>
      </c>
    </row>
    <row r="15111" spans="1:6" x14ac:dyDescent="0.25">
      <c r="A15111">
        <v>167.67</v>
      </c>
      <c r="B15111">
        <v>196.78</v>
      </c>
      <c r="C15111">
        <v>9527.25</v>
      </c>
      <c r="D15111">
        <v>2.8</v>
      </c>
      <c r="E15111">
        <v>4657.34</v>
      </c>
      <c r="F15111">
        <v>71.703800000000001</v>
      </c>
    </row>
    <row r="15112" spans="1:6" x14ac:dyDescent="0.25">
      <c r="A15112">
        <v>167.67</v>
      </c>
      <c r="B15112">
        <v>196.78</v>
      </c>
      <c r="C15112">
        <v>9527.25</v>
      </c>
      <c r="D15112">
        <v>3.1</v>
      </c>
      <c r="E15112">
        <v>4511.97</v>
      </c>
      <c r="F15112">
        <v>73.101900000000001</v>
      </c>
    </row>
    <row r="15113" spans="1:6" x14ac:dyDescent="0.25">
      <c r="A15113">
        <v>167.67</v>
      </c>
      <c r="B15113">
        <v>196.78</v>
      </c>
      <c r="C15113">
        <v>9527.25</v>
      </c>
      <c r="D15113">
        <v>3.4</v>
      </c>
      <c r="E15113">
        <v>4535.6400000000003</v>
      </c>
      <c r="F15113">
        <v>72.049800000000005</v>
      </c>
    </row>
    <row r="15114" spans="1:6" x14ac:dyDescent="0.25">
      <c r="A15114">
        <v>167.67</v>
      </c>
      <c r="B15114">
        <v>196.78</v>
      </c>
      <c r="C15114">
        <v>9527.25</v>
      </c>
      <c r="D15114">
        <v>3.7</v>
      </c>
      <c r="E15114">
        <v>4355.29</v>
      </c>
      <c r="F15114">
        <v>75.409700000000001</v>
      </c>
    </row>
    <row r="15115" spans="1:6" x14ac:dyDescent="0.25">
      <c r="A15115">
        <v>167.67</v>
      </c>
      <c r="B15115">
        <v>196.78</v>
      </c>
      <c r="C15115">
        <v>9527.25</v>
      </c>
      <c r="D15115">
        <v>4</v>
      </c>
      <c r="E15115">
        <v>4361.99</v>
      </c>
      <c r="F15115">
        <v>74.384699999999995</v>
      </c>
    </row>
    <row r="15116" spans="1:6" x14ac:dyDescent="0.25">
      <c r="A15116">
        <v>167.67</v>
      </c>
      <c r="B15116">
        <v>196.78</v>
      </c>
      <c r="C15116">
        <v>11072.7</v>
      </c>
      <c r="D15116">
        <v>1</v>
      </c>
      <c r="E15116">
        <v>5775.93</v>
      </c>
      <c r="F15116">
        <v>68.071700000000007</v>
      </c>
    </row>
    <row r="15117" spans="1:6" x14ac:dyDescent="0.25">
      <c r="A15117">
        <v>167.67</v>
      </c>
      <c r="B15117">
        <v>196.78</v>
      </c>
      <c r="C15117">
        <v>11072.7</v>
      </c>
      <c r="D15117">
        <v>1.3</v>
      </c>
      <c r="E15117">
        <v>5350.28</v>
      </c>
      <c r="F15117">
        <v>71.020300000000006</v>
      </c>
    </row>
    <row r="15118" spans="1:6" x14ac:dyDescent="0.25">
      <c r="A15118">
        <v>167.67</v>
      </c>
      <c r="B15118">
        <v>196.78</v>
      </c>
      <c r="C15118">
        <v>11072.7</v>
      </c>
      <c r="D15118">
        <v>1.6</v>
      </c>
      <c r="E15118">
        <v>5111.9399999999996</v>
      </c>
      <c r="F15118">
        <v>71.690399999999997</v>
      </c>
    </row>
    <row r="15119" spans="1:6" x14ac:dyDescent="0.25">
      <c r="A15119">
        <v>167.67</v>
      </c>
      <c r="B15119">
        <v>196.78</v>
      </c>
      <c r="C15119">
        <v>11072.7</v>
      </c>
      <c r="D15119">
        <v>1.9</v>
      </c>
      <c r="E15119">
        <v>4987.7</v>
      </c>
      <c r="F15119">
        <v>69.316500000000005</v>
      </c>
    </row>
    <row r="15120" spans="1:6" x14ac:dyDescent="0.25">
      <c r="A15120">
        <v>167.67</v>
      </c>
      <c r="B15120">
        <v>196.78</v>
      </c>
      <c r="C15120">
        <v>11072.7</v>
      </c>
      <c r="D15120">
        <v>2.2000000000000002</v>
      </c>
      <c r="E15120">
        <v>4823.3500000000004</v>
      </c>
      <c r="F15120">
        <v>73.441599999999994</v>
      </c>
    </row>
    <row r="15121" spans="1:6" x14ac:dyDescent="0.25">
      <c r="A15121">
        <v>167.67</v>
      </c>
      <c r="B15121">
        <v>196.78</v>
      </c>
      <c r="C15121">
        <v>11072.7</v>
      </c>
      <c r="D15121">
        <v>2.5</v>
      </c>
      <c r="E15121">
        <v>4675.26</v>
      </c>
      <c r="F15121">
        <v>63.775199999999998</v>
      </c>
    </row>
    <row r="15122" spans="1:6" x14ac:dyDescent="0.25">
      <c r="A15122">
        <v>167.67</v>
      </c>
      <c r="B15122">
        <v>196.78</v>
      </c>
      <c r="C15122">
        <v>11072.7</v>
      </c>
      <c r="D15122">
        <v>2.8</v>
      </c>
      <c r="E15122">
        <v>4657.34</v>
      </c>
      <c r="F15122">
        <v>71.703800000000001</v>
      </c>
    </row>
    <row r="15123" spans="1:6" x14ac:dyDescent="0.25">
      <c r="A15123">
        <v>167.67</v>
      </c>
      <c r="B15123">
        <v>196.78</v>
      </c>
      <c r="C15123">
        <v>11072.7</v>
      </c>
      <c r="D15123">
        <v>3.1</v>
      </c>
      <c r="E15123">
        <v>4511.97</v>
      </c>
      <c r="F15123">
        <v>73.101900000000001</v>
      </c>
    </row>
    <row r="15124" spans="1:6" x14ac:dyDescent="0.25">
      <c r="A15124">
        <v>167.67</v>
      </c>
      <c r="B15124">
        <v>196.78</v>
      </c>
      <c r="C15124">
        <v>11072.7</v>
      </c>
      <c r="D15124">
        <v>3.4</v>
      </c>
      <c r="E15124">
        <v>4535.6400000000003</v>
      </c>
      <c r="F15124">
        <v>72.049800000000005</v>
      </c>
    </row>
    <row r="15125" spans="1:6" x14ac:dyDescent="0.25">
      <c r="A15125">
        <v>167.67</v>
      </c>
      <c r="B15125">
        <v>196.78</v>
      </c>
      <c r="C15125">
        <v>11072.7</v>
      </c>
      <c r="D15125">
        <v>3.7</v>
      </c>
      <c r="E15125">
        <v>4355.29</v>
      </c>
      <c r="F15125">
        <v>75.409700000000001</v>
      </c>
    </row>
    <row r="15126" spans="1:6" x14ac:dyDescent="0.25">
      <c r="A15126">
        <v>167.67</v>
      </c>
      <c r="B15126">
        <v>196.78</v>
      </c>
      <c r="C15126">
        <v>11072.7</v>
      </c>
      <c r="D15126">
        <v>4</v>
      </c>
      <c r="E15126">
        <v>4361.99</v>
      </c>
      <c r="F15126">
        <v>74.384699999999995</v>
      </c>
    </row>
    <row r="15127" spans="1:6" x14ac:dyDescent="0.25">
      <c r="A15127">
        <v>167.67</v>
      </c>
      <c r="B15127">
        <v>196.78</v>
      </c>
      <c r="C15127">
        <v>12618.2</v>
      </c>
      <c r="D15127">
        <v>1</v>
      </c>
      <c r="E15127">
        <v>5775.93</v>
      </c>
      <c r="F15127">
        <v>68.071700000000007</v>
      </c>
    </row>
    <row r="15128" spans="1:6" x14ac:dyDescent="0.25">
      <c r="A15128">
        <v>167.67</v>
      </c>
      <c r="B15128">
        <v>196.78</v>
      </c>
      <c r="C15128">
        <v>12618.2</v>
      </c>
      <c r="D15128">
        <v>1.3</v>
      </c>
      <c r="E15128">
        <v>5350.28</v>
      </c>
      <c r="F15128">
        <v>71.020300000000006</v>
      </c>
    </row>
    <row r="15129" spans="1:6" x14ac:dyDescent="0.25">
      <c r="A15129">
        <v>167.67</v>
      </c>
      <c r="B15129">
        <v>196.78</v>
      </c>
      <c r="C15129">
        <v>12618.2</v>
      </c>
      <c r="D15129">
        <v>1.6</v>
      </c>
      <c r="E15129">
        <v>5111.9399999999996</v>
      </c>
      <c r="F15129">
        <v>71.690399999999997</v>
      </c>
    </row>
    <row r="15130" spans="1:6" x14ac:dyDescent="0.25">
      <c r="A15130">
        <v>167.67</v>
      </c>
      <c r="B15130">
        <v>196.78</v>
      </c>
      <c r="C15130">
        <v>12618.2</v>
      </c>
      <c r="D15130">
        <v>1.9</v>
      </c>
      <c r="E15130">
        <v>4987.7</v>
      </c>
      <c r="F15130">
        <v>69.316500000000005</v>
      </c>
    </row>
    <row r="15131" spans="1:6" x14ac:dyDescent="0.25">
      <c r="A15131">
        <v>167.67</v>
      </c>
      <c r="B15131">
        <v>196.78</v>
      </c>
      <c r="C15131">
        <v>12618.2</v>
      </c>
      <c r="D15131">
        <v>2.2000000000000002</v>
      </c>
      <c r="E15131">
        <v>4823.3500000000004</v>
      </c>
      <c r="F15131">
        <v>73.441599999999994</v>
      </c>
    </row>
    <row r="15132" spans="1:6" x14ac:dyDescent="0.25">
      <c r="A15132">
        <v>167.67</v>
      </c>
      <c r="B15132">
        <v>196.78</v>
      </c>
      <c r="C15132">
        <v>12618.2</v>
      </c>
      <c r="D15132">
        <v>2.5</v>
      </c>
      <c r="E15132">
        <v>4675.26</v>
      </c>
      <c r="F15132">
        <v>63.775199999999998</v>
      </c>
    </row>
    <row r="15133" spans="1:6" x14ac:dyDescent="0.25">
      <c r="A15133">
        <v>167.67</v>
      </c>
      <c r="B15133">
        <v>196.78</v>
      </c>
      <c r="C15133">
        <v>12618.2</v>
      </c>
      <c r="D15133">
        <v>2.8</v>
      </c>
      <c r="E15133">
        <v>4657.34</v>
      </c>
      <c r="F15133">
        <v>71.703800000000001</v>
      </c>
    </row>
    <row r="15134" spans="1:6" x14ac:dyDescent="0.25">
      <c r="A15134">
        <v>167.67</v>
      </c>
      <c r="B15134">
        <v>196.78</v>
      </c>
      <c r="C15134">
        <v>12618.2</v>
      </c>
      <c r="D15134">
        <v>3.1</v>
      </c>
      <c r="E15134">
        <v>4511.97</v>
      </c>
      <c r="F15134">
        <v>73.101900000000001</v>
      </c>
    </row>
    <row r="15135" spans="1:6" x14ac:dyDescent="0.25">
      <c r="A15135">
        <v>167.67</v>
      </c>
      <c r="B15135">
        <v>196.78</v>
      </c>
      <c r="C15135">
        <v>12618.2</v>
      </c>
      <c r="D15135">
        <v>3.4</v>
      </c>
      <c r="E15135">
        <v>4535.6400000000003</v>
      </c>
      <c r="F15135">
        <v>72.049800000000005</v>
      </c>
    </row>
    <row r="15136" spans="1:6" x14ac:dyDescent="0.25">
      <c r="A15136">
        <v>167.67</v>
      </c>
      <c r="B15136">
        <v>196.78</v>
      </c>
      <c r="C15136">
        <v>12618.2</v>
      </c>
      <c r="D15136">
        <v>3.7</v>
      </c>
      <c r="E15136">
        <v>4355.29</v>
      </c>
      <c r="F15136">
        <v>75.409700000000001</v>
      </c>
    </row>
    <row r="15137" spans="1:6" x14ac:dyDescent="0.25">
      <c r="A15137">
        <v>167.67</v>
      </c>
      <c r="B15137">
        <v>196.78</v>
      </c>
      <c r="C15137">
        <v>12618.2</v>
      </c>
      <c r="D15137">
        <v>4</v>
      </c>
      <c r="E15137">
        <v>4361.99</v>
      </c>
      <c r="F15137">
        <v>74.384699999999995</v>
      </c>
    </row>
    <row r="15138" spans="1:6" x14ac:dyDescent="0.25">
      <c r="A15138">
        <v>167.67</v>
      </c>
      <c r="B15138">
        <v>196.78</v>
      </c>
      <c r="C15138">
        <v>14163.6</v>
      </c>
      <c r="D15138">
        <v>1</v>
      </c>
      <c r="E15138">
        <v>5775.93</v>
      </c>
      <c r="F15138">
        <v>68.071700000000007</v>
      </c>
    </row>
    <row r="15139" spans="1:6" x14ac:dyDescent="0.25">
      <c r="A15139">
        <v>167.67</v>
      </c>
      <c r="B15139">
        <v>196.78</v>
      </c>
      <c r="C15139">
        <v>14163.6</v>
      </c>
      <c r="D15139">
        <v>1.3</v>
      </c>
      <c r="E15139">
        <v>5350.28</v>
      </c>
      <c r="F15139">
        <v>71.020300000000006</v>
      </c>
    </row>
    <row r="15140" spans="1:6" x14ac:dyDescent="0.25">
      <c r="A15140">
        <v>167.67</v>
      </c>
      <c r="B15140">
        <v>196.78</v>
      </c>
      <c r="C15140">
        <v>14163.6</v>
      </c>
      <c r="D15140">
        <v>1.6</v>
      </c>
      <c r="E15140">
        <v>5111.9399999999996</v>
      </c>
      <c r="F15140">
        <v>71.690399999999997</v>
      </c>
    </row>
    <row r="15141" spans="1:6" x14ac:dyDescent="0.25">
      <c r="A15141">
        <v>167.67</v>
      </c>
      <c r="B15141">
        <v>196.78</v>
      </c>
      <c r="C15141">
        <v>14163.6</v>
      </c>
      <c r="D15141">
        <v>1.9</v>
      </c>
      <c r="E15141">
        <v>4987.7</v>
      </c>
      <c r="F15141">
        <v>69.316500000000005</v>
      </c>
    </row>
    <row r="15142" spans="1:6" x14ac:dyDescent="0.25">
      <c r="A15142">
        <v>167.67</v>
      </c>
      <c r="B15142">
        <v>196.78</v>
      </c>
      <c r="C15142">
        <v>14163.6</v>
      </c>
      <c r="D15142">
        <v>2.2000000000000002</v>
      </c>
      <c r="E15142">
        <v>4823.3500000000004</v>
      </c>
      <c r="F15142">
        <v>73.441599999999994</v>
      </c>
    </row>
    <row r="15143" spans="1:6" x14ac:dyDescent="0.25">
      <c r="A15143">
        <v>167.67</v>
      </c>
      <c r="B15143">
        <v>196.78</v>
      </c>
      <c r="C15143">
        <v>14163.6</v>
      </c>
      <c r="D15143">
        <v>2.5</v>
      </c>
      <c r="E15143">
        <v>4675.26</v>
      </c>
      <c r="F15143">
        <v>63.775199999999998</v>
      </c>
    </row>
    <row r="15144" spans="1:6" x14ac:dyDescent="0.25">
      <c r="A15144">
        <v>167.67</v>
      </c>
      <c r="B15144">
        <v>196.78</v>
      </c>
      <c r="C15144">
        <v>14163.6</v>
      </c>
      <c r="D15144">
        <v>2.8</v>
      </c>
      <c r="E15144">
        <v>4657.34</v>
      </c>
      <c r="F15144">
        <v>71.703800000000001</v>
      </c>
    </row>
    <row r="15145" spans="1:6" x14ac:dyDescent="0.25">
      <c r="A15145">
        <v>167.67</v>
      </c>
      <c r="B15145">
        <v>196.78</v>
      </c>
      <c r="C15145">
        <v>14163.6</v>
      </c>
      <c r="D15145">
        <v>3.1</v>
      </c>
      <c r="E15145">
        <v>4511.97</v>
      </c>
      <c r="F15145">
        <v>73.101900000000001</v>
      </c>
    </row>
    <row r="15146" spans="1:6" x14ac:dyDescent="0.25">
      <c r="A15146">
        <v>167.67</v>
      </c>
      <c r="B15146">
        <v>196.78</v>
      </c>
      <c r="C15146">
        <v>14163.6</v>
      </c>
      <c r="D15146">
        <v>3.4</v>
      </c>
      <c r="E15146">
        <v>4535.6400000000003</v>
      </c>
      <c r="F15146">
        <v>72.049800000000005</v>
      </c>
    </row>
    <row r="15147" spans="1:6" x14ac:dyDescent="0.25">
      <c r="A15147">
        <v>167.67</v>
      </c>
      <c r="B15147">
        <v>196.78</v>
      </c>
      <c r="C15147">
        <v>14163.6</v>
      </c>
      <c r="D15147">
        <v>3.7</v>
      </c>
      <c r="E15147">
        <v>4355.29</v>
      </c>
      <c r="F15147">
        <v>75.409700000000001</v>
      </c>
    </row>
    <row r="15148" spans="1:6" x14ac:dyDescent="0.25">
      <c r="A15148">
        <v>167.67</v>
      </c>
      <c r="B15148">
        <v>196.78</v>
      </c>
      <c r="C15148">
        <v>14163.6</v>
      </c>
      <c r="D15148">
        <v>4</v>
      </c>
      <c r="E15148">
        <v>4361.99</v>
      </c>
      <c r="F15148">
        <v>74.384699999999995</v>
      </c>
    </row>
    <row r="15149" spans="1:6" x14ac:dyDescent="0.25">
      <c r="A15149">
        <v>167.67</v>
      </c>
      <c r="B15149">
        <v>196.78</v>
      </c>
      <c r="C15149">
        <v>15709.1</v>
      </c>
      <c r="D15149">
        <v>1</v>
      </c>
      <c r="E15149">
        <v>5775.93</v>
      </c>
      <c r="F15149">
        <v>68.071700000000007</v>
      </c>
    </row>
    <row r="15150" spans="1:6" x14ac:dyDescent="0.25">
      <c r="A15150">
        <v>167.67</v>
      </c>
      <c r="B15150">
        <v>196.78</v>
      </c>
      <c r="C15150">
        <v>15709.1</v>
      </c>
      <c r="D15150">
        <v>1.3</v>
      </c>
      <c r="E15150">
        <v>5350.28</v>
      </c>
      <c r="F15150">
        <v>71.020300000000006</v>
      </c>
    </row>
    <row r="15151" spans="1:6" x14ac:dyDescent="0.25">
      <c r="A15151">
        <v>167.67</v>
      </c>
      <c r="B15151">
        <v>196.78</v>
      </c>
      <c r="C15151">
        <v>15709.1</v>
      </c>
      <c r="D15151">
        <v>1.6</v>
      </c>
      <c r="E15151">
        <v>5111.9399999999996</v>
      </c>
      <c r="F15151">
        <v>71.690399999999997</v>
      </c>
    </row>
    <row r="15152" spans="1:6" x14ac:dyDescent="0.25">
      <c r="A15152">
        <v>167.67</v>
      </c>
      <c r="B15152">
        <v>196.78</v>
      </c>
      <c r="C15152">
        <v>15709.1</v>
      </c>
      <c r="D15152">
        <v>1.9</v>
      </c>
      <c r="E15152">
        <v>4987.7</v>
      </c>
      <c r="F15152">
        <v>69.316500000000005</v>
      </c>
    </row>
    <row r="15153" spans="1:6" x14ac:dyDescent="0.25">
      <c r="A15153">
        <v>167.67</v>
      </c>
      <c r="B15153">
        <v>196.78</v>
      </c>
      <c r="C15153">
        <v>15709.1</v>
      </c>
      <c r="D15153">
        <v>2.2000000000000002</v>
      </c>
      <c r="E15153">
        <v>4823.3500000000004</v>
      </c>
      <c r="F15153">
        <v>73.441599999999994</v>
      </c>
    </row>
    <row r="15154" spans="1:6" x14ac:dyDescent="0.25">
      <c r="A15154">
        <v>167.67</v>
      </c>
      <c r="B15154">
        <v>196.78</v>
      </c>
      <c r="C15154">
        <v>15709.1</v>
      </c>
      <c r="D15154">
        <v>2.5</v>
      </c>
      <c r="E15154">
        <v>4675.26</v>
      </c>
      <c r="F15154">
        <v>63.775199999999998</v>
      </c>
    </row>
    <row r="15155" spans="1:6" x14ac:dyDescent="0.25">
      <c r="A15155">
        <v>167.67</v>
      </c>
      <c r="B15155">
        <v>196.78</v>
      </c>
      <c r="C15155">
        <v>15709.1</v>
      </c>
      <c r="D15155">
        <v>2.8</v>
      </c>
      <c r="E15155">
        <v>4657.34</v>
      </c>
      <c r="F15155">
        <v>71.703800000000001</v>
      </c>
    </row>
    <row r="15156" spans="1:6" x14ac:dyDescent="0.25">
      <c r="A15156">
        <v>167.67</v>
      </c>
      <c r="B15156">
        <v>196.78</v>
      </c>
      <c r="C15156">
        <v>15709.1</v>
      </c>
      <c r="D15156">
        <v>3.1</v>
      </c>
      <c r="E15156">
        <v>4511.97</v>
      </c>
      <c r="F15156">
        <v>73.101900000000001</v>
      </c>
    </row>
    <row r="15157" spans="1:6" x14ac:dyDescent="0.25">
      <c r="A15157">
        <v>167.67</v>
      </c>
      <c r="B15157">
        <v>196.78</v>
      </c>
      <c r="C15157">
        <v>15709.1</v>
      </c>
      <c r="D15157">
        <v>3.4</v>
      </c>
      <c r="E15157">
        <v>4535.6400000000003</v>
      </c>
      <c r="F15157">
        <v>72.049800000000005</v>
      </c>
    </row>
    <row r="15158" spans="1:6" x14ac:dyDescent="0.25">
      <c r="A15158">
        <v>167.67</v>
      </c>
      <c r="B15158">
        <v>196.78</v>
      </c>
      <c r="C15158">
        <v>15709.1</v>
      </c>
      <c r="D15158">
        <v>3.7</v>
      </c>
      <c r="E15158">
        <v>4355.29</v>
      </c>
      <c r="F15158">
        <v>75.409700000000001</v>
      </c>
    </row>
    <row r="15159" spans="1:6" x14ac:dyDescent="0.25">
      <c r="A15159">
        <v>167.67</v>
      </c>
      <c r="B15159">
        <v>196.78</v>
      </c>
      <c r="C15159">
        <v>15709.1</v>
      </c>
      <c r="D15159">
        <v>4</v>
      </c>
      <c r="E15159">
        <v>4361.99</v>
      </c>
      <c r="F15159">
        <v>74.384699999999995</v>
      </c>
    </row>
    <row r="15160" spans="1:6" x14ac:dyDescent="0.25">
      <c r="A15160">
        <v>167.67</v>
      </c>
      <c r="B15160">
        <v>196.78</v>
      </c>
      <c r="C15160">
        <v>17254.5</v>
      </c>
      <c r="D15160">
        <v>1</v>
      </c>
      <c r="E15160">
        <v>5775.93</v>
      </c>
      <c r="F15160">
        <v>68.071700000000007</v>
      </c>
    </row>
    <row r="15161" spans="1:6" x14ac:dyDescent="0.25">
      <c r="A15161">
        <v>167.67</v>
      </c>
      <c r="B15161">
        <v>196.78</v>
      </c>
      <c r="C15161">
        <v>17254.5</v>
      </c>
      <c r="D15161">
        <v>1.3</v>
      </c>
      <c r="E15161">
        <v>5350.28</v>
      </c>
      <c r="F15161">
        <v>71.020300000000006</v>
      </c>
    </row>
    <row r="15162" spans="1:6" x14ac:dyDescent="0.25">
      <c r="A15162">
        <v>167.67</v>
      </c>
      <c r="B15162">
        <v>196.78</v>
      </c>
      <c r="C15162">
        <v>17254.5</v>
      </c>
      <c r="D15162">
        <v>1.6</v>
      </c>
      <c r="E15162">
        <v>5111.9399999999996</v>
      </c>
      <c r="F15162">
        <v>71.690399999999997</v>
      </c>
    </row>
    <row r="15163" spans="1:6" x14ac:dyDescent="0.25">
      <c r="A15163">
        <v>167.67</v>
      </c>
      <c r="B15163">
        <v>196.78</v>
      </c>
      <c r="C15163">
        <v>17254.5</v>
      </c>
      <c r="D15163">
        <v>1.9</v>
      </c>
      <c r="E15163">
        <v>4987.7</v>
      </c>
      <c r="F15163">
        <v>69.316500000000005</v>
      </c>
    </row>
    <row r="15164" spans="1:6" x14ac:dyDescent="0.25">
      <c r="A15164">
        <v>167.67</v>
      </c>
      <c r="B15164">
        <v>196.78</v>
      </c>
      <c r="C15164">
        <v>17254.5</v>
      </c>
      <c r="D15164">
        <v>2.2000000000000002</v>
      </c>
      <c r="E15164">
        <v>4823.3500000000004</v>
      </c>
      <c r="F15164">
        <v>73.441599999999994</v>
      </c>
    </row>
    <row r="15165" spans="1:6" x14ac:dyDescent="0.25">
      <c r="A15165">
        <v>167.67</v>
      </c>
      <c r="B15165">
        <v>196.78</v>
      </c>
      <c r="C15165">
        <v>17254.5</v>
      </c>
      <c r="D15165">
        <v>2.5</v>
      </c>
      <c r="E15165">
        <v>4675.26</v>
      </c>
      <c r="F15165">
        <v>63.775199999999998</v>
      </c>
    </row>
    <row r="15166" spans="1:6" x14ac:dyDescent="0.25">
      <c r="A15166">
        <v>167.67</v>
      </c>
      <c r="B15166">
        <v>196.78</v>
      </c>
      <c r="C15166">
        <v>17254.5</v>
      </c>
      <c r="D15166">
        <v>2.8</v>
      </c>
      <c r="E15166">
        <v>4657.34</v>
      </c>
      <c r="F15166">
        <v>71.703800000000001</v>
      </c>
    </row>
    <row r="15167" spans="1:6" x14ac:dyDescent="0.25">
      <c r="A15167">
        <v>167.67</v>
      </c>
      <c r="B15167">
        <v>196.78</v>
      </c>
      <c r="C15167">
        <v>17254.5</v>
      </c>
      <c r="D15167">
        <v>3.1</v>
      </c>
      <c r="E15167">
        <v>4511.97</v>
      </c>
      <c r="F15167">
        <v>73.101900000000001</v>
      </c>
    </row>
    <row r="15168" spans="1:6" x14ac:dyDescent="0.25">
      <c r="A15168">
        <v>167.67</v>
      </c>
      <c r="B15168">
        <v>196.78</v>
      </c>
      <c r="C15168">
        <v>17254.5</v>
      </c>
      <c r="D15168">
        <v>3.4</v>
      </c>
      <c r="E15168">
        <v>4535.6400000000003</v>
      </c>
      <c r="F15168">
        <v>72.049800000000005</v>
      </c>
    </row>
    <row r="15169" spans="1:6" x14ac:dyDescent="0.25">
      <c r="A15169">
        <v>167.67</v>
      </c>
      <c r="B15169">
        <v>196.78</v>
      </c>
      <c r="C15169">
        <v>17254.5</v>
      </c>
      <c r="D15169">
        <v>3.7</v>
      </c>
      <c r="E15169">
        <v>4355.29</v>
      </c>
      <c r="F15169">
        <v>75.409700000000001</v>
      </c>
    </row>
    <row r="15170" spans="1:6" x14ac:dyDescent="0.25">
      <c r="A15170">
        <v>167.67</v>
      </c>
      <c r="B15170">
        <v>196.78</v>
      </c>
      <c r="C15170">
        <v>17254.5</v>
      </c>
      <c r="D15170">
        <v>4</v>
      </c>
      <c r="E15170">
        <v>4361.99</v>
      </c>
      <c r="F15170">
        <v>74.384699999999995</v>
      </c>
    </row>
    <row r="15171" spans="1:6" x14ac:dyDescent="0.25">
      <c r="A15171">
        <v>167.67</v>
      </c>
      <c r="B15171">
        <v>196.78</v>
      </c>
      <c r="C15171">
        <v>18800</v>
      </c>
      <c r="D15171">
        <v>1</v>
      </c>
      <c r="E15171">
        <v>5775.93</v>
      </c>
      <c r="F15171">
        <v>68.071700000000007</v>
      </c>
    </row>
    <row r="15172" spans="1:6" x14ac:dyDescent="0.25">
      <c r="A15172">
        <v>167.67</v>
      </c>
      <c r="B15172">
        <v>196.78</v>
      </c>
      <c r="C15172">
        <v>18800</v>
      </c>
      <c r="D15172">
        <v>1.3</v>
      </c>
      <c r="E15172">
        <v>5350.28</v>
      </c>
      <c r="F15172">
        <v>71.020300000000006</v>
      </c>
    </row>
    <row r="15173" spans="1:6" x14ac:dyDescent="0.25">
      <c r="A15173">
        <v>167.67</v>
      </c>
      <c r="B15173">
        <v>196.78</v>
      </c>
      <c r="C15173">
        <v>18800</v>
      </c>
      <c r="D15173">
        <v>1.6</v>
      </c>
      <c r="E15173">
        <v>5111.9399999999996</v>
      </c>
      <c r="F15173">
        <v>71.690399999999997</v>
      </c>
    </row>
    <row r="15174" spans="1:6" x14ac:dyDescent="0.25">
      <c r="A15174">
        <v>167.67</v>
      </c>
      <c r="B15174">
        <v>196.78</v>
      </c>
      <c r="C15174">
        <v>18800</v>
      </c>
      <c r="D15174">
        <v>1.9</v>
      </c>
      <c r="E15174">
        <v>4987.7</v>
      </c>
      <c r="F15174">
        <v>69.316500000000005</v>
      </c>
    </row>
    <row r="15175" spans="1:6" x14ac:dyDescent="0.25">
      <c r="A15175">
        <v>167.67</v>
      </c>
      <c r="B15175">
        <v>196.78</v>
      </c>
      <c r="C15175">
        <v>18800</v>
      </c>
      <c r="D15175">
        <v>2.2000000000000002</v>
      </c>
      <c r="E15175">
        <v>4823.3500000000004</v>
      </c>
      <c r="F15175">
        <v>73.441599999999994</v>
      </c>
    </row>
    <row r="15176" spans="1:6" x14ac:dyDescent="0.25">
      <c r="A15176">
        <v>167.67</v>
      </c>
      <c r="B15176">
        <v>196.78</v>
      </c>
      <c r="C15176">
        <v>18800</v>
      </c>
      <c r="D15176">
        <v>2.5</v>
      </c>
      <c r="E15176">
        <v>4675.26</v>
      </c>
      <c r="F15176">
        <v>63.775199999999998</v>
      </c>
    </row>
    <row r="15177" spans="1:6" x14ac:dyDescent="0.25">
      <c r="A15177">
        <v>167.67</v>
      </c>
      <c r="B15177">
        <v>196.78</v>
      </c>
      <c r="C15177">
        <v>18800</v>
      </c>
      <c r="D15177">
        <v>2.8</v>
      </c>
      <c r="E15177">
        <v>4657.34</v>
      </c>
      <c r="F15177">
        <v>71.703800000000001</v>
      </c>
    </row>
    <row r="15178" spans="1:6" x14ac:dyDescent="0.25">
      <c r="A15178">
        <v>167.67</v>
      </c>
      <c r="B15178">
        <v>196.78</v>
      </c>
      <c r="C15178">
        <v>18800</v>
      </c>
      <c r="D15178">
        <v>3.1</v>
      </c>
      <c r="E15178">
        <v>4511.97</v>
      </c>
      <c r="F15178">
        <v>73.101900000000001</v>
      </c>
    </row>
    <row r="15179" spans="1:6" x14ac:dyDescent="0.25">
      <c r="A15179">
        <v>167.67</v>
      </c>
      <c r="B15179">
        <v>196.78</v>
      </c>
      <c r="C15179">
        <v>18800</v>
      </c>
      <c r="D15179">
        <v>3.4</v>
      </c>
      <c r="E15179">
        <v>4535.6400000000003</v>
      </c>
      <c r="F15179">
        <v>72.049800000000005</v>
      </c>
    </row>
    <row r="15180" spans="1:6" x14ac:dyDescent="0.25">
      <c r="A15180">
        <v>167.67</v>
      </c>
      <c r="B15180">
        <v>196.78</v>
      </c>
      <c r="C15180">
        <v>18800</v>
      </c>
      <c r="D15180">
        <v>3.7</v>
      </c>
      <c r="E15180">
        <v>4355.29</v>
      </c>
      <c r="F15180">
        <v>75.409700000000001</v>
      </c>
    </row>
    <row r="15181" spans="1:6" x14ac:dyDescent="0.25">
      <c r="A15181">
        <v>167.67</v>
      </c>
      <c r="B15181">
        <v>196.78</v>
      </c>
      <c r="C15181">
        <v>18800</v>
      </c>
      <c r="D15181">
        <v>4</v>
      </c>
      <c r="E15181">
        <v>4361.99</v>
      </c>
      <c r="F15181">
        <v>74.384699999999995</v>
      </c>
    </row>
    <row r="15182" spans="1:6" x14ac:dyDescent="0.25">
      <c r="A15182">
        <v>167.67</v>
      </c>
      <c r="B15182">
        <v>200.41</v>
      </c>
      <c r="C15182">
        <v>1800</v>
      </c>
      <c r="D15182">
        <v>1</v>
      </c>
      <c r="E15182">
        <v>5200.8500000000004</v>
      </c>
      <c r="F15182">
        <v>68.071700000000007</v>
      </c>
    </row>
    <row r="15183" spans="1:6" x14ac:dyDescent="0.25">
      <c r="A15183">
        <v>167.67</v>
      </c>
      <c r="B15183">
        <v>200.41</v>
      </c>
      <c r="C15183">
        <v>1800</v>
      </c>
      <c r="D15183">
        <v>1.3</v>
      </c>
      <c r="E15183">
        <v>4586.66</v>
      </c>
      <c r="F15183">
        <v>71.020300000000006</v>
      </c>
    </row>
    <row r="15184" spans="1:6" x14ac:dyDescent="0.25">
      <c r="A15184">
        <v>167.67</v>
      </c>
      <c r="B15184">
        <v>200.41</v>
      </c>
      <c r="C15184">
        <v>1800</v>
      </c>
      <c r="D15184">
        <v>1.6</v>
      </c>
      <c r="E15184">
        <v>4230.63</v>
      </c>
      <c r="F15184">
        <v>71.690399999999997</v>
      </c>
    </row>
    <row r="15185" spans="1:6" x14ac:dyDescent="0.25">
      <c r="A15185">
        <v>167.67</v>
      </c>
      <c r="B15185">
        <v>200.41</v>
      </c>
      <c r="C15185">
        <v>1800</v>
      </c>
      <c r="D15185">
        <v>1.9</v>
      </c>
      <c r="E15185">
        <v>3934.15</v>
      </c>
      <c r="F15185">
        <v>69.316500000000005</v>
      </c>
    </row>
    <row r="15186" spans="1:6" x14ac:dyDescent="0.25">
      <c r="A15186">
        <v>167.67</v>
      </c>
      <c r="B15186">
        <v>200.41</v>
      </c>
      <c r="C15186">
        <v>1800</v>
      </c>
      <c r="D15186">
        <v>2.2000000000000002</v>
      </c>
      <c r="E15186">
        <v>3720.47</v>
      </c>
      <c r="F15186">
        <v>70.762</v>
      </c>
    </row>
    <row r="15187" spans="1:6" x14ac:dyDescent="0.25">
      <c r="A15187">
        <v>167.67</v>
      </c>
      <c r="B15187">
        <v>200.41</v>
      </c>
      <c r="C15187">
        <v>1800</v>
      </c>
      <c r="D15187">
        <v>2.5</v>
      </c>
      <c r="E15187">
        <v>3517.94</v>
      </c>
      <c r="F15187">
        <v>58.161099999999998</v>
      </c>
    </row>
    <row r="15188" spans="1:6" x14ac:dyDescent="0.25">
      <c r="A15188">
        <v>167.67</v>
      </c>
      <c r="B15188">
        <v>200.41</v>
      </c>
      <c r="C15188">
        <v>1800</v>
      </c>
      <c r="D15188">
        <v>2.8</v>
      </c>
      <c r="E15188">
        <v>3395.49</v>
      </c>
      <c r="F15188">
        <v>67.951499999999996</v>
      </c>
    </row>
    <row r="15189" spans="1:6" x14ac:dyDescent="0.25">
      <c r="A15189">
        <v>167.67</v>
      </c>
      <c r="B15189">
        <v>200.41</v>
      </c>
      <c r="C15189">
        <v>1800</v>
      </c>
      <c r="D15189">
        <v>3.1</v>
      </c>
      <c r="E15189">
        <v>3288.94</v>
      </c>
      <c r="F15189">
        <v>69.2072</v>
      </c>
    </row>
    <row r="15190" spans="1:6" x14ac:dyDescent="0.25">
      <c r="A15190">
        <v>167.67</v>
      </c>
      <c r="B15190">
        <v>200.41</v>
      </c>
      <c r="C15190">
        <v>1800</v>
      </c>
      <c r="D15190">
        <v>3.4</v>
      </c>
      <c r="E15190">
        <v>3300.04</v>
      </c>
      <c r="F15190">
        <v>62.561599999999999</v>
      </c>
    </row>
    <row r="15191" spans="1:6" x14ac:dyDescent="0.25">
      <c r="A15191">
        <v>167.67</v>
      </c>
      <c r="B15191">
        <v>200.41</v>
      </c>
      <c r="C15191">
        <v>1800</v>
      </c>
      <c r="D15191">
        <v>3.7</v>
      </c>
      <c r="E15191">
        <v>3206.91</v>
      </c>
      <c r="F15191">
        <v>64.258499999999998</v>
      </c>
    </row>
    <row r="15192" spans="1:6" x14ac:dyDescent="0.25">
      <c r="A15192">
        <v>167.67</v>
      </c>
      <c r="B15192">
        <v>200.41</v>
      </c>
      <c r="C15192">
        <v>1800</v>
      </c>
      <c r="D15192">
        <v>4</v>
      </c>
      <c r="E15192">
        <v>3148.87</v>
      </c>
      <c r="F15192">
        <v>61.8521</v>
      </c>
    </row>
    <row r="15193" spans="1:6" x14ac:dyDescent="0.25">
      <c r="A15193">
        <v>167.67</v>
      </c>
      <c r="B15193">
        <v>200.41</v>
      </c>
      <c r="C15193">
        <v>3345.45</v>
      </c>
      <c r="D15193">
        <v>1</v>
      </c>
      <c r="E15193">
        <v>5775.93</v>
      </c>
      <c r="F15193">
        <v>68.071700000000007</v>
      </c>
    </row>
    <row r="15194" spans="1:6" x14ac:dyDescent="0.25">
      <c r="A15194">
        <v>167.67</v>
      </c>
      <c r="B15194">
        <v>200.41</v>
      </c>
      <c r="C15194">
        <v>3345.45</v>
      </c>
      <c r="D15194">
        <v>1.3</v>
      </c>
      <c r="E15194">
        <v>5350.28</v>
      </c>
      <c r="F15194">
        <v>71.020300000000006</v>
      </c>
    </row>
    <row r="15195" spans="1:6" x14ac:dyDescent="0.25">
      <c r="A15195">
        <v>167.67</v>
      </c>
      <c r="B15195">
        <v>200.41</v>
      </c>
      <c r="C15195">
        <v>3345.45</v>
      </c>
      <c r="D15195">
        <v>1.6</v>
      </c>
      <c r="E15195">
        <v>5111.9399999999996</v>
      </c>
      <c r="F15195">
        <v>71.690399999999997</v>
      </c>
    </row>
    <row r="15196" spans="1:6" x14ac:dyDescent="0.25">
      <c r="A15196">
        <v>167.67</v>
      </c>
      <c r="B15196">
        <v>200.41</v>
      </c>
      <c r="C15196">
        <v>3345.45</v>
      </c>
      <c r="D15196">
        <v>1.9</v>
      </c>
      <c r="E15196">
        <v>4987.7</v>
      </c>
      <c r="F15196">
        <v>69.316500000000005</v>
      </c>
    </row>
    <row r="15197" spans="1:6" x14ac:dyDescent="0.25">
      <c r="A15197">
        <v>167.67</v>
      </c>
      <c r="B15197">
        <v>200.41</v>
      </c>
      <c r="C15197">
        <v>3345.45</v>
      </c>
      <c r="D15197">
        <v>2.2000000000000002</v>
      </c>
      <c r="E15197">
        <v>4823.3500000000004</v>
      </c>
      <c r="F15197">
        <v>73.441599999999994</v>
      </c>
    </row>
    <row r="15198" spans="1:6" x14ac:dyDescent="0.25">
      <c r="A15198">
        <v>167.67</v>
      </c>
      <c r="B15198">
        <v>200.41</v>
      </c>
      <c r="C15198">
        <v>3345.45</v>
      </c>
      <c r="D15198">
        <v>2.5</v>
      </c>
      <c r="E15198">
        <v>4675.26</v>
      </c>
      <c r="F15198">
        <v>63.775199999999998</v>
      </c>
    </row>
    <row r="15199" spans="1:6" x14ac:dyDescent="0.25">
      <c r="A15199">
        <v>167.67</v>
      </c>
      <c r="B15199">
        <v>200.41</v>
      </c>
      <c r="C15199">
        <v>3345.45</v>
      </c>
      <c r="D15199">
        <v>2.8</v>
      </c>
      <c r="E15199">
        <v>4529.8</v>
      </c>
      <c r="F15199">
        <v>71.703800000000001</v>
      </c>
    </row>
    <row r="15200" spans="1:6" x14ac:dyDescent="0.25">
      <c r="A15200">
        <v>167.67</v>
      </c>
      <c r="B15200">
        <v>200.41</v>
      </c>
      <c r="C15200">
        <v>3345.45</v>
      </c>
      <c r="D15200">
        <v>3.1</v>
      </c>
      <c r="E15200">
        <v>4570.46</v>
      </c>
      <c r="F15200">
        <v>73.101900000000001</v>
      </c>
    </row>
    <row r="15201" spans="1:6" x14ac:dyDescent="0.25">
      <c r="A15201">
        <v>167.67</v>
      </c>
      <c r="B15201">
        <v>200.41</v>
      </c>
      <c r="C15201">
        <v>3345.45</v>
      </c>
      <c r="D15201">
        <v>3.4</v>
      </c>
      <c r="E15201">
        <v>4378.03</v>
      </c>
      <c r="F15201">
        <v>72.049800000000005</v>
      </c>
    </row>
    <row r="15202" spans="1:6" x14ac:dyDescent="0.25">
      <c r="A15202">
        <v>167.67</v>
      </c>
      <c r="B15202">
        <v>200.41</v>
      </c>
      <c r="C15202">
        <v>3345.45</v>
      </c>
      <c r="D15202">
        <v>3.7</v>
      </c>
      <c r="E15202">
        <v>4366.8900000000003</v>
      </c>
      <c r="F15202">
        <v>75.409700000000001</v>
      </c>
    </row>
    <row r="15203" spans="1:6" x14ac:dyDescent="0.25">
      <c r="A15203">
        <v>167.67</v>
      </c>
      <c r="B15203">
        <v>200.41</v>
      </c>
      <c r="C15203">
        <v>3345.45</v>
      </c>
      <c r="D15203">
        <v>4</v>
      </c>
      <c r="E15203">
        <v>4311.3900000000003</v>
      </c>
      <c r="F15203">
        <v>74.384699999999995</v>
      </c>
    </row>
    <row r="15204" spans="1:6" x14ac:dyDescent="0.25">
      <c r="A15204">
        <v>167.67</v>
      </c>
      <c r="B15204">
        <v>200.41</v>
      </c>
      <c r="C15204">
        <v>4890.8999999999996</v>
      </c>
      <c r="D15204">
        <v>1</v>
      </c>
      <c r="E15204">
        <v>5775.93</v>
      </c>
      <c r="F15204">
        <v>68.071700000000007</v>
      </c>
    </row>
    <row r="15205" spans="1:6" x14ac:dyDescent="0.25">
      <c r="A15205">
        <v>167.67</v>
      </c>
      <c r="B15205">
        <v>200.41</v>
      </c>
      <c r="C15205">
        <v>4890.8999999999996</v>
      </c>
      <c r="D15205">
        <v>1.3</v>
      </c>
      <c r="E15205">
        <v>5350.28</v>
      </c>
      <c r="F15205">
        <v>71.020300000000006</v>
      </c>
    </row>
    <row r="15206" spans="1:6" x14ac:dyDescent="0.25">
      <c r="A15206">
        <v>167.67</v>
      </c>
      <c r="B15206">
        <v>200.41</v>
      </c>
      <c r="C15206">
        <v>4890.8999999999996</v>
      </c>
      <c r="D15206">
        <v>1.6</v>
      </c>
      <c r="E15206">
        <v>5111.9399999999996</v>
      </c>
      <c r="F15206">
        <v>71.690399999999997</v>
      </c>
    </row>
    <row r="15207" spans="1:6" x14ac:dyDescent="0.25">
      <c r="A15207">
        <v>167.67</v>
      </c>
      <c r="B15207">
        <v>200.41</v>
      </c>
      <c r="C15207">
        <v>4890.8999999999996</v>
      </c>
      <c r="D15207">
        <v>1.9</v>
      </c>
      <c r="E15207">
        <v>4987.7</v>
      </c>
      <c r="F15207">
        <v>69.316500000000005</v>
      </c>
    </row>
    <row r="15208" spans="1:6" x14ac:dyDescent="0.25">
      <c r="A15208">
        <v>167.67</v>
      </c>
      <c r="B15208">
        <v>200.41</v>
      </c>
      <c r="C15208">
        <v>4890.8999999999996</v>
      </c>
      <c r="D15208">
        <v>2.2000000000000002</v>
      </c>
      <c r="E15208">
        <v>4823.3500000000004</v>
      </c>
      <c r="F15208">
        <v>73.441599999999994</v>
      </c>
    </row>
    <row r="15209" spans="1:6" x14ac:dyDescent="0.25">
      <c r="A15209">
        <v>167.67</v>
      </c>
      <c r="B15209">
        <v>200.41</v>
      </c>
      <c r="C15209">
        <v>4890.8999999999996</v>
      </c>
      <c r="D15209">
        <v>2.5</v>
      </c>
      <c r="E15209">
        <v>4675.26</v>
      </c>
      <c r="F15209">
        <v>63.775199999999998</v>
      </c>
    </row>
    <row r="15210" spans="1:6" x14ac:dyDescent="0.25">
      <c r="A15210">
        <v>167.67</v>
      </c>
      <c r="B15210">
        <v>200.41</v>
      </c>
      <c r="C15210">
        <v>4890.8999999999996</v>
      </c>
      <c r="D15210">
        <v>2.8</v>
      </c>
      <c r="E15210">
        <v>4657.34</v>
      </c>
      <c r="F15210">
        <v>71.703800000000001</v>
      </c>
    </row>
    <row r="15211" spans="1:6" x14ac:dyDescent="0.25">
      <c r="A15211">
        <v>167.67</v>
      </c>
      <c r="B15211">
        <v>200.41</v>
      </c>
      <c r="C15211">
        <v>4890.8999999999996</v>
      </c>
      <c r="D15211">
        <v>3.1</v>
      </c>
      <c r="E15211">
        <v>4511.97</v>
      </c>
      <c r="F15211">
        <v>73.101900000000001</v>
      </c>
    </row>
    <row r="15212" spans="1:6" x14ac:dyDescent="0.25">
      <c r="A15212">
        <v>167.67</v>
      </c>
      <c r="B15212">
        <v>200.41</v>
      </c>
      <c r="C15212">
        <v>4890.8999999999996</v>
      </c>
      <c r="D15212">
        <v>3.4</v>
      </c>
      <c r="E15212">
        <v>4535.6400000000003</v>
      </c>
      <c r="F15212">
        <v>72.049800000000005</v>
      </c>
    </row>
    <row r="15213" spans="1:6" x14ac:dyDescent="0.25">
      <c r="A15213">
        <v>167.67</v>
      </c>
      <c r="B15213">
        <v>200.41</v>
      </c>
      <c r="C15213">
        <v>4890.8999999999996</v>
      </c>
      <c r="D15213">
        <v>3.7</v>
      </c>
      <c r="E15213">
        <v>4355.29</v>
      </c>
      <c r="F15213">
        <v>75.409700000000001</v>
      </c>
    </row>
    <row r="15214" spans="1:6" x14ac:dyDescent="0.25">
      <c r="A15214">
        <v>167.67</v>
      </c>
      <c r="B15214">
        <v>200.41</v>
      </c>
      <c r="C15214">
        <v>4890.8999999999996</v>
      </c>
      <c r="D15214">
        <v>4</v>
      </c>
      <c r="E15214">
        <v>4361.99</v>
      </c>
      <c r="F15214">
        <v>74.384699999999995</v>
      </c>
    </row>
    <row r="15215" spans="1:6" x14ac:dyDescent="0.25">
      <c r="A15215">
        <v>167.67</v>
      </c>
      <c r="B15215">
        <v>200.41</v>
      </c>
      <c r="C15215">
        <v>6436.35</v>
      </c>
      <c r="D15215">
        <v>1</v>
      </c>
      <c r="E15215">
        <v>5775.93</v>
      </c>
      <c r="F15215">
        <v>68.071700000000007</v>
      </c>
    </row>
    <row r="15216" spans="1:6" x14ac:dyDescent="0.25">
      <c r="A15216">
        <v>167.67</v>
      </c>
      <c r="B15216">
        <v>200.41</v>
      </c>
      <c r="C15216">
        <v>6436.35</v>
      </c>
      <c r="D15216">
        <v>1.3</v>
      </c>
      <c r="E15216">
        <v>5350.28</v>
      </c>
      <c r="F15216">
        <v>71.020300000000006</v>
      </c>
    </row>
    <row r="15217" spans="1:6" x14ac:dyDescent="0.25">
      <c r="A15217">
        <v>167.67</v>
      </c>
      <c r="B15217">
        <v>200.41</v>
      </c>
      <c r="C15217">
        <v>6436.35</v>
      </c>
      <c r="D15217">
        <v>1.6</v>
      </c>
      <c r="E15217">
        <v>5111.9399999999996</v>
      </c>
      <c r="F15217">
        <v>71.690399999999997</v>
      </c>
    </row>
    <row r="15218" spans="1:6" x14ac:dyDescent="0.25">
      <c r="A15218">
        <v>167.67</v>
      </c>
      <c r="B15218">
        <v>200.41</v>
      </c>
      <c r="C15218">
        <v>6436.35</v>
      </c>
      <c r="D15218">
        <v>1.9</v>
      </c>
      <c r="E15218">
        <v>4987.7</v>
      </c>
      <c r="F15218">
        <v>69.316500000000005</v>
      </c>
    </row>
    <row r="15219" spans="1:6" x14ac:dyDescent="0.25">
      <c r="A15219">
        <v>167.67</v>
      </c>
      <c r="B15219">
        <v>200.41</v>
      </c>
      <c r="C15219">
        <v>6436.35</v>
      </c>
      <c r="D15219">
        <v>2.2000000000000002</v>
      </c>
      <c r="E15219">
        <v>4823.3500000000004</v>
      </c>
      <c r="F15219">
        <v>73.441599999999994</v>
      </c>
    </row>
    <row r="15220" spans="1:6" x14ac:dyDescent="0.25">
      <c r="A15220">
        <v>167.67</v>
      </c>
      <c r="B15220">
        <v>200.41</v>
      </c>
      <c r="C15220">
        <v>6436.35</v>
      </c>
      <c r="D15220">
        <v>2.5</v>
      </c>
      <c r="E15220">
        <v>4675.26</v>
      </c>
      <c r="F15220">
        <v>63.775199999999998</v>
      </c>
    </row>
    <row r="15221" spans="1:6" x14ac:dyDescent="0.25">
      <c r="A15221">
        <v>167.67</v>
      </c>
      <c r="B15221">
        <v>200.41</v>
      </c>
      <c r="C15221">
        <v>6436.35</v>
      </c>
      <c r="D15221">
        <v>2.8</v>
      </c>
      <c r="E15221">
        <v>4657.34</v>
      </c>
      <c r="F15221">
        <v>71.703800000000001</v>
      </c>
    </row>
    <row r="15222" spans="1:6" x14ac:dyDescent="0.25">
      <c r="A15222">
        <v>167.67</v>
      </c>
      <c r="B15222">
        <v>200.41</v>
      </c>
      <c r="C15222">
        <v>6436.35</v>
      </c>
      <c r="D15222">
        <v>3.1</v>
      </c>
      <c r="E15222">
        <v>4511.97</v>
      </c>
      <c r="F15222">
        <v>73.101900000000001</v>
      </c>
    </row>
    <row r="15223" spans="1:6" x14ac:dyDescent="0.25">
      <c r="A15223">
        <v>167.67</v>
      </c>
      <c r="B15223">
        <v>200.41</v>
      </c>
      <c r="C15223">
        <v>6436.35</v>
      </c>
      <c r="D15223">
        <v>3.4</v>
      </c>
      <c r="E15223">
        <v>4535.6400000000003</v>
      </c>
      <c r="F15223">
        <v>72.049800000000005</v>
      </c>
    </row>
    <row r="15224" spans="1:6" x14ac:dyDescent="0.25">
      <c r="A15224">
        <v>167.67</v>
      </c>
      <c r="B15224">
        <v>200.41</v>
      </c>
      <c r="C15224">
        <v>6436.35</v>
      </c>
      <c r="D15224">
        <v>3.7</v>
      </c>
      <c r="E15224">
        <v>4355.29</v>
      </c>
      <c r="F15224">
        <v>75.409700000000001</v>
      </c>
    </row>
    <row r="15225" spans="1:6" x14ac:dyDescent="0.25">
      <c r="A15225">
        <v>167.67</v>
      </c>
      <c r="B15225">
        <v>200.41</v>
      </c>
      <c r="C15225">
        <v>6436.35</v>
      </c>
      <c r="D15225">
        <v>4</v>
      </c>
      <c r="E15225">
        <v>4361.99</v>
      </c>
      <c r="F15225">
        <v>74.384699999999995</v>
      </c>
    </row>
    <row r="15226" spans="1:6" x14ac:dyDescent="0.25">
      <c r="A15226">
        <v>167.67</v>
      </c>
      <c r="B15226">
        <v>200.41</v>
      </c>
      <c r="C15226">
        <v>7981.8</v>
      </c>
      <c r="D15226">
        <v>1</v>
      </c>
      <c r="E15226">
        <v>5775.93</v>
      </c>
      <c r="F15226">
        <v>68.071700000000007</v>
      </c>
    </row>
    <row r="15227" spans="1:6" x14ac:dyDescent="0.25">
      <c r="A15227">
        <v>167.67</v>
      </c>
      <c r="B15227">
        <v>200.41</v>
      </c>
      <c r="C15227">
        <v>7981.8</v>
      </c>
      <c r="D15227">
        <v>1.3</v>
      </c>
      <c r="E15227">
        <v>5350.28</v>
      </c>
      <c r="F15227">
        <v>71.020300000000006</v>
      </c>
    </row>
    <row r="15228" spans="1:6" x14ac:dyDescent="0.25">
      <c r="A15228">
        <v>167.67</v>
      </c>
      <c r="B15228">
        <v>200.41</v>
      </c>
      <c r="C15228">
        <v>7981.8</v>
      </c>
      <c r="D15228">
        <v>1.6</v>
      </c>
      <c r="E15228">
        <v>5111.9399999999996</v>
      </c>
      <c r="F15228">
        <v>71.690399999999997</v>
      </c>
    </row>
    <row r="15229" spans="1:6" x14ac:dyDescent="0.25">
      <c r="A15229">
        <v>167.67</v>
      </c>
      <c r="B15229">
        <v>200.41</v>
      </c>
      <c r="C15229">
        <v>7981.8</v>
      </c>
      <c r="D15229">
        <v>1.9</v>
      </c>
      <c r="E15229">
        <v>4987.7</v>
      </c>
      <c r="F15229">
        <v>69.316500000000005</v>
      </c>
    </row>
    <row r="15230" spans="1:6" x14ac:dyDescent="0.25">
      <c r="A15230">
        <v>167.67</v>
      </c>
      <c r="B15230">
        <v>200.41</v>
      </c>
      <c r="C15230">
        <v>7981.8</v>
      </c>
      <c r="D15230">
        <v>2.2000000000000002</v>
      </c>
      <c r="E15230">
        <v>4823.3500000000004</v>
      </c>
      <c r="F15230">
        <v>73.441599999999994</v>
      </c>
    </row>
    <row r="15231" spans="1:6" x14ac:dyDescent="0.25">
      <c r="A15231">
        <v>167.67</v>
      </c>
      <c r="B15231">
        <v>200.41</v>
      </c>
      <c r="C15231">
        <v>7981.8</v>
      </c>
      <c r="D15231">
        <v>2.5</v>
      </c>
      <c r="E15231">
        <v>4675.26</v>
      </c>
      <c r="F15231">
        <v>63.775199999999998</v>
      </c>
    </row>
    <row r="15232" spans="1:6" x14ac:dyDescent="0.25">
      <c r="A15232">
        <v>167.67</v>
      </c>
      <c r="B15232">
        <v>200.41</v>
      </c>
      <c r="C15232">
        <v>7981.8</v>
      </c>
      <c r="D15232">
        <v>2.8</v>
      </c>
      <c r="E15232">
        <v>4657.34</v>
      </c>
      <c r="F15232">
        <v>71.703800000000001</v>
      </c>
    </row>
    <row r="15233" spans="1:6" x14ac:dyDescent="0.25">
      <c r="A15233">
        <v>167.67</v>
      </c>
      <c r="B15233">
        <v>200.41</v>
      </c>
      <c r="C15233">
        <v>7981.8</v>
      </c>
      <c r="D15233">
        <v>3.1</v>
      </c>
      <c r="E15233">
        <v>4511.97</v>
      </c>
      <c r="F15233">
        <v>73.101900000000001</v>
      </c>
    </row>
    <row r="15234" spans="1:6" x14ac:dyDescent="0.25">
      <c r="A15234">
        <v>167.67</v>
      </c>
      <c r="B15234">
        <v>200.41</v>
      </c>
      <c r="C15234">
        <v>7981.8</v>
      </c>
      <c r="D15234">
        <v>3.4</v>
      </c>
      <c r="E15234">
        <v>4535.6400000000003</v>
      </c>
      <c r="F15234">
        <v>72.049800000000005</v>
      </c>
    </row>
    <row r="15235" spans="1:6" x14ac:dyDescent="0.25">
      <c r="A15235">
        <v>167.67</v>
      </c>
      <c r="B15235">
        <v>200.41</v>
      </c>
      <c r="C15235">
        <v>7981.8</v>
      </c>
      <c r="D15235">
        <v>3.7</v>
      </c>
      <c r="E15235">
        <v>4355.29</v>
      </c>
      <c r="F15235">
        <v>75.409700000000001</v>
      </c>
    </row>
    <row r="15236" spans="1:6" x14ac:dyDescent="0.25">
      <c r="A15236">
        <v>167.67</v>
      </c>
      <c r="B15236">
        <v>200.41</v>
      </c>
      <c r="C15236">
        <v>7981.8</v>
      </c>
      <c r="D15236">
        <v>4</v>
      </c>
      <c r="E15236">
        <v>4361.99</v>
      </c>
      <c r="F15236">
        <v>74.384699999999995</v>
      </c>
    </row>
    <row r="15237" spans="1:6" x14ac:dyDescent="0.25">
      <c r="A15237">
        <v>167.67</v>
      </c>
      <c r="B15237">
        <v>200.41</v>
      </c>
      <c r="C15237">
        <v>9527.25</v>
      </c>
      <c r="D15237">
        <v>1</v>
      </c>
      <c r="E15237">
        <v>5775.93</v>
      </c>
      <c r="F15237">
        <v>68.071700000000007</v>
      </c>
    </row>
    <row r="15238" spans="1:6" x14ac:dyDescent="0.25">
      <c r="A15238">
        <v>167.67</v>
      </c>
      <c r="B15238">
        <v>200.41</v>
      </c>
      <c r="C15238">
        <v>9527.25</v>
      </c>
      <c r="D15238">
        <v>1.3</v>
      </c>
      <c r="E15238">
        <v>5350.28</v>
      </c>
      <c r="F15238">
        <v>71.020300000000006</v>
      </c>
    </row>
    <row r="15239" spans="1:6" x14ac:dyDescent="0.25">
      <c r="A15239">
        <v>167.67</v>
      </c>
      <c r="B15239">
        <v>200.41</v>
      </c>
      <c r="C15239">
        <v>9527.25</v>
      </c>
      <c r="D15239">
        <v>1.6</v>
      </c>
      <c r="E15239">
        <v>5111.9399999999996</v>
      </c>
      <c r="F15239">
        <v>71.690399999999997</v>
      </c>
    </row>
    <row r="15240" spans="1:6" x14ac:dyDescent="0.25">
      <c r="A15240">
        <v>167.67</v>
      </c>
      <c r="B15240">
        <v>200.41</v>
      </c>
      <c r="C15240">
        <v>9527.25</v>
      </c>
      <c r="D15240">
        <v>1.9</v>
      </c>
      <c r="E15240">
        <v>4987.7</v>
      </c>
      <c r="F15240">
        <v>69.316500000000005</v>
      </c>
    </row>
    <row r="15241" spans="1:6" x14ac:dyDescent="0.25">
      <c r="A15241">
        <v>167.67</v>
      </c>
      <c r="B15241">
        <v>200.41</v>
      </c>
      <c r="C15241">
        <v>9527.25</v>
      </c>
      <c r="D15241">
        <v>2.2000000000000002</v>
      </c>
      <c r="E15241">
        <v>4823.3500000000004</v>
      </c>
      <c r="F15241">
        <v>73.441599999999994</v>
      </c>
    </row>
    <row r="15242" spans="1:6" x14ac:dyDescent="0.25">
      <c r="A15242">
        <v>167.67</v>
      </c>
      <c r="B15242">
        <v>200.41</v>
      </c>
      <c r="C15242">
        <v>9527.25</v>
      </c>
      <c r="D15242">
        <v>2.5</v>
      </c>
      <c r="E15242">
        <v>4675.26</v>
      </c>
      <c r="F15242">
        <v>63.775199999999998</v>
      </c>
    </row>
    <row r="15243" spans="1:6" x14ac:dyDescent="0.25">
      <c r="A15243">
        <v>167.67</v>
      </c>
      <c r="B15243">
        <v>200.41</v>
      </c>
      <c r="C15243">
        <v>9527.25</v>
      </c>
      <c r="D15243">
        <v>2.8</v>
      </c>
      <c r="E15243">
        <v>4657.34</v>
      </c>
      <c r="F15243">
        <v>71.703800000000001</v>
      </c>
    </row>
    <row r="15244" spans="1:6" x14ac:dyDescent="0.25">
      <c r="A15244">
        <v>167.67</v>
      </c>
      <c r="B15244">
        <v>200.41</v>
      </c>
      <c r="C15244">
        <v>9527.25</v>
      </c>
      <c r="D15244">
        <v>3.1</v>
      </c>
      <c r="E15244">
        <v>4511.97</v>
      </c>
      <c r="F15244">
        <v>73.101900000000001</v>
      </c>
    </row>
    <row r="15245" spans="1:6" x14ac:dyDescent="0.25">
      <c r="A15245">
        <v>167.67</v>
      </c>
      <c r="B15245">
        <v>200.41</v>
      </c>
      <c r="C15245">
        <v>9527.25</v>
      </c>
      <c r="D15245">
        <v>3.4</v>
      </c>
      <c r="E15245">
        <v>4535.6400000000003</v>
      </c>
      <c r="F15245">
        <v>72.049800000000005</v>
      </c>
    </row>
    <row r="15246" spans="1:6" x14ac:dyDescent="0.25">
      <c r="A15246">
        <v>167.67</v>
      </c>
      <c r="B15246">
        <v>200.41</v>
      </c>
      <c r="C15246">
        <v>9527.25</v>
      </c>
      <c r="D15246">
        <v>3.7</v>
      </c>
      <c r="E15246">
        <v>4355.29</v>
      </c>
      <c r="F15246">
        <v>75.409700000000001</v>
      </c>
    </row>
    <row r="15247" spans="1:6" x14ac:dyDescent="0.25">
      <c r="A15247">
        <v>167.67</v>
      </c>
      <c r="B15247">
        <v>200.41</v>
      </c>
      <c r="C15247">
        <v>9527.25</v>
      </c>
      <c r="D15247">
        <v>4</v>
      </c>
      <c r="E15247">
        <v>4361.99</v>
      </c>
      <c r="F15247">
        <v>74.384699999999995</v>
      </c>
    </row>
    <row r="15248" spans="1:6" x14ac:dyDescent="0.25">
      <c r="A15248">
        <v>167.67</v>
      </c>
      <c r="B15248">
        <v>200.41</v>
      </c>
      <c r="C15248">
        <v>11072.7</v>
      </c>
      <c r="D15248">
        <v>1</v>
      </c>
      <c r="E15248">
        <v>5775.93</v>
      </c>
      <c r="F15248">
        <v>68.071700000000007</v>
      </c>
    </row>
    <row r="15249" spans="1:6" x14ac:dyDescent="0.25">
      <c r="A15249">
        <v>167.67</v>
      </c>
      <c r="B15249">
        <v>200.41</v>
      </c>
      <c r="C15249">
        <v>11072.7</v>
      </c>
      <c r="D15249">
        <v>1.3</v>
      </c>
      <c r="E15249">
        <v>5350.28</v>
      </c>
      <c r="F15249">
        <v>71.020300000000006</v>
      </c>
    </row>
    <row r="15250" spans="1:6" x14ac:dyDescent="0.25">
      <c r="A15250">
        <v>167.67</v>
      </c>
      <c r="B15250">
        <v>200.41</v>
      </c>
      <c r="C15250">
        <v>11072.7</v>
      </c>
      <c r="D15250">
        <v>1.6</v>
      </c>
      <c r="E15250">
        <v>5111.9399999999996</v>
      </c>
      <c r="F15250">
        <v>71.690399999999997</v>
      </c>
    </row>
    <row r="15251" spans="1:6" x14ac:dyDescent="0.25">
      <c r="A15251">
        <v>167.67</v>
      </c>
      <c r="B15251">
        <v>200.41</v>
      </c>
      <c r="C15251">
        <v>11072.7</v>
      </c>
      <c r="D15251">
        <v>1.9</v>
      </c>
      <c r="E15251">
        <v>4987.7</v>
      </c>
      <c r="F15251">
        <v>69.316500000000005</v>
      </c>
    </row>
    <row r="15252" spans="1:6" x14ac:dyDescent="0.25">
      <c r="A15252">
        <v>167.67</v>
      </c>
      <c r="B15252">
        <v>200.41</v>
      </c>
      <c r="C15252">
        <v>11072.7</v>
      </c>
      <c r="D15252">
        <v>2.2000000000000002</v>
      </c>
      <c r="E15252">
        <v>4823.3500000000004</v>
      </c>
      <c r="F15252">
        <v>73.441599999999994</v>
      </c>
    </row>
    <row r="15253" spans="1:6" x14ac:dyDescent="0.25">
      <c r="A15253">
        <v>167.67</v>
      </c>
      <c r="B15253">
        <v>200.41</v>
      </c>
      <c r="C15253">
        <v>11072.7</v>
      </c>
      <c r="D15253">
        <v>2.5</v>
      </c>
      <c r="E15253">
        <v>4675.26</v>
      </c>
      <c r="F15253">
        <v>63.775199999999998</v>
      </c>
    </row>
    <row r="15254" spans="1:6" x14ac:dyDescent="0.25">
      <c r="A15254">
        <v>167.67</v>
      </c>
      <c r="B15254">
        <v>200.41</v>
      </c>
      <c r="C15254">
        <v>11072.7</v>
      </c>
      <c r="D15254">
        <v>2.8</v>
      </c>
      <c r="E15254">
        <v>4657.34</v>
      </c>
      <c r="F15254">
        <v>71.703800000000001</v>
      </c>
    </row>
    <row r="15255" spans="1:6" x14ac:dyDescent="0.25">
      <c r="A15255">
        <v>167.67</v>
      </c>
      <c r="B15255">
        <v>200.41</v>
      </c>
      <c r="C15255">
        <v>11072.7</v>
      </c>
      <c r="D15255">
        <v>3.1</v>
      </c>
      <c r="E15255">
        <v>4511.97</v>
      </c>
      <c r="F15255">
        <v>73.101900000000001</v>
      </c>
    </row>
    <row r="15256" spans="1:6" x14ac:dyDescent="0.25">
      <c r="A15256">
        <v>167.67</v>
      </c>
      <c r="B15256">
        <v>200.41</v>
      </c>
      <c r="C15256">
        <v>11072.7</v>
      </c>
      <c r="D15256">
        <v>3.4</v>
      </c>
      <c r="E15256">
        <v>4535.6400000000003</v>
      </c>
      <c r="F15256">
        <v>72.049800000000005</v>
      </c>
    </row>
    <row r="15257" spans="1:6" x14ac:dyDescent="0.25">
      <c r="A15257">
        <v>167.67</v>
      </c>
      <c r="B15257">
        <v>200.41</v>
      </c>
      <c r="C15257">
        <v>11072.7</v>
      </c>
      <c r="D15257">
        <v>3.7</v>
      </c>
      <c r="E15257">
        <v>4355.29</v>
      </c>
      <c r="F15257">
        <v>75.409700000000001</v>
      </c>
    </row>
    <row r="15258" spans="1:6" x14ac:dyDescent="0.25">
      <c r="A15258">
        <v>167.67</v>
      </c>
      <c r="B15258">
        <v>200.41</v>
      </c>
      <c r="C15258">
        <v>11072.7</v>
      </c>
      <c r="D15258">
        <v>4</v>
      </c>
      <c r="E15258">
        <v>4361.99</v>
      </c>
      <c r="F15258">
        <v>74.384699999999995</v>
      </c>
    </row>
    <row r="15259" spans="1:6" x14ac:dyDescent="0.25">
      <c r="A15259">
        <v>167.67</v>
      </c>
      <c r="B15259">
        <v>200.41</v>
      </c>
      <c r="C15259">
        <v>12618.2</v>
      </c>
      <c r="D15259">
        <v>1</v>
      </c>
      <c r="E15259">
        <v>5775.93</v>
      </c>
      <c r="F15259">
        <v>68.071700000000007</v>
      </c>
    </row>
    <row r="15260" spans="1:6" x14ac:dyDescent="0.25">
      <c r="A15260">
        <v>167.67</v>
      </c>
      <c r="B15260">
        <v>200.41</v>
      </c>
      <c r="C15260">
        <v>12618.2</v>
      </c>
      <c r="D15260">
        <v>1.3</v>
      </c>
      <c r="E15260">
        <v>5350.28</v>
      </c>
      <c r="F15260">
        <v>71.020300000000006</v>
      </c>
    </row>
    <row r="15261" spans="1:6" x14ac:dyDescent="0.25">
      <c r="A15261">
        <v>167.67</v>
      </c>
      <c r="B15261">
        <v>200.41</v>
      </c>
      <c r="C15261">
        <v>12618.2</v>
      </c>
      <c r="D15261">
        <v>1.6</v>
      </c>
      <c r="E15261">
        <v>5111.9399999999996</v>
      </c>
      <c r="F15261">
        <v>71.690399999999997</v>
      </c>
    </row>
    <row r="15262" spans="1:6" x14ac:dyDescent="0.25">
      <c r="A15262">
        <v>167.67</v>
      </c>
      <c r="B15262">
        <v>200.41</v>
      </c>
      <c r="C15262">
        <v>12618.2</v>
      </c>
      <c r="D15262">
        <v>1.9</v>
      </c>
      <c r="E15262">
        <v>4987.7</v>
      </c>
      <c r="F15262">
        <v>69.316500000000005</v>
      </c>
    </row>
    <row r="15263" spans="1:6" x14ac:dyDescent="0.25">
      <c r="A15263">
        <v>167.67</v>
      </c>
      <c r="B15263">
        <v>200.41</v>
      </c>
      <c r="C15263">
        <v>12618.2</v>
      </c>
      <c r="D15263">
        <v>2.2000000000000002</v>
      </c>
      <c r="E15263">
        <v>4823.3500000000004</v>
      </c>
      <c r="F15263">
        <v>73.441599999999994</v>
      </c>
    </row>
    <row r="15264" spans="1:6" x14ac:dyDescent="0.25">
      <c r="A15264">
        <v>167.67</v>
      </c>
      <c r="B15264">
        <v>200.41</v>
      </c>
      <c r="C15264">
        <v>12618.2</v>
      </c>
      <c r="D15264">
        <v>2.5</v>
      </c>
      <c r="E15264">
        <v>4675.26</v>
      </c>
      <c r="F15264">
        <v>63.775199999999998</v>
      </c>
    </row>
    <row r="15265" spans="1:6" x14ac:dyDescent="0.25">
      <c r="A15265">
        <v>167.67</v>
      </c>
      <c r="B15265">
        <v>200.41</v>
      </c>
      <c r="C15265">
        <v>12618.2</v>
      </c>
      <c r="D15265">
        <v>2.8</v>
      </c>
      <c r="E15265">
        <v>4657.34</v>
      </c>
      <c r="F15265">
        <v>71.703800000000001</v>
      </c>
    </row>
    <row r="15266" spans="1:6" x14ac:dyDescent="0.25">
      <c r="A15266">
        <v>167.67</v>
      </c>
      <c r="B15266">
        <v>200.41</v>
      </c>
      <c r="C15266">
        <v>12618.2</v>
      </c>
      <c r="D15266">
        <v>3.1</v>
      </c>
      <c r="E15266">
        <v>4511.97</v>
      </c>
      <c r="F15266">
        <v>73.101900000000001</v>
      </c>
    </row>
    <row r="15267" spans="1:6" x14ac:dyDescent="0.25">
      <c r="A15267">
        <v>167.67</v>
      </c>
      <c r="B15267">
        <v>200.41</v>
      </c>
      <c r="C15267">
        <v>12618.2</v>
      </c>
      <c r="D15267">
        <v>3.4</v>
      </c>
      <c r="E15267">
        <v>4535.6400000000003</v>
      </c>
      <c r="F15267">
        <v>72.049800000000005</v>
      </c>
    </row>
    <row r="15268" spans="1:6" x14ac:dyDescent="0.25">
      <c r="A15268">
        <v>167.67</v>
      </c>
      <c r="B15268">
        <v>200.41</v>
      </c>
      <c r="C15268">
        <v>12618.2</v>
      </c>
      <c r="D15268">
        <v>3.7</v>
      </c>
      <c r="E15268">
        <v>4355.29</v>
      </c>
      <c r="F15268">
        <v>75.409700000000001</v>
      </c>
    </row>
    <row r="15269" spans="1:6" x14ac:dyDescent="0.25">
      <c r="A15269">
        <v>167.67</v>
      </c>
      <c r="B15269">
        <v>200.41</v>
      </c>
      <c r="C15269">
        <v>12618.2</v>
      </c>
      <c r="D15269">
        <v>4</v>
      </c>
      <c r="E15269">
        <v>4361.99</v>
      </c>
      <c r="F15269">
        <v>74.384699999999995</v>
      </c>
    </row>
    <row r="15270" spans="1:6" x14ac:dyDescent="0.25">
      <c r="A15270">
        <v>167.67</v>
      </c>
      <c r="B15270">
        <v>200.41</v>
      </c>
      <c r="C15270">
        <v>14163.6</v>
      </c>
      <c r="D15270">
        <v>1</v>
      </c>
      <c r="E15270">
        <v>5775.93</v>
      </c>
      <c r="F15270">
        <v>68.071700000000007</v>
      </c>
    </row>
    <row r="15271" spans="1:6" x14ac:dyDescent="0.25">
      <c r="A15271">
        <v>167.67</v>
      </c>
      <c r="B15271">
        <v>200.41</v>
      </c>
      <c r="C15271">
        <v>14163.6</v>
      </c>
      <c r="D15271">
        <v>1.3</v>
      </c>
      <c r="E15271">
        <v>5350.28</v>
      </c>
      <c r="F15271">
        <v>71.020300000000006</v>
      </c>
    </row>
    <row r="15272" spans="1:6" x14ac:dyDescent="0.25">
      <c r="A15272">
        <v>167.67</v>
      </c>
      <c r="B15272">
        <v>200.41</v>
      </c>
      <c r="C15272">
        <v>14163.6</v>
      </c>
      <c r="D15272">
        <v>1.6</v>
      </c>
      <c r="E15272">
        <v>5111.9399999999996</v>
      </c>
      <c r="F15272">
        <v>71.690399999999997</v>
      </c>
    </row>
    <row r="15273" spans="1:6" x14ac:dyDescent="0.25">
      <c r="A15273">
        <v>167.67</v>
      </c>
      <c r="B15273">
        <v>200.41</v>
      </c>
      <c r="C15273">
        <v>14163.6</v>
      </c>
      <c r="D15273">
        <v>1.9</v>
      </c>
      <c r="E15273">
        <v>4987.7</v>
      </c>
      <c r="F15273">
        <v>69.316500000000005</v>
      </c>
    </row>
    <row r="15274" spans="1:6" x14ac:dyDescent="0.25">
      <c r="A15274">
        <v>167.67</v>
      </c>
      <c r="B15274">
        <v>200.41</v>
      </c>
      <c r="C15274">
        <v>14163.6</v>
      </c>
      <c r="D15274">
        <v>2.2000000000000002</v>
      </c>
      <c r="E15274">
        <v>4823.3500000000004</v>
      </c>
      <c r="F15274">
        <v>73.441599999999994</v>
      </c>
    </row>
    <row r="15275" spans="1:6" x14ac:dyDescent="0.25">
      <c r="A15275">
        <v>167.67</v>
      </c>
      <c r="B15275">
        <v>200.41</v>
      </c>
      <c r="C15275">
        <v>14163.6</v>
      </c>
      <c r="D15275">
        <v>2.5</v>
      </c>
      <c r="E15275">
        <v>4675.26</v>
      </c>
      <c r="F15275">
        <v>63.775199999999998</v>
      </c>
    </row>
    <row r="15276" spans="1:6" x14ac:dyDescent="0.25">
      <c r="A15276">
        <v>167.67</v>
      </c>
      <c r="B15276">
        <v>200.41</v>
      </c>
      <c r="C15276">
        <v>14163.6</v>
      </c>
      <c r="D15276">
        <v>2.8</v>
      </c>
      <c r="E15276">
        <v>4657.34</v>
      </c>
      <c r="F15276">
        <v>71.703800000000001</v>
      </c>
    </row>
    <row r="15277" spans="1:6" x14ac:dyDescent="0.25">
      <c r="A15277">
        <v>167.67</v>
      </c>
      <c r="B15277">
        <v>200.41</v>
      </c>
      <c r="C15277">
        <v>14163.6</v>
      </c>
      <c r="D15277">
        <v>3.1</v>
      </c>
      <c r="E15277">
        <v>4511.97</v>
      </c>
      <c r="F15277">
        <v>73.101900000000001</v>
      </c>
    </row>
    <row r="15278" spans="1:6" x14ac:dyDescent="0.25">
      <c r="A15278">
        <v>167.67</v>
      </c>
      <c r="B15278">
        <v>200.41</v>
      </c>
      <c r="C15278">
        <v>14163.6</v>
      </c>
      <c r="D15278">
        <v>3.4</v>
      </c>
      <c r="E15278">
        <v>4535.6400000000003</v>
      </c>
      <c r="F15278">
        <v>72.049800000000005</v>
      </c>
    </row>
    <row r="15279" spans="1:6" x14ac:dyDescent="0.25">
      <c r="A15279">
        <v>167.67</v>
      </c>
      <c r="B15279">
        <v>200.41</v>
      </c>
      <c r="C15279">
        <v>14163.6</v>
      </c>
      <c r="D15279">
        <v>3.7</v>
      </c>
      <c r="E15279">
        <v>4355.29</v>
      </c>
      <c r="F15279">
        <v>75.409700000000001</v>
      </c>
    </row>
    <row r="15280" spans="1:6" x14ac:dyDescent="0.25">
      <c r="A15280">
        <v>167.67</v>
      </c>
      <c r="B15280">
        <v>200.41</v>
      </c>
      <c r="C15280">
        <v>14163.6</v>
      </c>
      <c r="D15280">
        <v>4</v>
      </c>
      <c r="E15280">
        <v>4361.99</v>
      </c>
      <c r="F15280">
        <v>74.384699999999995</v>
      </c>
    </row>
    <row r="15281" spans="1:6" x14ac:dyDescent="0.25">
      <c r="A15281">
        <v>167.67</v>
      </c>
      <c r="B15281">
        <v>200.41</v>
      </c>
      <c r="C15281">
        <v>15709.1</v>
      </c>
      <c r="D15281">
        <v>1</v>
      </c>
      <c r="E15281">
        <v>5775.93</v>
      </c>
      <c r="F15281">
        <v>68.071700000000007</v>
      </c>
    </row>
    <row r="15282" spans="1:6" x14ac:dyDescent="0.25">
      <c r="A15282">
        <v>167.67</v>
      </c>
      <c r="B15282">
        <v>200.41</v>
      </c>
      <c r="C15282">
        <v>15709.1</v>
      </c>
      <c r="D15282">
        <v>1.3</v>
      </c>
      <c r="E15282">
        <v>5350.28</v>
      </c>
      <c r="F15282">
        <v>71.020300000000006</v>
      </c>
    </row>
    <row r="15283" spans="1:6" x14ac:dyDescent="0.25">
      <c r="A15283">
        <v>167.67</v>
      </c>
      <c r="B15283">
        <v>200.41</v>
      </c>
      <c r="C15283">
        <v>15709.1</v>
      </c>
      <c r="D15283">
        <v>1.6</v>
      </c>
      <c r="E15283">
        <v>5111.9399999999996</v>
      </c>
      <c r="F15283">
        <v>71.690399999999997</v>
      </c>
    </row>
    <row r="15284" spans="1:6" x14ac:dyDescent="0.25">
      <c r="A15284">
        <v>167.67</v>
      </c>
      <c r="B15284">
        <v>200.41</v>
      </c>
      <c r="C15284">
        <v>15709.1</v>
      </c>
      <c r="D15284">
        <v>1.9</v>
      </c>
      <c r="E15284">
        <v>4987.7</v>
      </c>
      <c r="F15284">
        <v>69.316500000000005</v>
      </c>
    </row>
    <row r="15285" spans="1:6" x14ac:dyDescent="0.25">
      <c r="A15285">
        <v>167.67</v>
      </c>
      <c r="B15285">
        <v>200.41</v>
      </c>
      <c r="C15285">
        <v>15709.1</v>
      </c>
      <c r="D15285">
        <v>2.2000000000000002</v>
      </c>
      <c r="E15285">
        <v>4823.3500000000004</v>
      </c>
      <c r="F15285">
        <v>73.441599999999994</v>
      </c>
    </row>
    <row r="15286" spans="1:6" x14ac:dyDescent="0.25">
      <c r="A15286">
        <v>167.67</v>
      </c>
      <c r="B15286">
        <v>200.41</v>
      </c>
      <c r="C15286">
        <v>15709.1</v>
      </c>
      <c r="D15286">
        <v>2.5</v>
      </c>
      <c r="E15286">
        <v>4675.26</v>
      </c>
      <c r="F15286">
        <v>63.775199999999998</v>
      </c>
    </row>
    <row r="15287" spans="1:6" x14ac:dyDescent="0.25">
      <c r="A15287">
        <v>167.67</v>
      </c>
      <c r="B15287">
        <v>200.41</v>
      </c>
      <c r="C15287">
        <v>15709.1</v>
      </c>
      <c r="D15287">
        <v>2.8</v>
      </c>
      <c r="E15287">
        <v>4657.34</v>
      </c>
      <c r="F15287">
        <v>71.703800000000001</v>
      </c>
    </row>
    <row r="15288" spans="1:6" x14ac:dyDescent="0.25">
      <c r="A15288">
        <v>167.67</v>
      </c>
      <c r="B15288">
        <v>200.41</v>
      </c>
      <c r="C15288">
        <v>15709.1</v>
      </c>
      <c r="D15288">
        <v>3.1</v>
      </c>
      <c r="E15288">
        <v>4511.97</v>
      </c>
      <c r="F15288">
        <v>73.101900000000001</v>
      </c>
    </row>
    <row r="15289" spans="1:6" x14ac:dyDescent="0.25">
      <c r="A15289">
        <v>167.67</v>
      </c>
      <c r="B15289">
        <v>200.41</v>
      </c>
      <c r="C15289">
        <v>15709.1</v>
      </c>
      <c r="D15289">
        <v>3.4</v>
      </c>
      <c r="E15289">
        <v>4535.6400000000003</v>
      </c>
      <c r="F15289">
        <v>72.049800000000005</v>
      </c>
    </row>
    <row r="15290" spans="1:6" x14ac:dyDescent="0.25">
      <c r="A15290">
        <v>167.67</v>
      </c>
      <c r="B15290">
        <v>200.41</v>
      </c>
      <c r="C15290">
        <v>15709.1</v>
      </c>
      <c r="D15290">
        <v>3.7</v>
      </c>
      <c r="E15290">
        <v>4355.29</v>
      </c>
      <c r="F15290">
        <v>75.409700000000001</v>
      </c>
    </row>
    <row r="15291" spans="1:6" x14ac:dyDescent="0.25">
      <c r="A15291">
        <v>167.67</v>
      </c>
      <c r="B15291">
        <v>200.41</v>
      </c>
      <c r="C15291">
        <v>15709.1</v>
      </c>
      <c r="D15291">
        <v>4</v>
      </c>
      <c r="E15291">
        <v>4361.99</v>
      </c>
      <c r="F15291">
        <v>74.384699999999995</v>
      </c>
    </row>
    <row r="15292" spans="1:6" x14ac:dyDescent="0.25">
      <c r="A15292">
        <v>167.67</v>
      </c>
      <c r="B15292">
        <v>200.41</v>
      </c>
      <c r="C15292">
        <v>17254.5</v>
      </c>
      <c r="D15292">
        <v>1</v>
      </c>
      <c r="E15292">
        <v>5775.93</v>
      </c>
      <c r="F15292">
        <v>68.071700000000007</v>
      </c>
    </row>
    <row r="15293" spans="1:6" x14ac:dyDescent="0.25">
      <c r="A15293">
        <v>167.67</v>
      </c>
      <c r="B15293">
        <v>200.41</v>
      </c>
      <c r="C15293">
        <v>17254.5</v>
      </c>
      <c r="D15293">
        <v>1.3</v>
      </c>
      <c r="E15293">
        <v>5350.28</v>
      </c>
      <c r="F15293">
        <v>71.020300000000006</v>
      </c>
    </row>
    <row r="15294" spans="1:6" x14ac:dyDescent="0.25">
      <c r="A15294">
        <v>167.67</v>
      </c>
      <c r="B15294">
        <v>200.41</v>
      </c>
      <c r="C15294">
        <v>17254.5</v>
      </c>
      <c r="D15294">
        <v>1.6</v>
      </c>
      <c r="E15294">
        <v>5111.9399999999996</v>
      </c>
      <c r="F15294">
        <v>71.690399999999997</v>
      </c>
    </row>
    <row r="15295" spans="1:6" x14ac:dyDescent="0.25">
      <c r="A15295">
        <v>167.67</v>
      </c>
      <c r="B15295">
        <v>200.41</v>
      </c>
      <c r="C15295">
        <v>17254.5</v>
      </c>
      <c r="D15295">
        <v>1.9</v>
      </c>
      <c r="E15295">
        <v>4987.7</v>
      </c>
      <c r="F15295">
        <v>69.316500000000005</v>
      </c>
    </row>
    <row r="15296" spans="1:6" x14ac:dyDescent="0.25">
      <c r="A15296">
        <v>167.67</v>
      </c>
      <c r="B15296">
        <v>200.41</v>
      </c>
      <c r="C15296">
        <v>17254.5</v>
      </c>
      <c r="D15296">
        <v>2.2000000000000002</v>
      </c>
      <c r="E15296">
        <v>4823.3500000000004</v>
      </c>
      <c r="F15296">
        <v>73.441599999999994</v>
      </c>
    </row>
    <row r="15297" spans="1:6" x14ac:dyDescent="0.25">
      <c r="A15297">
        <v>167.67</v>
      </c>
      <c r="B15297">
        <v>200.41</v>
      </c>
      <c r="C15297">
        <v>17254.5</v>
      </c>
      <c r="D15297">
        <v>2.5</v>
      </c>
      <c r="E15297">
        <v>4675.26</v>
      </c>
      <c r="F15297">
        <v>63.775199999999998</v>
      </c>
    </row>
    <row r="15298" spans="1:6" x14ac:dyDescent="0.25">
      <c r="A15298">
        <v>167.67</v>
      </c>
      <c r="B15298">
        <v>200.41</v>
      </c>
      <c r="C15298">
        <v>17254.5</v>
      </c>
      <c r="D15298">
        <v>2.8</v>
      </c>
      <c r="E15298">
        <v>4657.34</v>
      </c>
      <c r="F15298">
        <v>71.703800000000001</v>
      </c>
    </row>
    <row r="15299" spans="1:6" x14ac:dyDescent="0.25">
      <c r="A15299">
        <v>167.67</v>
      </c>
      <c r="B15299">
        <v>200.41</v>
      </c>
      <c r="C15299">
        <v>17254.5</v>
      </c>
      <c r="D15299">
        <v>3.1</v>
      </c>
      <c r="E15299">
        <v>4511.97</v>
      </c>
      <c r="F15299">
        <v>73.101900000000001</v>
      </c>
    </row>
    <row r="15300" spans="1:6" x14ac:dyDescent="0.25">
      <c r="A15300">
        <v>167.67</v>
      </c>
      <c r="B15300">
        <v>200.41</v>
      </c>
      <c r="C15300">
        <v>17254.5</v>
      </c>
      <c r="D15300">
        <v>3.4</v>
      </c>
      <c r="E15300">
        <v>4535.6400000000003</v>
      </c>
      <c r="F15300">
        <v>72.049800000000005</v>
      </c>
    </row>
    <row r="15301" spans="1:6" x14ac:dyDescent="0.25">
      <c r="A15301">
        <v>167.67</v>
      </c>
      <c r="B15301">
        <v>200.41</v>
      </c>
      <c r="C15301">
        <v>17254.5</v>
      </c>
      <c r="D15301">
        <v>3.7</v>
      </c>
      <c r="E15301">
        <v>4355.29</v>
      </c>
      <c r="F15301">
        <v>75.409700000000001</v>
      </c>
    </row>
    <row r="15302" spans="1:6" x14ac:dyDescent="0.25">
      <c r="A15302">
        <v>167.67</v>
      </c>
      <c r="B15302">
        <v>200.41</v>
      </c>
      <c r="C15302">
        <v>17254.5</v>
      </c>
      <c r="D15302">
        <v>4</v>
      </c>
      <c r="E15302">
        <v>4361.99</v>
      </c>
      <c r="F15302">
        <v>74.384699999999995</v>
      </c>
    </row>
    <row r="15303" spans="1:6" x14ac:dyDescent="0.25">
      <c r="A15303">
        <v>167.67</v>
      </c>
      <c r="B15303">
        <v>200.41</v>
      </c>
      <c r="C15303">
        <v>18800</v>
      </c>
      <c r="D15303">
        <v>1</v>
      </c>
      <c r="E15303">
        <v>5775.93</v>
      </c>
      <c r="F15303">
        <v>68.071700000000007</v>
      </c>
    </row>
    <row r="15304" spans="1:6" x14ac:dyDescent="0.25">
      <c r="A15304">
        <v>167.67</v>
      </c>
      <c r="B15304">
        <v>200.41</v>
      </c>
      <c r="C15304">
        <v>18800</v>
      </c>
      <c r="D15304">
        <v>1.3</v>
      </c>
      <c r="E15304">
        <v>5350.28</v>
      </c>
      <c r="F15304">
        <v>71.020300000000006</v>
      </c>
    </row>
    <row r="15305" spans="1:6" x14ac:dyDescent="0.25">
      <c r="A15305">
        <v>167.67</v>
      </c>
      <c r="B15305">
        <v>200.41</v>
      </c>
      <c r="C15305">
        <v>18800</v>
      </c>
      <c r="D15305">
        <v>1.6</v>
      </c>
      <c r="E15305">
        <v>5111.9399999999996</v>
      </c>
      <c r="F15305">
        <v>71.690399999999997</v>
      </c>
    </row>
    <row r="15306" spans="1:6" x14ac:dyDescent="0.25">
      <c r="A15306">
        <v>167.67</v>
      </c>
      <c r="B15306">
        <v>200.41</v>
      </c>
      <c r="C15306">
        <v>18800</v>
      </c>
      <c r="D15306">
        <v>1.9</v>
      </c>
      <c r="E15306">
        <v>4987.7</v>
      </c>
      <c r="F15306">
        <v>69.316500000000005</v>
      </c>
    </row>
    <row r="15307" spans="1:6" x14ac:dyDescent="0.25">
      <c r="A15307">
        <v>167.67</v>
      </c>
      <c r="B15307">
        <v>200.41</v>
      </c>
      <c r="C15307">
        <v>18800</v>
      </c>
      <c r="D15307">
        <v>2.2000000000000002</v>
      </c>
      <c r="E15307">
        <v>4823.3500000000004</v>
      </c>
      <c r="F15307">
        <v>73.441599999999994</v>
      </c>
    </row>
    <row r="15308" spans="1:6" x14ac:dyDescent="0.25">
      <c r="A15308">
        <v>167.67</v>
      </c>
      <c r="B15308">
        <v>200.41</v>
      </c>
      <c r="C15308">
        <v>18800</v>
      </c>
      <c r="D15308">
        <v>2.5</v>
      </c>
      <c r="E15308">
        <v>4675.26</v>
      </c>
      <c r="F15308">
        <v>63.775199999999998</v>
      </c>
    </row>
    <row r="15309" spans="1:6" x14ac:dyDescent="0.25">
      <c r="A15309">
        <v>167.67</v>
      </c>
      <c r="B15309">
        <v>200.41</v>
      </c>
      <c r="C15309">
        <v>18800</v>
      </c>
      <c r="D15309">
        <v>2.8</v>
      </c>
      <c r="E15309">
        <v>4657.34</v>
      </c>
      <c r="F15309">
        <v>71.703800000000001</v>
      </c>
    </row>
    <row r="15310" spans="1:6" x14ac:dyDescent="0.25">
      <c r="A15310">
        <v>167.67</v>
      </c>
      <c r="B15310">
        <v>200.41</v>
      </c>
      <c r="C15310">
        <v>18800</v>
      </c>
      <c r="D15310">
        <v>3.1</v>
      </c>
      <c r="E15310">
        <v>4511.97</v>
      </c>
      <c r="F15310">
        <v>73.101900000000001</v>
      </c>
    </row>
    <row r="15311" spans="1:6" x14ac:dyDescent="0.25">
      <c r="A15311">
        <v>167.67</v>
      </c>
      <c r="B15311">
        <v>200.41</v>
      </c>
      <c r="C15311">
        <v>18800</v>
      </c>
      <c r="D15311">
        <v>3.4</v>
      </c>
      <c r="E15311">
        <v>4535.6400000000003</v>
      </c>
      <c r="F15311">
        <v>72.049800000000005</v>
      </c>
    </row>
    <row r="15312" spans="1:6" x14ac:dyDescent="0.25">
      <c r="A15312">
        <v>167.67</v>
      </c>
      <c r="B15312">
        <v>200.41</v>
      </c>
      <c r="C15312">
        <v>18800</v>
      </c>
      <c r="D15312">
        <v>3.7</v>
      </c>
      <c r="E15312">
        <v>4355.29</v>
      </c>
      <c r="F15312">
        <v>75.409700000000001</v>
      </c>
    </row>
    <row r="15313" spans="1:6" x14ac:dyDescent="0.25">
      <c r="A15313">
        <v>167.67</v>
      </c>
      <c r="B15313">
        <v>200.41</v>
      </c>
      <c r="C15313">
        <v>18800</v>
      </c>
      <c r="D15313">
        <v>4</v>
      </c>
      <c r="E15313">
        <v>4361.99</v>
      </c>
      <c r="F15313">
        <v>74.384699999999995</v>
      </c>
    </row>
    <row r="15314" spans="1:6" x14ac:dyDescent="0.25">
      <c r="A15314">
        <v>167.67</v>
      </c>
      <c r="B15314">
        <v>204.04</v>
      </c>
      <c r="C15314">
        <v>1800</v>
      </c>
      <c r="D15314">
        <v>1</v>
      </c>
      <c r="E15314">
        <v>5200.8500000000004</v>
      </c>
      <c r="F15314">
        <v>68.071700000000007</v>
      </c>
    </row>
    <row r="15315" spans="1:6" x14ac:dyDescent="0.25">
      <c r="A15315">
        <v>167.67</v>
      </c>
      <c r="B15315">
        <v>204.04</v>
      </c>
      <c r="C15315">
        <v>1800</v>
      </c>
      <c r="D15315">
        <v>1.3</v>
      </c>
      <c r="E15315">
        <v>4586.66</v>
      </c>
      <c r="F15315">
        <v>71.020300000000006</v>
      </c>
    </row>
    <row r="15316" spans="1:6" x14ac:dyDescent="0.25">
      <c r="A15316">
        <v>167.67</v>
      </c>
      <c r="B15316">
        <v>204.04</v>
      </c>
      <c r="C15316">
        <v>1800</v>
      </c>
      <c r="D15316">
        <v>1.6</v>
      </c>
      <c r="E15316">
        <v>4230.63</v>
      </c>
      <c r="F15316">
        <v>71.690399999999997</v>
      </c>
    </row>
    <row r="15317" spans="1:6" x14ac:dyDescent="0.25">
      <c r="A15317">
        <v>167.67</v>
      </c>
      <c r="B15317">
        <v>204.04</v>
      </c>
      <c r="C15317">
        <v>1800</v>
      </c>
      <c r="D15317">
        <v>1.9</v>
      </c>
      <c r="E15317">
        <v>3934.15</v>
      </c>
      <c r="F15317">
        <v>69.316500000000005</v>
      </c>
    </row>
    <row r="15318" spans="1:6" x14ac:dyDescent="0.25">
      <c r="A15318">
        <v>167.67</v>
      </c>
      <c r="B15318">
        <v>204.04</v>
      </c>
      <c r="C15318">
        <v>1800</v>
      </c>
      <c r="D15318">
        <v>2.2000000000000002</v>
      </c>
      <c r="E15318">
        <v>3720.47</v>
      </c>
      <c r="F15318">
        <v>70.762</v>
      </c>
    </row>
    <row r="15319" spans="1:6" x14ac:dyDescent="0.25">
      <c r="A15319">
        <v>167.67</v>
      </c>
      <c r="B15319">
        <v>204.04</v>
      </c>
      <c r="C15319">
        <v>1800</v>
      </c>
      <c r="D15319">
        <v>2.5</v>
      </c>
      <c r="E15319">
        <v>3517.94</v>
      </c>
      <c r="F15319">
        <v>58.161099999999998</v>
      </c>
    </row>
    <row r="15320" spans="1:6" x14ac:dyDescent="0.25">
      <c r="A15320">
        <v>167.67</v>
      </c>
      <c r="B15320">
        <v>204.04</v>
      </c>
      <c r="C15320">
        <v>1800</v>
      </c>
      <c r="D15320">
        <v>2.8</v>
      </c>
      <c r="E15320">
        <v>3395.49</v>
      </c>
      <c r="F15320">
        <v>67.951499999999996</v>
      </c>
    </row>
    <row r="15321" spans="1:6" x14ac:dyDescent="0.25">
      <c r="A15321">
        <v>167.67</v>
      </c>
      <c r="B15321">
        <v>204.04</v>
      </c>
      <c r="C15321">
        <v>1800</v>
      </c>
      <c r="D15321">
        <v>3.1</v>
      </c>
      <c r="E15321">
        <v>3288.94</v>
      </c>
      <c r="F15321">
        <v>69.2072</v>
      </c>
    </row>
    <row r="15322" spans="1:6" x14ac:dyDescent="0.25">
      <c r="A15322">
        <v>167.67</v>
      </c>
      <c r="B15322">
        <v>204.04</v>
      </c>
      <c r="C15322">
        <v>1800</v>
      </c>
      <c r="D15322">
        <v>3.4</v>
      </c>
      <c r="E15322">
        <v>3300.04</v>
      </c>
      <c r="F15322">
        <v>62.561599999999999</v>
      </c>
    </row>
    <row r="15323" spans="1:6" x14ac:dyDescent="0.25">
      <c r="A15323">
        <v>167.67</v>
      </c>
      <c r="B15323">
        <v>204.04</v>
      </c>
      <c r="C15323">
        <v>1800</v>
      </c>
      <c r="D15323">
        <v>3.7</v>
      </c>
      <c r="E15323">
        <v>3206.91</v>
      </c>
      <c r="F15323">
        <v>64.258499999999998</v>
      </c>
    </row>
    <row r="15324" spans="1:6" x14ac:dyDescent="0.25">
      <c r="A15324">
        <v>167.67</v>
      </c>
      <c r="B15324">
        <v>204.04</v>
      </c>
      <c r="C15324">
        <v>1800</v>
      </c>
      <c r="D15324">
        <v>4</v>
      </c>
      <c r="E15324">
        <v>3148.87</v>
      </c>
      <c r="F15324">
        <v>61.8521</v>
      </c>
    </row>
    <row r="15325" spans="1:6" x14ac:dyDescent="0.25">
      <c r="A15325">
        <v>167.67</v>
      </c>
      <c r="B15325">
        <v>204.04</v>
      </c>
      <c r="C15325">
        <v>3345.45</v>
      </c>
      <c r="D15325">
        <v>1</v>
      </c>
      <c r="E15325">
        <v>5775.93</v>
      </c>
      <c r="F15325">
        <v>68.071700000000007</v>
      </c>
    </row>
    <row r="15326" spans="1:6" x14ac:dyDescent="0.25">
      <c r="A15326">
        <v>167.67</v>
      </c>
      <c r="B15326">
        <v>204.04</v>
      </c>
      <c r="C15326">
        <v>3345.45</v>
      </c>
      <c r="D15326">
        <v>1.3</v>
      </c>
      <c r="E15326">
        <v>5350.28</v>
      </c>
      <c r="F15326">
        <v>71.020300000000006</v>
      </c>
    </row>
    <row r="15327" spans="1:6" x14ac:dyDescent="0.25">
      <c r="A15327">
        <v>167.67</v>
      </c>
      <c r="B15327">
        <v>204.04</v>
      </c>
      <c r="C15327">
        <v>3345.45</v>
      </c>
      <c r="D15327">
        <v>1.6</v>
      </c>
      <c r="E15327">
        <v>5111.9399999999996</v>
      </c>
      <c r="F15327">
        <v>71.690399999999997</v>
      </c>
    </row>
    <row r="15328" spans="1:6" x14ac:dyDescent="0.25">
      <c r="A15328">
        <v>167.67</v>
      </c>
      <c r="B15328">
        <v>204.04</v>
      </c>
      <c r="C15328">
        <v>3345.45</v>
      </c>
      <c r="D15328">
        <v>1.9</v>
      </c>
      <c r="E15328">
        <v>4987.7</v>
      </c>
      <c r="F15328">
        <v>69.316500000000005</v>
      </c>
    </row>
    <row r="15329" spans="1:6" x14ac:dyDescent="0.25">
      <c r="A15329">
        <v>167.67</v>
      </c>
      <c r="B15329">
        <v>204.04</v>
      </c>
      <c r="C15329">
        <v>3345.45</v>
      </c>
      <c r="D15329">
        <v>2.2000000000000002</v>
      </c>
      <c r="E15329">
        <v>4823.3500000000004</v>
      </c>
      <c r="F15329">
        <v>73.441599999999994</v>
      </c>
    </row>
    <row r="15330" spans="1:6" x14ac:dyDescent="0.25">
      <c r="A15330">
        <v>167.67</v>
      </c>
      <c r="B15330">
        <v>204.04</v>
      </c>
      <c r="C15330">
        <v>3345.45</v>
      </c>
      <c r="D15330">
        <v>2.5</v>
      </c>
      <c r="E15330">
        <v>4675.26</v>
      </c>
      <c r="F15330">
        <v>63.775199999999998</v>
      </c>
    </row>
    <row r="15331" spans="1:6" x14ac:dyDescent="0.25">
      <c r="A15331">
        <v>167.67</v>
      </c>
      <c r="B15331">
        <v>204.04</v>
      </c>
      <c r="C15331">
        <v>3345.45</v>
      </c>
      <c r="D15331">
        <v>2.8</v>
      </c>
      <c r="E15331">
        <v>4529.8</v>
      </c>
      <c r="F15331">
        <v>71.703800000000001</v>
      </c>
    </row>
    <row r="15332" spans="1:6" x14ac:dyDescent="0.25">
      <c r="A15332">
        <v>167.67</v>
      </c>
      <c r="B15332">
        <v>204.04</v>
      </c>
      <c r="C15332">
        <v>3345.45</v>
      </c>
      <c r="D15332">
        <v>3.1</v>
      </c>
      <c r="E15332">
        <v>4570.46</v>
      </c>
      <c r="F15332">
        <v>73.101900000000001</v>
      </c>
    </row>
    <row r="15333" spans="1:6" x14ac:dyDescent="0.25">
      <c r="A15333">
        <v>167.67</v>
      </c>
      <c r="B15333">
        <v>204.04</v>
      </c>
      <c r="C15333">
        <v>3345.45</v>
      </c>
      <c r="D15333">
        <v>3.4</v>
      </c>
      <c r="E15333">
        <v>4378.03</v>
      </c>
      <c r="F15333">
        <v>72.049800000000005</v>
      </c>
    </row>
    <row r="15334" spans="1:6" x14ac:dyDescent="0.25">
      <c r="A15334">
        <v>167.67</v>
      </c>
      <c r="B15334">
        <v>204.04</v>
      </c>
      <c r="C15334">
        <v>3345.45</v>
      </c>
      <c r="D15334">
        <v>3.7</v>
      </c>
      <c r="E15334">
        <v>4366.8900000000003</v>
      </c>
      <c r="F15334">
        <v>75.409700000000001</v>
      </c>
    </row>
    <row r="15335" spans="1:6" x14ac:dyDescent="0.25">
      <c r="A15335">
        <v>167.67</v>
      </c>
      <c r="B15335">
        <v>204.04</v>
      </c>
      <c r="C15335">
        <v>3345.45</v>
      </c>
      <c r="D15335">
        <v>4</v>
      </c>
      <c r="E15335">
        <v>4311.3900000000003</v>
      </c>
      <c r="F15335">
        <v>74.384699999999995</v>
      </c>
    </row>
    <row r="15336" spans="1:6" x14ac:dyDescent="0.25">
      <c r="A15336">
        <v>167.67</v>
      </c>
      <c r="B15336">
        <v>204.04</v>
      </c>
      <c r="C15336">
        <v>4890.8999999999996</v>
      </c>
      <c r="D15336">
        <v>1</v>
      </c>
      <c r="E15336">
        <v>5775.93</v>
      </c>
      <c r="F15336">
        <v>68.071700000000007</v>
      </c>
    </row>
    <row r="15337" spans="1:6" x14ac:dyDescent="0.25">
      <c r="A15337">
        <v>167.67</v>
      </c>
      <c r="B15337">
        <v>204.04</v>
      </c>
      <c r="C15337">
        <v>4890.8999999999996</v>
      </c>
      <c r="D15337">
        <v>1.3</v>
      </c>
      <c r="E15337">
        <v>5350.28</v>
      </c>
      <c r="F15337">
        <v>71.020300000000006</v>
      </c>
    </row>
    <row r="15338" spans="1:6" x14ac:dyDescent="0.25">
      <c r="A15338">
        <v>167.67</v>
      </c>
      <c r="B15338">
        <v>204.04</v>
      </c>
      <c r="C15338">
        <v>4890.8999999999996</v>
      </c>
      <c r="D15338">
        <v>1.6</v>
      </c>
      <c r="E15338">
        <v>5111.9399999999996</v>
      </c>
      <c r="F15338">
        <v>71.690399999999997</v>
      </c>
    </row>
    <row r="15339" spans="1:6" x14ac:dyDescent="0.25">
      <c r="A15339">
        <v>167.67</v>
      </c>
      <c r="B15339">
        <v>204.04</v>
      </c>
      <c r="C15339">
        <v>4890.8999999999996</v>
      </c>
      <c r="D15339">
        <v>1.9</v>
      </c>
      <c r="E15339">
        <v>4987.7</v>
      </c>
      <c r="F15339">
        <v>69.316500000000005</v>
      </c>
    </row>
    <row r="15340" spans="1:6" x14ac:dyDescent="0.25">
      <c r="A15340">
        <v>167.67</v>
      </c>
      <c r="B15340">
        <v>204.04</v>
      </c>
      <c r="C15340">
        <v>4890.8999999999996</v>
      </c>
      <c r="D15340">
        <v>2.2000000000000002</v>
      </c>
      <c r="E15340">
        <v>4823.3500000000004</v>
      </c>
      <c r="F15340">
        <v>73.441599999999994</v>
      </c>
    </row>
    <row r="15341" spans="1:6" x14ac:dyDescent="0.25">
      <c r="A15341">
        <v>167.67</v>
      </c>
      <c r="B15341">
        <v>204.04</v>
      </c>
      <c r="C15341">
        <v>4890.8999999999996</v>
      </c>
      <c r="D15341">
        <v>2.5</v>
      </c>
      <c r="E15341">
        <v>4675.26</v>
      </c>
      <c r="F15341">
        <v>63.775199999999998</v>
      </c>
    </row>
    <row r="15342" spans="1:6" x14ac:dyDescent="0.25">
      <c r="A15342">
        <v>167.67</v>
      </c>
      <c r="B15342">
        <v>204.04</v>
      </c>
      <c r="C15342">
        <v>4890.8999999999996</v>
      </c>
      <c r="D15342">
        <v>2.8</v>
      </c>
      <c r="E15342">
        <v>4657.34</v>
      </c>
      <c r="F15342">
        <v>71.703800000000001</v>
      </c>
    </row>
    <row r="15343" spans="1:6" x14ac:dyDescent="0.25">
      <c r="A15343">
        <v>167.67</v>
      </c>
      <c r="B15343">
        <v>204.04</v>
      </c>
      <c r="C15343">
        <v>4890.8999999999996</v>
      </c>
      <c r="D15343">
        <v>3.1</v>
      </c>
      <c r="E15343">
        <v>4511.97</v>
      </c>
      <c r="F15343">
        <v>73.101900000000001</v>
      </c>
    </row>
    <row r="15344" spans="1:6" x14ac:dyDescent="0.25">
      <c r="A15344">
        <v>167.67</v>
      </c>
      <c r="B15344">
        <v>204.04</v>
      </c>
      <c r="C15344">
        <v>4890.8999999999996</v>
      </c>
      <c r="D15344">
        <v>3.4</v>
      </c>
      <c r="E15344">
        <v>4535.6400000000003</v>
      </c>
      <c r="F15344">
        <v>72.049800000000005</v>
      </c>
    </row>
    <row r="15345" spans="1:6" x14ac:dyDescent="0.25">
      <c r="A15345">
        <v>167.67</v>
      </c>
      <c r="B15345">
        <v>204.04</v>
      </c>
      <c r="C15345">
        <v>4890.8999999999996</v>
      </c>
      <c r="D15345">
        <v>3.7</v>
      </c>
      <c r="E15345">
        <v>4355.29</v>
      </c>
      <c r="F15345">
        <v>75.409700000000001</v>
      </c>
    </row>
    <row r="15346" spans="1:6" x14ac:dyDescent="0.25">
      <c r="A15346">
        <v>167.67</v>
      </c>
      <c r="B15346">
        <v>204.04</v>
      </c>
      <c r="C15346">
        <v>4890.8999999999996</v>
      </c>
      <c r="D15346">
        <v>4</v>
      </c>
      <c r="E15346">
        <v>4361.99</v>
      </c>
      <c r="F15346">
        <v>74.384699999999995</v>
      </c>
    </row>
    <row r="15347" spans="1:6" x14ac:dyDescent="0.25">
      <c r="A15347">
        <v>167.67</v>
      </c>
      <c r="B15347">
        <v>204.04</v>
      </c>
      <c r="C15347">
        <v>6436.35</v>
      </c>
      <c r="D15347">
        <v>1</v>
      </c>
      <c r="E15347">
        <v>5775.93</v>
      </c>
      <c r="F15347">
        <v>68.071700000000007</v>
      </c>
    </row>
    <row r="15348" spans="1:6" x14ac:dyDescent="0.25">
      <c r="A15348">
        <v>167.67</v>
      </c>
      <c r="B15348">
        <v>204.04</v>
      </c>
      <c r="C15348">
        <v>6436.35</v>
      </c>
      <c r="D15348">
        <v>1.3</v>
      </c>
      <c r="E15348">
        <v>5350.28</v>
      </c>
      <c r="F15348">
        <v>71.020300000000006</v>
      </c>
    </row>
    <row r="15349" spans="1:6" x14ac:dyDescent="0.25">
      <c r="A15349">
        <v>167.67</v>
      </c>
      <c r="B15349">
        <v>204.04</v>
      </c>
      <c r="C15349">
        <v>6436.35</v>
      </c>
      <c r="D15349">
        <v>1.6</v>
      </c>
      <c r="E15349">
        <v>5111.9399999999996</v>
      </c>
      <c r="F15349">
        <v>71.690399999999997</v>
      </c>
    </row>
    <row r="15350" spans="1:6" x14ac:dyDescent="0.25">
      <c r="A15350">
        <v>167.67</v>
      </c>
      <c r="B15350">
        <v>204.04</v>
      </c>
      <c r="C15350">
        <v>6436.35</v>
      </c>
      <c r="D15350">
        <v>1.9</v>
      </c>
      <c r="E15350">
        <v>4987.7</v>
      </c>
      <c r="F15350">
        <v>69.316500000000005</v>
      </c>
    </row>
    <row r="15351" spans="1:6" x14ac:dyDescent="0.25">
      <c r="A15351">
        <v>167.67</v>
      </c>
      <c r="B15351">
        <v>204.04</v>
      </c>
      <c r="C15351">
        <v>6436.35</v>
      </c>
      <c r="D15351">
        <v>2.2000000000000002</v>
      </c>
      <c r="E15351">
        <v>4823.3500000000004</v>
      </c>
      <c r="F15351">
        <v>73.441599999999994</v>
      </c>
    </row>
    <row r="15352" spans="1:6" x14ac:dyDescent="0.25">
      <c r="A15352">
        <v>167.67</v>
      </c>
      <c r="B15352">
        <v>204.04</v>
      </c>
      <c r="C15352">
        <v>6436.35</v>
      </c>
      <c r="D15352">
        <v>2.5</v>
      </c>
      <c r="E15352">
        <v>4675.26</v>
      </c>
      <c r="F15352">
        <v>63.775199999999998</v>
      </c>
    </row>
    <row r="15353" spans="1:6" x14ac:dyDescent="0.25">
      <c r="A15353">
        <v>167.67</v>
      </c>
      <c r="B15353">
        <v>204.04</v>
      </c>
      <c r="C15353">
        <v>6436.35</v>
      </c>
      <c r="D15353">
        <v>2.8</v>
      </c>
      <c r="E15353">
        <v>4657.34</v>
      </c>
      <c r="F15353">
        <v>71.703800000000001</v>
      </c>
    </row>
    <row r="15354" spans="1:6" x14ac:dyDescent="0.25">
      <c r="A15354">
        <v>167.67</v>
      </c>
      <c r="B15354">
        <v>204.04</v>
      </c>
      <c r="C15354">
        <v>6436.35</v>
      </c>
      <c r="D15354">
        <v>3.1</v>
      </c>
      <c r="E15354">
        <v>4511.97</v>
      </c>
      <c r="F15354">
        <v>73.101900000000001</v>
      </c>
    </row>
    <row r="15355" spans="1:6" x14ac:dyDescent="0.25">
      <c r="A15355">
        <v>167.67</v>
      </c>
      <c r="B15355">
        <v>204.04</v>
      </c>
      <c r="C15355">
        <v>6436.35</v>
      </c>
      <c r="D15355">
        <v>3.4</v>
      </c>
      <c r="E15355">
        <v>4535.6400000000003</v>
      </c>
      <c r="F15355">
        <v>72.049800000000005</v>
      </c>
    </row>
    <row r="15356" spans="1:6" x14ac:dyDescent="0.25">
      <c r="A15356">
        <v>167.67</v>
      </c>
      <c r="B15356">
        <v>204.04</v>
      </c>
      <c r="C15356">
        <v>6436.35</v>
      </c>
      <c r="D15356">
        <v>3.7</v>
      </c>
      <c r="E15356">
        <v>4355.29</v>
      </c>
      <c r="F15356">
        <v>75.409700000000001</v>
      </c>
    </row>
    <row r="15357" spans="1:6" x14ac:dyDescent="0.25">
      <c r="A15357">
        <v>167.67</v>
      </c>
      <c r="B15357">
        <v>204.04</v>
      </c>
      <c r="C15357">
        <v>6436.35</v>
      </c>
      <c r="D15357">
        <v>4</v>
      </c>
      <c r="E15357">
        <v>4361.99</v>
      </c>
      <c r="F15357">
        <v>74.384699999999995</v>
      </c>
    </row>
    <row r="15358" spans="1:6" x14ac:dyDescent="0.25">
      <c r="A15358">
        <v>167.67</v>
      </c>
      <c r="B15358">
        <v>204.04</v>
      </c>
      <c r="C15358">
        <v>7981.8</v>
      </c>
      <c r="D15358">
        <v>1</v>
      </c>
      <c r="E15358">
        <v>5775.93</v>
      </c>
      <c r="F15358">
        <v>68.071700000000007</v>
      </c>
    </row>
    <row r="15359" spans="1:6" x14ac:dyDescent="0.25">
      <c r="A15359">
        <v>167.67</v>
      </c>
      <c r="B15359">
        <v>204.04</v>
      </c>
      <c r="C15359">
        <v>7981.8</v>
      </c>
      <c r="D15359">
        <v>1.3</v>
      </c>
      <c r="E15359">
        <v>5350.28</v>
      </c>
      <c r="F15359">
        <v>71.020300000000006</v>
      </c>
    </row>
    <row r="15360" spans="1:6" x14ac:dyDescent="0.25">
      <c r="A15360">
        <v>167.67</v>
      </c>
      <c r="B15360">
        <v>204.04</v>
      </c>
      <c r="C15360">
        <v>7981.8</v>
      </c>
      <c r="D15360">
        <v>1.6</v>
      </c>
      <c r="E15360">
        <v>5111.9399999999996</v>
      </c>
      <c r="F15360">
        <v>71.690399999999997</v>
      </c>
    </row>
    <row r="15361" spans="1:6" x14ac:dyDescent="0.25">
      <c r="A15361">
        <v>167.67</v>
      </c>
      <c r="B15361">
        <v>204.04</v>
      </c>
      <c r="C15361">
        <v>7981.8</v>
      </c>
      <c r="D15361">
        <v>1.9</v>
      </c>
      <c r="E15361">
        <v>4987.7</v>
      </c>
      <c r="F15361">
        <v>69.316500000000005</v>
      </c>
    </row>
    <row r="15362" spans="1:6" x14ac:dyDescent="0.25">
      <c r="A15362">
        <v>167.67</v>
      </c>
      <c r="B15362">
        <v>204.04</v>
      </c>
      <c r="C15362">
        <v>7981.8</v>
      </c>
      <c r="D15362">
        <v>2.2000000000000002</v>
      </c>
      <c r="E15362">
        <v>4823.3500000000004</v>
      </c>
      <c r="F15362">
        <v>73.441599999999994</v>
      </c>
    </row>
    <row r="15363" spans="1:6" x14ac:dyDescent="0.25">
      <c r="A15363">
        <v>167.67</v>
      </c>
      <c r="B15363">
        <v>204.04</v>
      </c>
      <c r="C15363">
        <v>7981.8</v>
      </c>
      <c r="D15363">
        <v>2.5</v>
      </c>
      <c r="E15363">
        <v>4675.26</v>
      </c>
      <c r="F15363">
        <v>63.775199999999998</v>
      </c>
    </row>
    <row r="15364" spans="1:6" x14ac:dyDescent="0.25">
      <c r="A15364">
        <v>167.67</v>
      </c>
      <c r="B15364">
        <v>204.04</v>
      </c>
      <c r="C15364">
        <v>7981.8</v>
      </c>
      <c r="D15364">
        <v>2.8</v>
      </c>
      <c r="E15364">
        <v>4657.34</v>
      </c>
      <c r="F15364">
        <v>71.703800000000001</v>
      </c>
    </row>
    <row r="15365" spans="1:6" x14ac:dyDescent="0.25">
      <c r="A15365">
        <v>167.67</v>
      </c>
      <c r="B15365">
        <v>204.04</v>
      </c>
      <c r="C15365">
        <v>7981.8</v>
      </c>
      <c r="D15365">
        <v>3.1</v>
      </c>
      <c r="E15365">
        <v>4511.97</v>
      </c>
      <c r="F15365">
        <v>73.101900000000001</v>
      </c>
    </row>
    <row r="15366" spans="1:6" x14ac:dyDescent="0.25">
      <c r="A15366">
        <v>167.67</v>
      </c>
      <c r="B15366">
        <v>204.04</v>
      </c>
      <c r="C15366">
        <v>7981.8</v>
      </c>
      <c r="D15366">
        <v>3.4</v>
      </c>
      <c r="E15366">
        <v>4535.6400000000003</v>
      </c>
      <c r="F15366">
        <v>72.049800000000005</v>
      </c>
    </row>
    <row r="15367" spans="1:6" x14ac:dyDescent="0.25">
      <c r="A15367">
        <v>167.67</v>
      </c>
      <c r="B15367">
        <v>204.04</v>
      </c>
      <c r="C15367">
        <v>7981.8</v>
      </c>
      <c r="D15367">
        <v>3.7</v>
      </c>
      <c r="E15367">
        <v>4355.29</v>
      </c>
      <c r="F15367">
        <v>75.409700000000001</v>
      </c>
    </row>
    <row r="15368" spans="1:6" x14ac:dyDescent="0.25">
      <c r="A15368">
        <v>167.67</v>
      </c>
      <c r="B15368">
        <v>204.04</v>
      </c>
      <c r="C15368">
        <v>7981.8</v>
      </c>
      <c r="D15368">
        <v>4</v>
      </c>
      <c r="E15368">
        <v>4361.99</v>
      </c>
      <c r="F15368">
        <v>74.384699999999995</v>
      </c>
    </row>
    <row r="15369" spans="1:6" x14ac:dyDescent="0.25">
      <c r="A15369">
        <v>167.67</v>
      </c>
      <c r="B15369">
        <v>204.04</v>
      </c>
      <c r="C15369">
        <v>9527.25</v>
      </c>
      <c r="D15369">
        <v>1</v>
      </c>
      <c r="E15369">
        <v>5775.93</v>
      </c>
      <c r="F15369">
        <v>68.071700000000007</v>
      </c>
    </row>
    <row r="15370" spans="1:6" x14ac:dyDescent="0.25">
      <c r="A15370">
        <v>167.67</v>
      </c>
      <c r="B15370">
        <v>204.04</v>
      </c>
      <c r="C15370">
        <v>9527.25</v>
      </c>
      <c r="D15370">
        <v>1.3</v>
      </c>
      <c r="E15370">
        <v>5350.28</v>
      </c>
      <c r="F15370">
        <v>71.020300000000006</v>
      </c>
    </row>
    <row r="15371" spans="1:6" x14ac:dyDescent="0.25">
      <c r="A15371">
        <v>167.67</v>
      </c>
      <c r="B15371">
        <v>204.04</v>
      </c>
      <c r="C15371">
        <v>9527.25</v>
      </c>
      <c r="D15371">
        <v>1.6</v>
      </c>
      <c r="E15371">
        <v>5111.9399999999996</v>
      </c>
      <c r="F15371">
        <v>71.690399999999997</v>
      </c>
    </row>
    <row r="15372" spans="1:6" x14ac:dyDescent="0.25">
      <c r="A15372">
        <v>167.67</v>
      </c>
      <c r="B15372">
        <v>204.04</v>
      </c>
      <c r="C15372">
        <v>9527.25</v>
      </c>
      <c r="D15372">
        <v>1.9</v>
      </c>
      <c r="E15372">
        <v>4987.7</v>
      </c>
      <c r="F15372">
        <v>69.316500000000005</v>
      </c>
    </row>
    <row r="15373" spans="1:6" x14ac:dyDescent="0.25">
      <c r="A15373">
        <v>167.67</v>
      </c>
      <c r="B15373">
        <v>204.04</v>
      </c>
      <c r="C15373">
        <v>9527.25</v>
      </c>
      <c r="D15373">
        <v>2.2000000000000002</v>
      </c>
      <c r="E15373">
        <v>4823.3500000000004</v>
      </c>
      <c r="F15373">
        <v>73.441599999999994</v>
      </c>
    </row>
    <row r="15374" spans="1:6" x14ac:dyDescent="0.25">
      <c r="A15374">
        <v>167.67</v>
      </c>
      <c r="B15374">
        <v>204.04</v>
      </c>
      <c r="C15374">
        <v>9527.25</v>
      </c>
      <c r="D15374">
        <v>2.5</v>
      </c>
      <c r="E15374">
        <v>4675.26</v>
      </c>
      <c r="F15374">
        <v>63.775199999999998</v>
      </c>
    </row>
    <row r="15375" spans="1:6" x14ac:dyDescent="0.25">
      <c r="A15375">
        <v>167.67</v>
      </c>
      <c r="B15375">
        <v>204.04</v>
      </c>
      <c r="C15375">
        <v>9527.25</v>
      </c>
      <c r="D15375">
        <v>2.8</v>
      </c>
      <c r="E15375">
        <v>4657.34</v>
      </c>
      <c r="F15375">
        <v>71.703800000000001</v>
      </c>
    </row>
    <row r="15376" spans="1:6" x14ac:dyDescent="0.25">
      <c r="A15376">
        <v>167.67</v>
      </c>
      <c r="B15376">
        <v>204.04</v>
      </c>
      <c r="C15376">
        <v>9527.25</v>
      </c>
      <c r="D15376">
        <v>3.1</v>
      </c>
      <c r="E15376">
        <v>4511.97</v>
      </c>
      <c r="F15376">
        <v>73.101900000000001</v>
      </c>
    </row>
    <row r="15377" spans="1:6" x14ac:dyDescent="0.25">
      <c r="A15377">
        <v>167.67</v>
      </c>
      <c r="B15377">
        <v>204.04</v>
      </c>
      <c r="C15377">
        <v>9527.25</v>
      </c>
      <c r="D15377">
        <v>3.4</v>
      </c>
      <c r="E15377">
        <v>4535.6400000000003</v>
      </c>
      <c r="F15377">
        <v>72.049800000000005</v>
      </c>
    </row>
    <row r="15378" spans="1:6" x14ac:dyDescent="0.25">
      <c r="A15378">
        <v>167.67</v>
      </c>
      <c r="B15378">
        <v>204.04</v>
      </c>
      <c r="C15378">
        <v>9527.25</v>
      </c>
      <c r="D15378">
        <v>3.7</v>
      </c>
      <c r="E15378">
        <v>4355.29</v>
      </c>
      <c r="F15378">
        <v>75.409700000000001</v>
      </c>
    </row>
    <row r="15379" spans="1:6" x14ac:dyDescent="0.25">
      <c r="A15379">
        <v>167.67</v>
      </c>
      <c r="B15379">
        <v>204.04</v>
      </c>
      <c r="C15379">
        <v>9527.25</v>
      </c>
      <c r="D15379">
        <v>4</v>
      </c>
      <c r="E15379">
        <v>4361.99</v>
      </c>
      <c r="F15379">
        <v>74.384699999999995</v>
      </c>
    </row>
    <row r="15380" spans="1:6" x14ac:dyDescent="0.25">
      <c r="A15380">
        <v>167.67</v>
      </c>
      <c r="B15380">
        <v>204.04</v>
      </c>
      <c r="C15380">
        <v>11072.7</v>
      </c>
      <c r="D15380">
        <v>1</v>
      </c>
      <c r="E15380">
        <v>5775.93</v>
      </c>
      <c r="F15380">
        <v>68.071700000000007</v>
      </c>
    </row>
    <row r="15381" spans="1:6" x14ac:dyDescent="0.25">
      <c r="A15381">
        <v>167.67</v>
      </c>
      <c r="B15381">
        <v>204.04</v>
      </c>
      <c r="C15381">
        <v>11072.7</v>
      </c>
      <c r="D15381">
        <v>1.3</v>
      </c>
      <c r="E15381">
        <v>5350.28</v>
      </c>
      <c r="F15381">
        <v>71.020300000000006</v>
      </c>
    </row>
    <row r="15382" spans="1:6" x14ac:dyDescent="0.25">
      <c r="A15382">
        <v>167.67</v>
      </c>
      <c r="B15382">
        <v>204.04</v>
      </c>
      <c r="C15382">
        <v>11072.7</v>
      </c>
      <c r="D15382">
        <v>1.6</v>
      </c>
      <c r="E15382">
        <v>5111.9399999999996</v>
      </c>
      <c r="F15382">
        <v>71.690399999999997</v>
      </c>
    </row>
    <row r="15383" spans="1:6" x14ac:dyDescent="0.25">
      <c r="A15383">
        <v>167.67</v>
      </c>
      <c r="B15383">
        <v>204.04</v>
      </c>
      <c r="C15383">
        <v>11072.7</v>
      </c>
      <c r="D15383">
        <v>1.9</v>
      </c>
      <c r="E15383">
        <v>4987.7</v>
      </c>
      <c r="F15383">
        <v>69.316500000000005</v>
      </c>
    </row>
    <row r="15384" spans="1:6" x14ac:dyDescent="0.25">
      <c r="A15384">
        <v>167.67</v>
      </c>
      <c r="B15384">
        <v>204.04</v>
      </c>
      <c r="C15384">
        <v>11072.7</v>
      </c>
      <c r="D15384">
        <v>2.2000000000000002</v>
      </c>
      <c r="E15384">
        <v>4823.3500000000004</v>
      </c>
      <c r="F15384">
        <v>73.441599999999994</v>
      </c>
    </row>
    <row r="15385" spans="1:6" x14ac:dyDescent="0.25">
      <c r="A15385">
        <v>167.67</v>
      </c>
      <c r="B15385">
        <v>204.04</v>
      </c>
      <c r="C15385">
        <v>11072.7</v>
      </c>
      <c r="D15385">
        <v>2.5</v>
      </c>
      <c r="E15385">
        <v>4675.26</v>
      </c>
      <c r="F15385">
        <v>63.775199999999998</v>
      </c>
    </row>
    <row r="15386" spans="1:6" x14ac:dyDescent="0.25">
      <c r="A15386">
        <v>167.67</v>
      </c>
      <c r="B15386">
        <v>204.04</v>
      </c>
      <c r="C15386">
        <v>11072.7</v>
      </c>
      <c r="D15386">
        <v>2.8</v>
      </c>
      <c r="E15386">
        <v>4657.34</v>
      </c>
      <c r="F15386">
        <v>71.703800000000001</v>
      </c>
    </row>
    <row r="15387" spans="1:6" x14ac:dyDescent="0.25">
      <c r="A15387">
        <v>167.67</v>
      </c>
      <c r="B15387">
        <v>204.04</v>
      </c>
      <c r="C15387">
        <v>11072.7</v>
      </c>
      <c r="D15387">
        <v>3.1</v>
      </c>
      <c r="E15387">
        <v>4511.97</v>
      </c>
      <c r="F15387">
        <v>73.101900000000001</v>
      </c>
    </row>
    <row r="15388" spans="1:6" x14ac:dyDescent="0.25">
      <c r="A15388">
        <v>167.67</v>
      </c>
      <c r="B15388">
        <v>204.04</v>
      </c>
      <c r="C15388">
        <v>11072.7</v>
      </c>
      <c r="D15388">
        <v>3.4</v>
      </c>
      <c r="E15388">
        <v>4535.6400000000003</v>
      </c>
      <c r="F15388">
        <v>72.049800000000005</v>
      </c>
    </row>
    <row r="15389" spans="1:6" x14ac:dyDescent="0.25">
      <c r="A15389">
        <v>167.67</v>
      </c>
      <c r="B15389">
        <v>204.04</v>
      </c>
      <c r="C15389">
        <v>11072.7</v>
      </c>
      <c r="D15389">
        <v>3.7</v>
      </c>
      <c r="E15389">
        <v>4355.29</v>
      </c>
      <c r="F15389">
        <v>75.409700000000001</v>
      </c>
    </row>
    <row r="15390" spans="1:6" x14ac:dyDescent="0.25">
      <c r="A15390">
        <v>167.67</v>
      </c>
      <c r="B15390">
        <v>204.04</v>
      </c>
      <c r="C15390">
        <v>11072.7</v>
      </c>
      <c r="D15390">
        <v>4</v>
      </c>
      <c r="E15390">
        <v>4361.99</v>
      </c>
      <c r="F15390">
        <v>74.384699999999995</v>
      </c>
    </row>
    <row r="15391" spans="1:6" x14ac:dyDescent="0.25">
      <c r="A15391">
        <v>167.67</v>
      </c>
      <c r="B15391">
        <v>204.04</v>
      </c>
      <c r="C15391">
        <v>12618.2</v>
      </c>
      <c r="D15391">
        <v>1</v>
      </c>
      <c r="E15391">
        <v>5775.93</v>
      </c>
      <c r="F15391">
        <v>68.071700000000007</v>
      </c>
    </row>
    <row r="15392" spans="1:6" x14ac:dyDescent="0.25">
      <c r="A15392">
        <v>167.67</v>
      </c>
      <c r="B15392">
        <v>204.04</v>
      </c>
      <c r="C15392">
        <v>12618.2</v>
      </c>
      <c r="D15392">
        <v>1.3</v>
      </c>
      <c r="E15392">
        <v>5350.28</v>
      </c>
      <c r="F15392">
        <v>71.020300000000006</v>
      </c>
    </row>
    <row r="15393" spans="1:6" x14ac:dyDescent="0.25">
      <c r="A15393">
        <v>167.67</v>
      </c>
      <c r="B15393">
        <v>204.04</v>
      </c>
      <c r="C15393">
        <v>12618.2</v>
      </c>
      <c r="D15393">
        <v>1.6</v>
      </c>
      <c r="E15393">
        <v>5111.9399999999996</v>
      </c>
      <c r="F15393">
        <v>71.690399999999997</v>
      </c>
    </row>
    <row r="15394" spans="1:6" x14ac:dyDescent="0.25">
      <c r="A15394">
        <v>167.67</v>
      </c>
      <c r="B15394">
        <v>204.04</v>
      </c>
      <c r="C15394">
        <v>12618.2</v>
      </c>
      <c r="D15394">
        <v>1.9</v>
      </c>
      <c r="E15394">
        <v>4987.7</v>
      </c>
      <c r="F15394">
        <v>69.316500000000005</v>
      </c>
    </row>
    <row r="15395" spans="1:6" x14ac:dyDescent="0.25">
      <c r="A15395">
        <v>167.67</v>
      </c>
      <c r="B15395">
        <v>204.04</v>
      </c>
      <c r="C15395">
        <v>12618.2</v>
      </c>
      <c r="D15395">
        <v>2.2000000000000002</v>
      </c>
      <c r="E15395">
        <v>4823.3500000000004</v>
      </c>
      <c r="F15395">
        <v>73.441599999999994</v>
      </c>
    </row>
    <row r="15396" spans="1:6" x14ac:dyDescent="0.25">
      <c r="A15396">
        <v>167.67</v>
      </c>
      <c r="B15396">
        <v>204.04</v>
      </c>
      <c r="C15396">
        <v>12618.2</v>
      </c>
      <c r="D15396">
        <v>2.5</v>
      </c>
      <c r="E15396">
        <v>4675.26</v>
      </c>
      <c r="F15396">
        <v>63.775199999999998</v>
      </c>
    </row>
    <row r="15397" spans="1:6" x14ac:dyDescent="0.25">
      <c r="A15397">
        <v>167.67</v>
      </c>
      <c r="B15397">
        <v>204.04</v>
      </c>
      <c r="C15397">
        <v>12618.2</v>
      </c>
      <c r="D15397">
        <v>2.8</v>
      </c>
      <c r="E15397">
        <v>4657.34</v>
      </c>
      <c r="F15397">
        <v>71.703800000000001</v>
      </c>
    </row>
    <row r="15398" spans="1:6" x14ac:dyDescent="0.25">
      <c r="A15398">
        <v>167.67</v>
      </c>
      <c r="B15398">
        <v>204.04</v>
      </c>
      <c r="C15398">
        <v>12618.2</v>
      </c>
      <c r="D15398">
        <v>3.1</v>
      </c>
      <c r="E15398">
        <v>4511.97</v>
      </c>
      <c r="F15398">
        <v>73.101900000000001</v>
      </c>
    </row>
    <row r="15399" spans="1:6" x14ac:dyDescent="0.25">
      <c r="A15399">
        <v>167.67</v>
      </c>
      <c r="B15399">
        <v>204.04</v>
      </c>
      <c r="C15399">
        <v>12618.2</v>
      </c>
      <c r="D15399">
        <v>3.4</v>
      </c>
      <c r="E15399">
        <v>4535.6400000000003</v>
      </c>
      <c r="F15399">
        <v>72.049800000000005</v>
      </c>
    </row>
    <row r="15400" spans="1:6" x14ac:dyDescent="0.25">
      <c r="A15400">
        <v>167.67</v>
      </c>
      <c r="B15400">
        <v>204.04</v>
      </c>
      <c r="C15400">
        <v>12618.2</v>
      </c>
      <c r="D15400">
        <v>3.7</v>
      </c>
      <c r="E15400">
        <v>4355.29</v>
      </c>
      <c r="F15400">
        <v>75.409700000000001</v>
      </c>
    </row>
    <row r="15401" spans="1:6" x14ac:dyDescent="0.25">
      <c r="A15401">
        <v>167.67</v>
      </c>
      <c r="B15401">
        <v>204.04</v>
      </c>
      <c r="C15401">
        <v>12618.2</v>
      </c>
      <c r="D15401">
        <v>4</v>
      </c>
      <c r="E15401">
        <v>4361.99</v>
      </c>
      <c r="F15401">
        <v>74.384699999999995</v>
      </c>
    </row>
    <row r="15402" spans="1:6" x14ac:dyDescent="0.25">
      <c r="A15402">
        <v>167.67</v>
      </c>
      <c r="B15402">
        <v>204.04</v>
      </c>
      <c r="C15402">
        <v>14163.6</v>
      </c>
      <c r="D15402">
        <v>1</v>
      </c>
      <c r="E15402">
        <v>5775.93</v>
      </c>
      <c r="F15402">
        <v>68.071700000000007</v>
      </c>
    </row>
    <row r="15403" spans="1:6" x14ac:dyDescent="0.25">
      <c r="A15403">
        <v>167.67</v>
      </c>
      <c r="B15403">
        <v>204.04</v>
      </c>
      <c r="C15403">
        <v>14163.6</v>
      </c>
      <c r="D15403">
        <v>1.3</v>
      </c>
      <c r="E15403">
        <v>5350.28</v>
      </c>
      <c r="F15403">
        <v>71.020300000000006</v>
      </c>
    </row>
    <row r="15404" spans="1:6" x14ac:dyDescent="0.25">
      <c r="A15404">
        <v>167.67</v>
      </c>
      <c r="B15404">
        <v>204.04</v>
      </c>
      <c r="C15404">
        <v>14163.6</v>
      </c>
      <c r="D15404">
        <v>1.6</v>
      </c>
      <c r="E15404">
        <v>5111.9399999999996</v>
      </c>
      <c r="F15404">
        <v>71.690399999999997</v>
      </c>
    </row>
    <row r="15405" spans="1:6" x14ac:dyDescent="0.25">
      <c r="A15405">
        <v>167.67</v>
      </c>
      <c r="B15405">
        <v>204.04</v>
      </c>
      <c r="C15405">
        <v>14163.6</v>
      </c>
      <c r="D15405">
        <v>1.9</v>
      </c>
      <c r="E15405">
        <v>4987.7</v>
      </c>
      <c r="F15405">
        <v>69.316500000000005</v>
      </c>
    </row>
    <row r="15406" spans="1:6" x14ac:dyDescent="0.25">
      <c r="A15406">
        <v>167.67</v>
      </c>
      <c r="B15406">
        <v>204.04</v>
      </c>
      <c r="C15406">
        <v>14163.6</v>
      </c>
      <c r="D15406">
        <v>2.2000000000000002</v>
      </c>
      <c r="E15406">
        <v>4823.3500000000004</v>
      </c>
      <c r="F15406">
        <v>73.441599999999994</v>
      </c>
    </row>
    <row r="15407" spans="1:6" x14ac:dyDescent="0.25">
      <c r="A15407">
        <v>167.67</v>
      </c>
      <c r="B15407">
        <v>204.04</v>
      </c>
      <c r="C15407">
        <v>14163.6</v>
      </c>
      <c r="D15407">
        <v>2.5</v>
      </c>
      <c r="E15407">
        <v>4675.26</v>
      </c>
      <c r="F15407">
        <v>63.775199999999998</v>
      </c>
    </row>
    <row r="15408" spans="1:6" x14ac:dyDescent="0.25">
      <c r="A15408">
        <v>167.67</v>
      </c>
      <c r="B15408">
        <v>204.04</v>
      </c>
      <c r="C15408">
        <v>14163.6</v>
      </c>
      <c r="D15408">
        <v>2.8</v>
      </c>
      <c r="E15408">
        <v>4657.34</v>
      </c>
      <c r="F15408">
        <v>71.703800000000001</v>
      </c>
    </row>
    <row r="15409" spans="1:6" x14ac:dyDescent="0.25">
      <c r="A15409">
        <v>167.67</v>
      </c>
      <c r="B15409">
        <v>204.04</v>
      </c>
      <c r="C15409">
        <v>14163.6</v>
      </c>
      <c r="D15409">
        <v>3.1</v>
      </c>
      <c r="E15409">
        <v>4511.97</v>
      </c>
      <c r="F15409">
        <v>73.101900000000001</v>
      </c>
    </row>
    <row r="15410" spans="1:6" x14ac:dyDescent="0.25">
      <c r="A15410">
        <v>167.67</v>
      </c>
      <c r="B15410">
        <v>204.04</v>
      </c>
      <c r="C15410">
        <v>14163.6</v>
      </c>
      <c r="D15410">
        <v>3.4</v>
      </c>
      <c r="E15410">
        <v>4535.6400000000003</v>
      </c>
      <c r="F15410">
        <v>72.049800000000005</v>
      </c>
    </row>
    <row r="15411" spans="1:6" x14ac:dyDescent="0.25">
      <c r="A15411">
        <v>167.67</v>
      </c>
      <c r="B15411">
        <v>204.04</v>
      </c>
      <c r="C15411">
        <v>14163.6</v>
      </c>
      <c r="D15411">
        <v>3.7</v>
      </c>
      <c r="E15411">
        <v>4355.29</v>
      </c>
      <c r="F15411">
        <v>75.409700000000001</v>
      </c>
    </row>
    <row r="15412" spans="1:6" x14ac:dyDescent="0.25">
      <c r="A15412">
        <v>167.67</v>
      </c>
      <c r="B15412">
        <v>204.04</v>
      </c>
      <c r="C15412">
        <v>14163.6</v>
      </c>
      <c r="D15412">
        <v>4</v>
      </c>
      <c r="E15412">
        <v>4361.99</v>
      </c>
      <c r="F15412">
        <v>74.384699999999995</v>
      </c>
    </row>
    <row r="15413" spans="1:6" x14ac:dyDescent="0.25">
      <c r="A15413">
        <v>167.67</v>
      </c>
      <c r="B15413">
        <v>204.04</v>
      </c>
      <c r="C15413">
        <v>15709.1</v>
      </c>
      <c r="D15413">
        <v>1</v>
      </c>
      <c r="E15413">
        <v>5775.93</v>
      </c>
      <c r="F15413">
        <v>68.071700000000007</v>
      </c>
    </row>
    <row r="15414" spans="1:6" x14ac:dyDescent="0.25">
      <c r="A15414">
        <v>167.67</v>
      </c>
      <c r="B15414">
        <v>204.04</v>
      </c>
      <c r="C15414">
        <v>15709.1</v>
      </c>
      <c r="D15414">
        <v>1.3</v>
      </c>
      <c r="E15414">
        <v>5350.28</v>
      </c>
      <c r="F15414">
        <v>71.020300000000006</v>
      </c>
    </row>
    <row r="15415" spans="1:6" x14ac:dyDescent="0.25">
      <c r="A15415">
        <v>167.67</v>
      </c>
      <c r="B15415">
        <v>204.04</v>
      </c>
      <c r="C15415">
        <v>15709.1</v>
      </c>
      <c r="D15415">
        <v>1.6</v>
      </c>
      <c r="E15415">
        <v>5111.9399999999996</v>
      </c>
      <c r="F15415">
        <v>71.690399999999997</v>
      </c>
    </row>
    <row r="15416" spans="1:6" x14ac:dyDescent="0.25">
      <c r="A15416">
        <v>167.67</v>
      </c>
      <c r="B15416">
        <v>204.04</v>
      </c>
      <c r="C15416">
        <v>15709.1</v>
      </c>
      <c r="D15416">
        <v>1.9</v>
      </c>
      <c r="E15416">
        <v>4987.7</v>
      </c>
      <c r="F15416">
        <v>69.316500000000005</v>
      </c>
    </row>
    <row r="15417" spans="1:6" x14ac:dyDescent="0.25">
      <c r="A15417">
        <v>167.67</v>
      </c>
      <c r="B15417">
        <v>204.04</v>
      </c>
      <c r="C15417">
        <v>15709.1</v>
      </c>
      <c r="D15417">
        <v>2.2000000000000002</v>
      </c>
      <c r="E15417">
        <v>4823.3500000000004</v>
      </c>
      <c r="F15417">
        <v>73.441599999999994</v>
      </c>
    </row>
    <row r="15418" spans="1:6" x14ac:dyDescent="0.25">
      <c r="A15418">
        <v>167.67</v>
      </c>
      <c r="B15418">
        <v>204.04</v>
      </c>
      <c r="C15418">
        <v>15709.1</v>
      </c>
      <c r="D15418">
        <v>2.5</v>
      </c>
      <c r="E15418">
        <v>4675.26</v>
      </c>
      <c r="F15418">
        <v>63.775199999999998</v>
      </c>
    </row>
    <row r="15419" spans="1:6" x14ac:dyDescent="0.25">
      <c r="A15419">
        <v>167.67</v>
      </c>
      <c r="B15419">
        <v>204.04</v>
      </c>
      <c r="C15419">
        <v>15709.1</v>
      </c>
      <c r="D15419">
        <v>2.8</v>
      </c>
      <c r="E15419">
        <v>4657.34</v>
      </c>
      <c r="F15419">
        <v>71.703800000000001</v>
      </c>
    </row>
    <row r="15420" spans="1:6" x14ac:dyDescent="0.25">
      <c r="A15420">
        <v>167.67</v>
      </c>
      <c r="B15420">
        <v>204.04</v>
      </c>
      <c r="C15420">
        <v>15709.1</v>
      </c>
      <c r="D15420">
        <v>3.1</v>
      </c>
      <c r="E15420">
        <v>4511.97</v>
      </c>
      <c r="F15420">
        <v>73.101900000000001</v>
      </c>
    </row>
    <row r="15421" spans="1:6" x14ac:dyDescent="0.25">
      <c r="A15421">
        <v>167.67</v>
      </c>
      <c r="B15421">
        <v>204.04</v>
      </c>
      <c r="C15421">
        <v>15709.1</v>
      </c>
      <c r="D15421">
        <v>3.4</v>
      </c>
      <c r="E15421">
        <v>4535.6400000000003</v>
      </c>
      <c r="F15421">
        <v>72.049800000000005</v>
      </c>
    </row>
    <row r="15422" spans="1:6" x14ac:dyDescent="0.25">
      <c r="A15422">
        <v>167.67</v>
      </c>
      <c r="B15422">
        <v>204.04</v>
      </c>
      <c r="C15422">
        <v>15709.1</v>
      </c>
      <c r="D15422">
        <v>3.7</v>
      </c>
      <c r="E15422">
        <v>4355.29</v>
      </c>
      <c r="F15422">
        <v>75.409700000000001</v>
      </c>
    </row>
    <row r="15423" spans="1:6" x14ac:dyDescent="0.25">
      <c r="A15423">
        <v>167.67</v>
      </c>
      <c r="B15423">
        <v>204.04</v>
      </c>
      <c r="C15423">
        <v>15709.1</v>
      </c>
      <c r="D15423">
        <v>4</v>
      </c>
      <c r="E15423">
        <v>4361.99</v>
      </c>
      <c r="F15423">
        <v>74.384699999999995</v>
      </c>
    </row>
    <row r="15424" spans="1:6" x14ac:dyDescent="0.25">
      <c r="A15424">
        <v>167.67</v>
      </c>
      <c r="B15424">
        <v>204.04</v>
      </c>
      <c r="C15424">
        <v>17254.5</v>
      </c>
      <c r="D15424">
        <v>1</v>
      </c>
      <c r="E15424">
        <v>5775.93</v>
      </c>
      <c r="F15424">
        <v>68.071700000000007</v>
      </c>
    </row>
    <row r="15425" spans="1:6" x14ac:dyDescent="0.25">
      <c r="A15425">
        <v>167.67</v>
      </c>
      <c r="B15425">
        <v>204.04</v>
      </c>
      <c r="C15425">
        <v>17254.5</v>
      </c>
      <c r="D15425">
        <v>1.3</v>
      </c>
      <c r="E15425">
        <v>5350.28</v>
      </c>
      <c r="F15425">
        <v>71.020300000000006</v>
      </c>
    </row>
    <row r="15426" spans="1:6" x14ac:dyDescent="0.25">
      <c r="A15426">
        <v>167.67</v>
      </c>
      <c r="B15426">
        <v>204.04</v>
      </c>
      <c r="C15426">
        <v>17254.5</v>
      </c>
      <c r="D15426">
        <v>1.6</v>
      </c>
      <c r="E15426">
        <v>5111.9399999999996</v>
      </c>
      <c r="F15426">
        <v>71.690399999999997</v>
      </c>
    </row>
    <row r="15427" spans="1:6" x14ac:dyDescent="0.25">
      <c r="A15427">
        <v>167.67</v>
      </c>
      <c r="B15427">
        <v>204.04</v>
      </c>
      <c r="C15427">
        <v>17254.5</v>
      </c>
      <c r="D15427">
        <v>1.9</v>
      </c>
      <c r="E15427">
        <v>4987.7</v>
      </c>
      <c r="F15427">
        <v>69.316500000000005</v>
      </c>
    </row>
    <row r="15428" spans="1:6" x14ac:dyDescent="0.25">
      <c r="A15428">
        <v>167.67</v>
      </c>
      <c r="B15428">
        <v>204.04</v>
      </c>
      <c r="C15428">
        <v>17254.5</v>
      </c>
      <c r="D15428">
        <v>2.2000000000000002</v>
      </c>
      <c r="E15428">
        <v>4823.3500000000004</v>
      </c>
      <c r="F15428">
        <v>73.441599999999994</v>
      </c>
    </row>
    <row r="15429" spans="1:6" x14ac:dyDescent="0.25">
      <c r="A15429">
        <v>167.67</v>
      </c>
      <c r="B15429">
        <v>204.04</v>
      </c>
      <c r="C15429">
        <v>17254.5</v>
      </c>
      <c r="D15429">
        <v>2.5</v>
      </c>
      <c r="E15429">
        <v>4675.26</v>
      </c>
      <c r="F15429">
        <v>63.775199999999998</v>
      </c>
    </row>
    <row r="15430" spans="1:6" x14ac:dyDescent="0.25">
      <c r="A15430">
        <v>167.67</v>
      </c>
      <c r="B15430">
        <v>204.04</v>
      </c>
      <c r="C15430">
        <v>17254.5</v>
      </c>
      <c r="D15430">
        <v>2.8</v>
      </c>
      <c r="E15430">
        <v>4657.34</v>
      </c>
      <c r="F15430">
        <v>71.703800000000001</v>
      </c>
    </row>
    <row r="15431" spans="1:6" x14ac:dyDescent="0.25">
      <c r="A15431">
        <v>167.67</v>
      </c>
      <c r="B15431">
        <v>204.04</v>
      </c>
      <c r="C15431">
        <v>17254.5</v>
      </c>
      <c r="D15431">
        <v>3.1</v>
      </c>
      <c r="E15431">
        <v>4511.97</v>
      </c>
      <c r="F15431">
        <v>73.101900000000001</v>
      </c>
    </row>
    <row r="15432" spans="1:6" x14ac:dyDescent="0.25">
      <c r="A15432">
        <v>167.67</v>
      </c>
      <c r="B15432">
        <v>204.04</v>
      </c>
      <c r="C15432">
        <v>17254.5</v>
      </c>
      <c r="D15432">
        <v>3.4</v>
      </c>
      <c r="E15432">
        <v>4535.6400000000003</v>
      </c>
      <c r="F15432">
        <v>72.049800000000005</v>
      </c>
    </row>
    <row r="15433" spans="1:6" x14ac:dyDescent="0.25">
      <c r="A15433">
        <v>167.67</v>
      </c>
      <c r="B15433">
        <v>204.04</v>
      </c>
      <c r="C15433">
        <v>17254.5</v>
      </c>
      <c r="D15433">
        <v>3.7</v>
      </c>
      <c r="E15433">
        <v>4355.29</v>
      </c>
      <c r="F15433">
        <v>75.409700000000001</v>
      </c>
    </row>
    <row r="15434" spans="1:6" x14ac:dyDescent="0.25">
      <c r="A15434">
        <v>167.67</v>
      </c>
      <c r="B15434">
        <v>204.04</v>
      </c>
      <c r="C15434">
        <v>17254.5</v>
      </c>
      <c r="D15434">
        <v>4</v>
      </c>
      <c r="E15434">
        <v>4361.99</v>
      </c>
      <c r="F15434">
        <v>74.384699999999995</v>
      </c>
    </row>
    <row r="15435" spans="1:6" x14ac:dyDescent="0.25">
      <c r="A15435">
        <v>167.67</v>
      </c>
      <c r="B15435">
        <v>204.04</v>
      </c>
      <c r="C15435">
        <v>18800</v>
      </c>
      <c r="D15435">
        <v>1</v>
      </c>
      <c r="E15435">
        <v>5775.93</v>
      </c>
      <c r="F15435">
        <v>68.071700000000007</v>
      </c>
    </row>
    <row r="15436" spans="1:6" x14ac:dyDescent="0.25">
      <c r="A15436">
        <v>167.67</v>
      </c>
      <c r="B15436">
        <v>204.04</v>
      </c>
      <c r="C15436">
        <v>18800</v>
      </c>
      <c r="D15436">
        <v>1.3</v>
      </c>
      <c r="E15436">
        <v>5350.28</v>
      </c>
      <c r="F15436">
        <v>71.020300000000006</v>
      </c>
    </row>
    <row r="15437" spans="1:6" x14ac:dyDescent="0.25">
      <c r="A15437">
        <v>167.67</v>
      </c>
      <c r="B15437">
        <v>204.04</v>
      </c>
      <c r="C15437">
        <v>18800</v>
      </c>
      <c r="D15437">
        <v>1.6</v>
      </c>
      <c r="E15437">
        <v>5111.9399999999996</v>
      </c>
      <c r="F15437">
        <v>71.690399999999997</v>
      </c>
    </row>
    <row r="15438" spans="1:6" x14ac:dyDescent="0.25">
      <c r="A15438">
        <v>167.67</v>
      </c>
      <c r="B15438">
        <v>204.04</v>
      </c>
      <c r="C15438">
        <v>18800</v>
      </c>
      <c r="D15438">
        <v>1.9</v>
      </c>
      <c r="E15438">
        <v>4987.7</v>
      </c>
      <c r="F15438">
        <v>69.316500000000005</v>
      </c>
    </row>
    <row r="15439" spans="1:6" x14ac:dyDescent="0.25">
      <c r="A15439">
        <v>167.67</v>
      </c>
      <c r="B15439">
        <v>204.04</v>
      </c>
      <c r="C15439">
        <v>18800</v>
      </c>
      <c r="D15439">
        <v>2.2000000000000002</v>
      </c>
      <c r="E15439">
        <v>4823.3500000000004</v>
      </c>
      <c r="F15439">
        <v>73.441599999999994</v>
      </c>
    </row>
    <row r="15440" spans="1:6" x14ac:dyDescent="0.25">
      <c r="A15440">
        <v>167.67</v>
      </c>
      <c r="B15440">
        <v>204.04</v>
      </c>
      <c r="C15440">
        <v>18800</v>
      </c>
      <c r="D15440">
        <v>2.5</v>
      </c>
      <c r="E15440">
        <v>4675.26</v>
      </c>
      <c r="F15440">
        <v>63.775199999999998</v>
      </c>
    </row>
    <row r="15441" spans="1:6" x14ac:dyDescent="0.25">
      <c r="A15441">
        <v>167.67</v>
      </c>
      <c r="B15441">
        <v>204.04</v>
      </c>
      <c r="C15441">
        <v>18800</v>
      </c>
      <c r="D15441">
        <v>2.8</v>
      </c>
      <c r="E15441">
        <v>4657.34</v>
      </c>
      <c r="F15441">
        <v>71.703800000000001</v>
      </c>
    </row>
    <row r="15442" spans="1:6" x14ac:dyDescent="0.25">
      <c r="A15442">
        <v>167.67</v>
      </c>
      <c r="B15442">
        <v>204.04</v>
      </c>
      <c r="C15442">
        <v>18800</v>
      </c>
      <c r="D15442">
        <v>3.1</v>
      </c>
      <c r="E15442">
        <v>4511.97</v>
      </c>
      <c r="F15442">
        <v>73.101900000000001</v>
      </c>
    </row>
    <row r="15443" spans="1:6" x14ac:dyDescent="0.25">
      <c r="A15443">
        <v>167.67</v>
      </c>
      <c r="B15443">
        <v>204.04</v>
      </c>
      <c r="C15443">
        <v>18800</v>
      </c>
      <c r="D15443">
        <v>3.4</v>
      </c>
      <c r="E15443">
        <v>4535.6400000000003</v>
      </c>
      <c r="F15443">
        <v>72.049800000000005</v>
      </c>
    </row>
    <row r="15444" spans="1:6" x14ac:dyDescent="0.25">
      <c r="A15444">
        <v>167.67</v>
      </c>
      <c r="B15444">
        <v>204.04</v>
      </c>
      <c r="C15444">
        <v>18800</v>
      </c>
      <c r="D15444">
        <v>3.7</v>
      </c>
      <c r="E15444">
        <v>4355.29</v>
      </c>
      <c r="F15444">
        <v>75.409700000000001</v>
      </c>
    </row>
    <row r="15445" spans="1:6" x14ac:dyDescent="0.25">
      <c r="A15445">
        <v>167.67</v>
      </c>
      <c r="B15445">
        <v>204.04</v>
      </c>
      <c r="C15445">
        <v>18800</v>
      </c>
      <c r="D15445">
        <v>4</v>
      </c>
      <c r="E15445">
        <v>4361.99</v>
      </c>
      <c r="F15445">
        <v>74.384699999999995</v>
      </c>
    </row>
    <row r="15446" spans="1:6" x14ac:dyDescent="0.25">
      <c r="A15446">
        <v>167.67</v>
      </c>
      <c r="B15446">
        <v>207.67</v>
      </c>
      <c r="C15446">
        <v>1800</v>
      </c>
      <c r="D15446">
        <v>1</v>
      </c>
      <c r="E15446">
        <v>5200.8500000000004</v>
      </c>
      <c r="F15446">
        <v>68.071700000000007</v>
      </c>
    </row>
    <row r="15447" spans="1:6" x14ac:dyDescent="0.25">
      <c r="A15447">
        <v>167.67</v>
      </c>
      <c r="B15447">
        <v>207.67</v>
      </c>
      <c r="C15447">
        <v>1800</v>
      </c>
      <c r="D15447">
        <v>1.3</v>
      </c>
      <c r="E15447">
        <v>4586.66</v>
      </c>
      <c r="F15447">
        <v>71.020300000000006</v>
      </c>
    </row>
    <row r="15448" spans="1:6" x14ac:dyDescent="0.25">
      <c r="A15448">
        <v>167.67</v>
      </c>
      <c r="B15448">
        <v>207.67</v>
      </c>
      <c r="C15448">
        <v>1800</v>
      </c>
      <c r="D15448">
        <v>1.6</v>
      </c>
      <c r="E15448">
        <v>4230.63</v>
      </c>
      <c r="F15448">
        <v>71.690399999999997</v>
      </c>
    </row>
    <row r="15449" spans="1:6" x14ac:dyDescent="0.25">
      <c r="A15449">
        <v>167.67</v>
      </c>
      <c r="B15449">
        <v>207.67</v>
      </c>
      <c r="C15449">
        <v>1800</v>
      </c>
      <c r="D15449">
        <v>1.9</v>
      </c>
      <c r="E15449">
        <v>3934.15</v>
      </c>
      <c r="F15449">
        <v>69.316500000000005</v>
      </c>
    </row>
    <row r="15450" spans="1:6" x14ac:dyDescent="0.25">
      <c r="A15450">
        <v>167.67</v>
      </c>
      <c r="B15450">
        <v>207.67</v>
      </c>
      <c r="C15450">
        <v>1800</v>
      </c>
      <c r="D15450">
        <v>2.2000000000000002</v>
      </c>
      <c r="E15450">
        <v>3720.47</v>
      </c>
      <c r="F15450">
        <v>70.762</v>
      </c>
    </row>
    <row r="15451" spans="1:6" x14ac:dyDescent="0.25">
      <c r="A15451">
        <v>167.67</v>
      </c>
      <c r="B15451">
        <v>207.67</v>
      </c>
      <c r="C15451">
        <v>1800</v>
      </c>
      <c r="D15451">
        <v>2.5</v>
      </c>
      <c r="E15451">
        <v>3517.94</v>
      </c>
      <c r="F15451">
        <v>58.161099999999998</v>
      </c>
    </row>
    <row r="15452" spans="1:6" x14ac:dyDescent="0.25">
      <c r="A15452">
        <v>167.67</v>
      </c>
      <c r="B15452">
        <v>207.67</v>
      </c>
      <c r="C15452">
        <v>1800</v>
      </c>
      <c r="D15452">
        <v>2.8</v>
      </c>
      <c r="E15452">
        <v>3395.49</v>
      </c>
      <c r="F15452">
        <v>67.951499999999996</v>
      </c>
    </row>
    <row r="15453" spans="1:6" x14ac:dyDescent="0.25">
      <c r="A15453">
        <v>167.67</v>
      </c>
      <c r="B15453">
        <v>207.67</v>
      </c>
      <c r="C15453">
        <v>1800</v>
      </c>
      <c r="D15453">
        <v>3.1</v>
      </c>
      <c r="E15453">
        <v>3288.94</v>
      </c>
      <c r="F15453">
        <v>69.2072</v>
      </c>
    </row>
    <row r="15454" spans="1:6" x14ac:dyDescent="0.25">
      <c r="A15454">
        <v>167.67</v>
      </c>
      <c r="B15454">
        <v>207.67</v>
      </c>
      <c r="C15454">
        <v>1800</v>
      </c>
      <c r="D15454">
        <v>3.4</v>
      </c>
      <c r="E15454">
        <v>3300.04</v>
      </c>
      <c r="F15454">
        <v>62.561599999999999</v>
      </c>
    </row>
    <row r="15455" spans="1:6" x14ac:dyDescent="0.25">
      <c r="A15455">
        <v>167.67</v>
      </c>
      <c r="B15455">
        <v>207.67</v>
      </c>
      <c r="C15455">
        <v>1800</v>
      </c>
      <c r="D15455">
        <v>3.7</v>
      </c>
      <c r="E15455">
        <v>3206.91</v>
      </c>
      <c r="F15455">
        <v>64.258499999999998</v>
      </c>
    </row>
    <row r="15456" spans="1:6" x14ac:dyDescent="0.25">
      <c r="A15456">
        <v>167.67</v>
      </c>
      <c r="B15456">
        <v>207.67</v>
      </c>
      <c r="C15456">
        <v>1800</v>
      </c>
      <c r="D15456">
        <v>4</v>
      </c>
      <c r="E15456">
        <v>3148.87</v>
      </c>
      <c r="F15456">
        <v>61.8521</v>
      </c>
    </row>
    <row r="15457" spans="1:6" x14ac:dyDescent="0.25">
      <c r="A15457">
        <v>167.67</v>
      </c>
      <c r="B15457">
        <v>207.67</v>
      </c>
      <c r="C15457">
        <v>3345.45</v>
      </c>
      <c r="D15457">
        <v>1</v>
      </c>
      <c r="E15457">
        <v>5775.93</v>
      </c>
      <c r="F15457">
        <v>68.071700000000007</v>
      </c>
    </row>
    <row r="15458" spans="1:6" x14ac:dyDescent="0.25">
      <c r="A15458">
        <v>167.67</v>
      </c>
      <c r="B15458">
        <v>207.67</v>
      </c>
      <c r="C15458">
        <v>3345.45</v>
      </c>
      <c r="D15458">
        <v>1.3</v>
      </c>
      <c r="E15458">
        <v>5350.28</v>
      </c>
      <c r="F15458">
        <v>71.020300000000006</v>
      </c>
    </row>
    <row r="15459" spans="1:6" x14ac:dyDescent="0.25">
      <c r="A15459">
        <v>167.67</v>
      </c>
      <c r="B15459">
        <v>207.67</v>
      </c>
      <c r="C15459">
        <v>3345.45</v>
      </c>
      <c r="D15459">
        <v>1.6</v>
      </c>
      <c r="E15459">
        <v>5111.9399999999996</v>
      </c>
      <c r="F15459">
        <v>71.690399999999997</v>
      </c>
    </row>
    <row r="15460" spans="1:6" x14ac:dyDescent="0.25">
      <c r="A15460">
        <v>167.67</v>
      </c>
      <c r="B15460">
        <v>207.67</v>
      </c>
      <c r="C15460">
        <v>3345.45</v>
      </c>
      <c r="D15460">
        <v>1.9</v>
      </c>
      <c r="E15460">
        <v>4987.7</v>
      </c>
      <c r="F15460">
        <v>69.316500000000005</v>
      </c>
    </row>
    <row r="15461" spans="1:6" x14ac:dyDescent="0.25">
      <c r="A15461">
        <v>167.67</v>
      </c>
      <c r="B15461">
        <v>207.67</v>
      </c>
      <c r="C15461">
        <v>3345.45</v>
      </c>
      <c r="D15461">
        <v>2.2000000000000002</v>
      </c>
      <c r="E15461">
        <v>4823.3500000000004</v>
      </c>
      <c r="F15461">
        <v>73.441599999999994</v>
      </c>
    </row>
    <row r="15462" spans="1:6" x14ac:dyDescent="0.25">
      <c r="A15462">
        <v>167.67</v>
      </c>
      <c r="B15462">
        <v>207.67</v>
      </c>
      <c r="C15462">
        <v>3345.45</v>
      </c>
      <c r="D15462">
        <v>2.5</v>
      </c>
      <c r="E15462">
        <v>4675.26</v>
      </c>
      <c r="F15462">
        <v>63.775199999999998</v>
      </c>
    </row>
    <row r="15463" spans="1:6" x14ac:dyDescent="0.25">
      <c r="A15463">
        <v>167.67</v>
      </c>
      <c r="B15463">
        <v>207.67</v>
      </c>
      <c r="C15463">
        <v>3345.45</v>
      </c>
      <c r="D15463">
        <v>2.8</v>
      </c>
      <c r="E15463">
        <v>4529.8</v>
      </c>
      <c r="F15463">
        <v>71.703800000000001</v>
      </c>
    </row>
    <row r="15464" spans="1:6" x14ac:dyDescent="0.25">
      <c r="A15464">
        <v>167.67</v>
      </c>
      <c r="B15464">
        <v>207.67</v>
      </c>
      <c r="C15464">
        <v>3345.45</v>
      </c>
      <c r="D15464">
        <v>3.1</v>
      </c>
      <c r="E15464">
        <v>4570.46</v>
      </c>
      <c r="F15464">
        <v>73.101900000000001</v>
      </c>
    </row>
    <row r="15465" spans="1:6" x14ac:dyDescent="0.25">
      <c r="A15465">
        <v>167.67</v>
      </c>
      <c r="B15465">
        <v>207.67</v>
      </c>
      <c r="C15465">
        <v>3345.45</v>
      </c>
      <c r="D15465">
        <v>3.4</v>
      </c>
      <c r="E15465">
        <v>4378.03</v>
      </c>
      <c r="F15465">
        <v>72.049800000000005</v>
      </c>
    </row>
    <row r="15466" spans="1:6" x14ac:dyDescent="0.25">
      <c r="A15466">
        <v>167.67</v>
      </c>
      <c r="B15466">
        <v>207.67</v>
      </c>
      <c r="C15466">
        <v>3345.45</v>
      </c>
      <c r="D15466">
        <v>3.7</v>
      </c>
      <c r="E15466">
        <v>4366.8900000000003</v>
      </c>
      <c r="F15466">
        <v>75.409700000000001</v>
      </c>
    </row>
    <row r="15467" spans="1:6" x14ac:dyDescent="0.25">
      <c r="A15467">
        <v>167.67</v>
      </c>
      <c r="B15467">
        <v>207.67</v>
      </c>
      <c r="C15467">
        <v>3345.45</v>
      </c>
      <c r="D15467">
        <v>4</v>
      </c>
      <c r="E15467">
        <v>4311.3900000000003</v>
      </c>
      <c r="F15467">
        <v>74.384699999999995</v>
      </c>
    </row>
    <row r="15468" spans="1:6" x14ac:dyDescent="0.25">
      <c r="A15468">
        <v>167.67</v>
      </c>
      <c r="B15468">
        <v>207.67</v>
      </c>
      <c r="C15468">
        <v>4890.8999999999996</v>
      </c>
      <c r="D15468">
        <v>1</v>
      </c>
      <c r="E15468">
        <v>5775.93</v>
      </c>
      <c r="F15468">
        <v>68.071700000000007</v>
      </c>
    </row>
    <row r="15469" spans="1:6" x14ac:dyDescent="0.25">
      <c r="A15469">
        <v>167.67</v>
      </c>
      <c r="B15469">
        <v>207.67</v>
      </c>
      <c r="C15469">
        <v>4890.8999999999996</v>
      </c>
      <c r="D15469">
        <v>1.3</v>
      </c>
      <c r="E15469">
        <v>5350.28</v>
      </c>
      <c r="F15469">
        <v>71.020300000000006</v>
      </c>
    </row>
    <row r="15470" spans="1:6" x14ac:dyDescent="0.25">
      <c r="A15470">
        <v>167.67</v>
      </c>
      <c r="B15470">
        <v>207.67</v>
      </c>
      <c r="C15470">
        <v>4890.8999999999996</v>
      </c>
      <c r="D15470">
        <v>1.6</v>
      </c>
      <c r="E15470">
        <v>5111.9399999999996</v>
      </c>
      <c r="F15470">
        <v>71.690399999999997</v>
      </c>
    </row>
    <row r="15471" spans="1:6" x14ac:dyDescent="0.25">
      <c r="A15471">
        <v>167.67</v>
      </c>
      <c r="B15471">
        <v>207.67</v>
      </c>
      <c r="C15471">
        <v>4890.8999999999996</v>
      </c>
      <c r="D15471">
        <v>1.9</v>
      </c>
      <c r="E15471">
        <v>4987.7</v>
      </c>
      <c r="F15471">
        <v>69.316500000000005</v>
      </c>
    </row>
    <row r="15472" spans="1:6" x14ac:dyDescent="0.25">
      <c r="A15472">
        <v>167.67</v>
      </c>
      <c r="B15472">
        <v>207.67</v>
      </c>
      <c r="C15472">
        <v>4890.8999999999996</v>
      </c>
      <c r="D15472">
        <v>2.2000000000000002</v>
      </c>
      <c r="E15472">
        <v>4823.3500000000004</v>
      </c>
      <c r="F15472">
        <v>73.441599999999994</v>
      </c>
    </row>
    <row r="15473" spans="1:6" x14ac:dyDescent="0.25">
      <c r="A15473">
        <v>167.67</v>
      </c>
      <c r="B15473">
        <v>207.67</v>
      </c>
      <c r="C15473">
        <v>4890.8999999999996</v>
      </c>
      <c r="D15473">
        <v>2.5</v>
      </c>
      <c r="E15473">
        <v>4675.26</v>
      </c>
      <c r="F15473">
        <v>63.775199999999998</v>
      </c>
    </row>
    <row r="15474" spans="1:6" x14ac:dyDescent="0.25">
      <c r="A15474">
        <v>167.67</v>
      </c>
      <c r="B15474">
        <v>207.67</v>
      </c>
      <c r="C15474">
        <v>4890.8999999999996</v>
      </c>
      <c r="D15474">
        <v>2.8</v>
      </c>
      <c r="E15474">
        <v>4657.34</v>
      </c>
      <c r="F15474">
        <v>71.703800000000001</v>
      </c>
    </row>
    <row r="15475" spans="1:6" x14ac:dyDescent="0.25">
      <c r="A15475">
        <v>167.67</v>
      </c>
      <c r="B15475">
        <v>207.67</v>
      </c>
      <c r="C15475">
        <v>4890.8999999999996</v>
      </c>
      <c r="D15475">
        <v>3.1</v>
      </c>
      <c r="E15475">
        <v>4511.97</v>
      </c>
      <c r="F15475">
        <v>73.101900000000001</v>
      </c>
    </row>
    <row r="15476" spans="1:6" x14ac:dyDescent="0.25">
      <c r="A15476">
        <v>167.67</v>
      </c>
      <c r="B15476">
        <v>207.67</v>
      </c>
      <c r="C15476">
        <v>4890.8999999999996</v>
      </c>
      <c r="D15476">
        <v>3.4</v>
      </c>
      <c r="E15476">
        <v>4535.6400000000003</v>
      </c>
      <c r="F15476">
        <v>72.049800000000005</v>
      </c>
    </row>
    <row r="15477" spans="1:6" x14ac:dyDescent="0.25">
      <c r="A15477">
        <v>167.67</v>
      </c>
      <c r="B15477">
        <v>207.67</v>
      </c>
      <c r="C15477">
        <v>4890.8999999999996</v>
      </c>
      <c r="D15477">
        <v>3.7</v>
      </c>
      <c r="E15477">
        <v>4355.29</v>
      </c>
      <c r="F15477">
        <v>75.409700000000001</v>
      </c>
    </row>
    <row r="15478" spans="1:6" x14ac:dyDescent="0.25">
      <c r="A15478">
        <v>167.67</v>
      </c>
      <c r="B15478">
        <v>207.67</v>
      </c>
      <c r="C15478">
        <v>4890.8999999999996</v>
      </c>
      <c r="D15478">
        <v>4</v>
      </c>
      <c r="E15478">
        <v>4361.99</v>
      </c>
      <c r="F15478">
        <v>74.384699999999995</v>
      </c>
    </row>
    <row r="15479" spans="1:6" x14ac:dyDescent="0.25">
      <c r="A15479">
        <v>167.67</v>
      </c>
      <c r="B15479">
        <v>207.67</v>
      </c>
      <c r="C15479">
        <v>6436.35</v>
      </c>
      <c r="D15479">
        <v>1</v>
      </c>
      <c r="E15479">
        <v>5775.93</v>
      </c>
      <c r="F15479">
        <v>68.071700000000007</v>
      </c>
    </row>
    <row r="15480" spans="1:6" x14ac:dyDescent="0.25">
      <c r="A15480">
        <v>167.67</v>
      </c>
      <c r="B15480">
        <v>207.67</v>
      </c>
      <c r="C15480">
        <v>6436.35</v>
      </c>
      <c r="D15480">
        <v>1.3</v>
      </c>
      <c r="E15480">
        <v>5350.28</v>
      </c>
      <c r="F15480">
        <v>71.020300000000006</v>
      </c>
    </row>
    <row r="15481" spans="1:6" x14ac:dyDescent="0.25">
      <c r="A15481">
        <v>167.67</v>
      </c>
      <c r="B15481">
        <v>207.67</v>
      </c>
      <c r="C15481">
        <v>6436.35</v>
      </c>
      <c r="D15481">
        <v>1.6</v>
      </c>
      <c r="E15481">
        <v>5111.9399999999996</v>
      </c>
      <c r="F15481">
        <v>71.690399999999997</v>
      </c>
    </row>
    <row r="15482" spans="1:6" x14ac:dyDescent="0.25">
      <c r="A15482">
        <v>167.67</v>
      </c>
      <c r="B15482">
        <v>207.67</v>
      </c>
      <c r="C15482">
        <v>6436.35</v>
      </c>
      <c r="D15482">
        <v>1.9</v>
      </c>
      <c r="E15482">
        <v>4987.7</v>
      </c>
      <c r="F15482">
        <v>69.316500000000005</v>
      </c>
    </row>
    <row r="15483" spans="1:6" x14ac:dyDescent="0.25">
      <c r="A15483">
        <v>167.67</v>
      </c>
      <c r="B15483">
        <v>207.67</v>
      </c>
      <c r="C15483">
        <v>6436.35</v>
      </c>
      <c r="D15483">
        <v>2.2000000000000002</v>
      </c>
      <c r="E15483">
        <v>4823.3500000000004</v>
      </c>
      <c r="F15483">
        <v>73.441599999999994</v>
      </c>
    </row>
    <row r="15484" spans="1:6" x14ac:dyDescent="0.25">
      <c r="A15484">
        <v>167.67</v>
      </c>
      <c r="B15484">
        <v>207.67</v>
      </c>
      <c r="C15484">
        <v>6436.35</v>
      </c>
      <c r="D15484">
        <v>2.5</v>
      </c>
      <c r="E15484">
        <v>4675.26</v>
      </c>
      <c r="F15484">
        <v>63.775199999999998</v>
      </c>
    </row>
    <row r="15485" spans="1:6" x14ac:dyDescent="0.25">
      <c r="A15485">
        <v>167.67</v>
      </c>
      <c r="B15485">
        <v>207.67</v>
      </c>
      <c r="C15485">
        <v>6436.35</v>
      </c>
      <c r="D15485">
        <v>2.8</v>
      </c>
      <c r="E15485">
        <v>4657.34</v>
      </c>
      <c r="F15485">
        <v>71.703800000000001</v>
      </c>
    </row>
    <row r="15486" spans="1:6" x14ac:dyDescent="0.25">
      <c r="A15486">
        <v>167.67</v>
      </c>
      <c r="B15486">
        <v>207.67</v>
      </c>
      <c r="C15486">
        <v>6436.35</v>
      </c>
      <c r="D15486">
        <v>3.1</v>
      </c>
      <c r="E15486">
        <v>4511.97</v>
      </c>
      <c r="F15486">
        <v>73.101900000000001</v>
      </c>
    </row>
    <row r="15487" spans="1:6" x14ac:dyDescent="0.25">
      <c r="A15487">
        <v>167.67</v>
      </c>
      <c r="B15487">
        <v>207.67</v>
      </c>
      <c r="C15487">
        <v>6436.35</v>
      </c>
      <c r="D15487">
        <v>3.4</v>
      </c>
      <c r="E15487">
        <v>4535.6400000000003</v>
      </c>
      <c r="F15487">
        <v>72.049800000000005</v>
      </c>
    </row>
    <row r="15488" spans="1:6" x14ac:dyDescent="0.25">
      <c r="A15488">
        <v>167.67</v>
      </c>
      <c r="B15488">
        <v>207.67</v>
      </c>
      <c r="C15488">
        <v>6436.35</v>
      </c>
      <c r="D15488">
        <v>3.7</v>
      </c>
      <c r="E15488">
        <v>4355.29</v>
      </c>
      <c r="F15488">
        <v>75.409700000000001</v>
      </c>
    </row>
    <row r="15489" spans="1:6" x14ac:dyDescent="0.25">
      <c r="A15489">
        <v>167.67</v>
      </c>
      <c r="B15489">
        <v>207.67</v>
      </c>
      <c r="C15489">
        <v>6436.35</v>
      </c>
      <c r="D15489">
        <v>4</v>
      </c>
      <c r="E15489">
        <v>4361.99</v>
      </c>
      <c r="F15489">
        <v>74.384699999999995</v>
      </c>
    </row>
    <row r="15490" spans="1:6" x14ac:dyDescent="0.25">
      <c r="A15490">
        <v>167.67</v>
      </c>
      <c r="B15490">
        <v>207.67</v>
      </c>
      <c r="C15490">
        <v>7981.8</v>
      </c>
      <c r="D15490">
        <v>1</v>
      </c>
      <c r="E15490">
        <v>5775.93</v>
      </c>
      <c r="F15490">
        <v>68.071700000000007</v>
      </c>
    </row>
    <row r="15491" spans="1:6" x14ac:dyDescent="0.25">
      <c r="A15491">
        <v>167.67</v>
      </c>
      <c r="B15491">
        <v>207.67</v>
      </c>
      <c r="C15491">
        <v>7981.8</v>
      </c>
      <c r="D15491">
        <v>1.3</v>
      </c>
      <c r="E15491">
        <v>5350.28</v>
      </c>
      <c r="F15491">
        <v>71.020300000000006</v>
      </c>
    </row>
    <row r="15492" spans="1:6" x14ac:dyDescent="0.25">
      <c r="A15492">
        <v>167.67</v>
      </c>
      <c r="B15492">
        <v>207.67</v>
      </c>
      <c r="C15492">
        <v>7981.8</v>
      </c>
      <c r="D15492">
        <v>1.6</v>
      </c>
      <c r="E15492">
        <v>5111.9399999999996</v>
      </c>
      <c r="F15492">
        <v>71.690399999999997</v>
      </c>
    </row>
    <row r="15493" spans="1:6" x14ac:dyDescent="0.25">
      <c r="A15493">
        <v>167.67</v>
      </c>
      <c r="B15493">
        <v>207.67</v>
      </c>
      <c r="C15493">
        <v>7981.8</v>
      </c>
      <c r="D15493">
        <v>1.9</v>
      </c>
      <c r="E15493">
        <v>4987.7</v>
      </c>
      <c r="F15493">
        <v>69.316500000000005</v>
      </c>
    </row>
    <row r="15494" spans="1:6" x14ac:dyDescent="0.25">
      <c r="A15494">
        <v>167.67</v>
      </c>
      <c r="B15494">
        <v>207.67</v>
      </c>
      <c r="C15494">
        <v>7981.8</v>
      </c>
      <c r="D15494">
        <v>2.2000000000000002</v>
      </c>
      <c r="E15494">
        <v>4823.3500000000004</v>
      </c>
      <c r="F15494">
        <v>73.441599999999994</v>
      </c>
    </row>
    <row r="15495" spans="1:6" x14ac:dyDescent="0.25">
      <c r="A15495">
        <v>167.67</v>
      </c>
      <c r="B15495">
        <v>207.67</v>
      </c>
      <c r="C15495">
        <v>7981.8</v>
      </c>
      <c r="D15495">
        <v>2.5</v>
      </c>
      <c r="E15495">
        <v>4675.26</v>
      </c>
      <c r="F15495">
        <v>63.775199999999998</v>
      </c>
    </row>
    <row r="15496" spans="1:6" x14ac:dyDescent="0.25">
      <c r="A15496">
        <v>167.67</v>
      </c>
      <c r="B15496">
        <v>207.67</v>
      </c>
      <c r="C15496">
        <v>7981.8</v>
      </c>
      <c r="D15496">
        <v>2.8</v>
      </c>
      <c r="E15496">
        <v>4657.34</v>
      </c>
      <c r="F15496">
        <v>71.703800000000001</v>
      </c>
    </row>
    <row r="15497" spans="1:6" x14ac:dyDescent="0.25">
      <c r="A15497">
        <v>167.67</v>
      </c>
      <c r="B15497">
        <v>207.67</v>
      </c>
      <c r="C15497">
        <v>7981.8</v>
      </c>
      <c r="D15497">
        <v>3.1</v>
      </c>
      <c r="E15497">
        <v>4511.97</v>
      </c>
      <c r="F15497">
        <v>73.101900000000001</v>
      </c>
    </row>
    <row r="15498" spans="1:6" x14ac:dyDescent="0.25">
      <c r="A15498">
        <v>167.67</v>
      </c>
      <c r="B15498">
        <v>207.67</v>
      </c>
      <c r="C15498">
        <v>7981.8</v>
      </c>
      <c r="D15498">
        <v>3.4</v>
      </c>
      <c r="E15498">
        <v>4535.6400000000003</v>
      </c>
      <c r="F15498">
        <v>72.049800000000005</v>
      </c>
    </row>
    <row r="15499" spans="1:6" x14ac:dyDescent="0.25">
      <c r="A15499">
        <v>167.67</v>
      </c>
      <c r="B15499">
        <v>207.67</v>
      </c>
      <c r="C15499">
        <v>7981.8</v>
      </c>
      <c r="D15499">
        <v>3.7</v>
      </c>
      <c r="E15499">
        <v>4355.29</v>
      </c>
      <c r="F15499">
        <v>75.409700000000001</v>
      </c>
    </row>
    <row r="15500" spans="1:6" x14ac:dyDescent="0.25">
      <c r="A15500">
        <v>167.67</v>
      </c>
      <c r="B15500">
        <v>207.67</v>
      </c>
      <c r="C15500">
        <v>7981.8</v>
      </c>
      <c r="D15500">
        <v>4</v>
      </c>
      <c r="E15500">
        <v>4361.99</v>
      </c>
      <c r="F15500">
        <v>74.384699999999995</v>
      </c>
    </row>
    <row r="15501" spans="1:6" x14ac:dyDescent="0.25">
      <c r="A15501">
        <v>167.67</v>
      </c>
      <c r="B15501">
        <v>207.67</v>
      </c>
      <c r="C15501">
        <v>9527.25</v>
      </c>
      <c r="D15501">
        <v>1</v>
      </c>
      <c r="E15501">
        <v>5775.93</v>
      </c>
      <c r="F15501">
        <v>68.071700000000007</v>
      </c>
    </row>
    <row r="15502" spans="1:6" x14ac:dyDescent="0.25">
      <c r="A15502">
        <v>167.67</v>
      </c>
      <c r="B15502">
        <v>207.67</v>
      </c>
      <c r="C15502">
        <v>9527.25</v>
      </c>
      <c r="D15502">
        <v>1.3</v>
      </c>
      <c r="E15502">
        <v>5350.28</v>
      </c>
      <c r="F15502">
        <v>71.020300000000006</v>
      </c>
    </row>
    <row r="15503" spans="1:6" x14ac:dyDescent="0.25">
      <c r="A15503">
        <v>167.67</v>
      </c>
      <c r="B15503">
        <v>207.67</v>
      </c>
      <c r="C15503">
        <v>9527.25</v>
      </c>
      <c r="D15503">
        <v>1.6</v>
      </c>
      <c r="E15503">
        <v>5111.9399999999996</v>
      </c>
      <c r="F15503">
        <v>71.690399999999997</v>
      </c>
    </row>
    <row r="15504" spans="1:6" x14ac:dyDescent="0.25">
      <c r="A15504">
        <v>167.67</v>
      </c>
      <c r="B15504">
        <v>207.67</v>
      </c>
      <c r="C15504">
        <v>9527.25</v>
      </c>
      <c r="D15504">
        <v>1.9</v>
      </c>
      <c r="E15504">
        <v>4987.7</v>
      </c>
      <c r="F15504">
        <v>69.316500000000005</v>
      </c>
    </row>
    <row r="15505" spans="1:6" x14ac:dyDescent="0.25">
      <c r="A15505">
        <v>167.67</v>
      </c>
      <c r="B15505">
        <v>207.67</v>
      </c>
      <c r="C15505">
        <v>9527.25</v>
      </c>
      <c r="D15505">
        <v>2.2000000000000002</v>
      </c>
      <c r="E15505">
        <v>4823.3500000000004</v>
      </c>
      <c r="F15505">
        <v>73.441599999999994</v>
      </c>
    </row>
    <row r="15506" spans="1:6" x14ac:dyDescent="0.25">
      <c r="A15506">
        <v>167.67</v>
      </c>
      <c r="B15506">
        <v>207.67</v>
      </c>
      <c r="C15506">
        <v>9527.25</v>
      </c>
      <c r="D15506">
        <v>2.5</v>
      </c>
      <c r="E15506">
        <v>4675.26</v>
      </c>
      <c r="F15506">
        <v>63.775199999999998</v>
      </c>
    </row>
    <row r="15507" spans="1:6" x14ac:dyDescent="0.25">
      <c r="A15507">
        <v>167.67</v>
      </c>
      <c r="B15507">
        <v>207.67</v>
      </c>
      <c r="C15507">
        <v>9527.25</v>
      </c>
      <c r="D15507">
        <v>2.8</v>
      </c>
      <c r="E15507">
        <v>4657.34</v>
      </c>
      <c r="F15507">
        <v>71.703800000000001</v>
      </c>
    </row>
    <row r="15508" spans="1:6" x14ac:dyDescent="0.25">
      <c r="A15508">
        <v>167.67</v>
      </c>
      <c r="B15508">
        <v>207.67</v>
      </c>
      <c r="C15508">
        <v>9527.25</v>
      </c>
      <c r="D15508">
        <v>3.1</v>
      </c>
      <c r="E15508">
        <v>4511.97</v>
      </c>
      <c r="F15508">
        <v>73.101900000000001</v>
      </c>
    </row>
    <row r="15509" spans="1:6" x14ac:dyDescent="0.25">
      <c r="A15509">
        <v>167.67</v>
      </c>
      <c r="B15509">
        <v>207.67</v>
      </c>
      <c r="C15509">
        <v>9527.25</v>
      </c>
      <c r="D15509">
        <v>3.4</v>
      </c>
      <c r="E15509">
        <v>4535.6400000000003</v>
      </c>
      <c r="F15509">
        <v>72.049800000000005</v>
      </c>
    </row>
    <row r="15510" spans="1:6" x14ac:dyDescent="0.25">
      <c r="A15510">
        <v>167.67</v>
      </c>
      <c r="B15510">
        <v>207.67</v>
      </c>
      <c r="C15510">
        <v>9527.25</v>
      </c>
      <c r="D15510">
        <v>3.7</v>
      </c>
      <c r="E15510">
        <v>4355.29</v>
      </c>
      <c r="F15510">
        <v>75.409700000000001</v>
      </c>
    </row>
    <row r="15511" spans="1:6" x14ac:dyDescent="0.25">
      <c r="A15511">
        <v>167.67</v>
      </c>
      <c r="B15511">
        <v>207.67</v>
      </c>
      <c r="C15511">
        <v>9527.25</v>
      </c>
      <c r="D15511">
        <v>4</v>
      </c>
      <c r="E15511">
        <v>4361.99</v>
      </c>
      <c r="F15511">
        <v>74.384699999999995</v>
      </c>
    </row>
    <row r="15512" spans="1:6" x14ac:dyDescent="0.25">
      <c r="A15512">
        <v>167.67</v>
      </c>
      <c r="B15512">
        <v>207.67</v>
      </c>
      <c r="C15512">
        <v>11072.7</v>
      </c>
      <c r="D15512">
        <v>1</v>
      </c>
      <c r="E15512">
        <v>5775.93</v>
      </c>
      <c r="F15512">
        <v>68.071700000000007</v>
      </c>
    </row>
    <row r="15513" spans="1:6" x14ac:dyDescent="0.25">
      <c r="A15513">
        <v>167.67</v>
      </c>
      <c r="B15513">
        <v>207.67</v>
      </c>
      <c r="C15513">
        <v>11072.7</v>
      </c>
      <c r="D15513">
        <v>1.3</v>
      </c>
      <c r="E15513">
        <v>5350.28</v>
      </c>
      <c r="F15513">
        <v>71.020300000000006</v>
      </c>
    </row>
    <row r="15514" spans="1:6" x14ac:dyDescent="0.25">
      <c r="A15514">
        <v>167.67</v>
      </c>
      <c r="B15514">
        <v>207.67</v>
      </c>
      <c r="C15514">
        <v>11072.7</v>
      </c>
      <c r="D15514">
        <v>1.6</v>
      </c>
      <c r="E15514">
        <v>5111.9399999999996</v>
      </c>
      <c r="F15514">
        <v>71.690399999999997</v>
      </c>
    </row>
    <row r="15515" spans="1:6" x14ac:dyDescent="0.25">
      <c r="A15515">
        <v>167.67</v>
      </c>
      <c r="B15515">
        <v>207.67</v>
      </c>
      <c r="C15515">
        <v>11072.7</v>
      </c>
      <c r="D15515">
        <v>1.9</v>
      </c>
      <c r="E15515">
        <v>4987.7</v>
      </c>
      <c r="F15515">
        <v>69.316500000000005</v>
      </c>
    </row>
    <row r="15516" spans="1:6" x14ac:dyDescent="0.25">
      <c r="A15516">
        <v>167.67</v>
      </c>
      <c r="B15516">
        <v>207.67</v>
      </c>
      <c r="C15516">
        <v>11072.7</v>
      </c>
      <c r="D15516">
        <v>2.2000000000000002</v>
      </c>
      <c r="E15516">
        <v>4823.3500000000004</v>
      </c>
      <c r="F15516">
        <v>73.441599999999994</v>
      </c>
    </row>
    <row r="15517" spans="1:6" x14ac:dyDescent="0.25">
      <c r="A15517">
        <v>167.67</v>
      </c>
      <c r="B15517">
        <v>207.67</v>
      </c>
      <c r="C15517">
        <v>11072.7</v>
      </c>
      <c r="D15517">
        <v>2.5</v>
      </c>
      <c r="E15517">
        <v>4675.26</v>
      </c>
      <c r="F15517">
        <v>63.775199999999998</v>
      </c>
    </row>
    <row r="15518" spans="1:6" x14ac:dyDescent="0.25">
      <c r="A15518">
        <v>167.67</v>
      </c>
      <c r="B15518">
        <v>207.67</v>
      </c>
      <c r="C15518">
        <v>11072.7</v>
      </c>
      <c r="D15518">
        <v>2.8</v>
      </c>
      <c r="E15518">
        <v>4657.34</v>
      </c>
      <c r="F15518">
        <v>71.703800000000001</v>
      </c>
    </row>
    <row r="15519" spans="1:6" x14ac:dyDescent="0.25">
      <c r="A15519">
        <v>167.67</v>
      </c>
      <c r="B15519">
        <v>207.67</v>
      </c>
      <c r="C15519">
        <v>11072.7</v>
      </c>
      <c r="D15519">
        <v>3.1</v>
      </c>
      <c r="E15519">
        <v>4511.97</v>
      </c>
      <c r="F15519">
        <v>73.101900000000001</v>
      </c>
    </row>
    <row r="15520" spans="1:6" x14ac:dyDescent="0.25">
      <c r="A15520">
        <v>167.67</v>
      </c>
      <c r="B15520">
        <v>207.67</v>
      </c>
      <c r="C15520">
        <v>11072.7</v>
      </c>
      <c r="D15520">
        <v>3.4</v>
      </c>
      <c r="E15520">
        <v>4535.6400000000003</v>
      </c>
      <c r="F15520">
        <v>72.049800000000005</v>
      </c>
    </row>
    <row r="15521" spans="1:6" x14ac:dyDescent="0.25">
      <c r="A15521">
        <v>167.67</v>
      </c>
      <c r="B15521">
        <v>207.67</v>
      </c>
      <c r="C15521">
        <v>11072.7</v>
      </c>
      <c r="D15521">
        <v>3.7</v>
      </c>
      <c r="E15521">
        <v>4355.29</v>
      </c>
      <c r="F15521">
        <v>75.409700000000001</v>
      </c>
    </row>
    <row r="15522" spans="1:6" x14ac:dyDescent="0.25">
      <c r="A15522">
        <v>167.67</v>
      </c>
      <c r="B15522">
        <v>207.67</v>
      </c>
      <c r="C15522">
        <v>11072.7</v>
      </c>
      <c r="D15522">
        <v>4</v>
      </c>
      <c r="E15522">
        <v>4361.99</v>
      </c>
      <c r="F15522">
        <v>74.384699999999995</v>
      </c>
    </row>
    <row r="15523" spans="1:6" x14ac:dyDescent="0.25">
      <c r="A15523">
        <v>167.67</v>
      </c>
      <c r="B15523">
        <v>207.67</v>
      </c>
      <c r="C15523">
        <v>12618.2</v>
      </c>
      <c r="D15523">
        <v>1</v>
      </c>
      <c r="E15523">
        <v>5775.93</v>
      </c>
      <c r="F15523">
        <v>68.071700000000007</v>
      </c>
    </row>
    <row r="15524" spans="1:6" x14ac:dyDescent="0.25">
      <c r="A15524">
        <v>167.67</v>
      </c>
      <c r="B15524">
        <v>207.67</v>
      </c>
      <c r="C15524">
        <v>12618.2</v>
      </c>
      <c r="D15524">
        <v>1.3</v>
      </c>
      <c r="E15524">
        <v>5350.28</v>
      </c>
      <c r="F15524">
        <v>71.020300000000006</v>
      </c>
    </row>
    <row r="15525" spans="1:6" x14ac:dyDescent="0.25">
      <c r="A15525">
        <v>167.67</v>
      </c>
      <c r="B15525">
        <v>207.67</v>
      </c>
      <c r="C15525">
        <v>12618.2</v>
      </c>
      <c r="D15525">
        <v>1.6</v>
      </c>
      <c r="E15525">
        <v>5111.9399999999996</v>
      </c>
      <c r="F15525">
        <v>71.690399999999997</v>
      </c>
    </row>
    <row r="15526" spans="1:6" x14ac:dyDescent="0.25">
      <c r="A15526">
        <v>167.67</v>
      </c>
      <c r="B15526">
        <v>207.67</v>
      </c>
      <c r="C15526">
        <v>12618.2</v>
      </c>
      <c r="D15526">
        <v>1.9</v>
      </c>
      <c r="E15526">
        <v>4987.7</v>
      </c>
      <c r="F15526">
        <v>69.316500000000005</v>
      </c>
    </row>
    <row r="15527" spans="1:6" x14ac:dyDescent="0.25">
      <c r="A15527">
        <v>167.67</v>
      </c>
      <c r="B15527">
        <v>207.67</v>
      </c>
      <c r="C15527">
        <v>12618.2</v>
      </c>
      <c r="D15527">
        <v>2.2000000000000002</v>
      </c>
      <c r="E15527">
        <v>4823.3500000000004</v>
      </c>
      <c r="F15527">
        <v>73.441599999999994</v>
      </c>
    </row>
    <row r="15528" spans="1:6" x14ac:dyDescent="0.25">
      <c r="A15528">
        <v>167.67</v>
      </c>
      <c r="B15528">
        <v>207.67</v>
      </c>
      <c r="C15528">
        <v>12618.2</v>
      </c>
      <c r="D15528">
        <v>2.5</v>
      </c>
      <c r="E15528">
        <v>4675.26</v>
      </c>
      <c r="F15528">
        <v>63.775199999999998</v>
      </c>
    </row>
    <row r="15529" spans="1:6" x14ac:dyDescent="0.25">
      <c r="A15529">
        <v>167.67</v>
      </c>
      <c r="B15529">
        <v>207.67</v>
      </c>
      <c r="C15529">
        <v>12618.2</v>
      </c>
      <c r="D15529">
        <v>2.8</v>
      </c>
      <c r="E15529">
        <v>4657.34</v>
      </c>
      <c r="F15529">
        <v>71.703800000000001</v>
      </c>
    </row>
    <row r="15530" spans="1:6" x14ac:dyDescent="0.25">
      <c r="A15530">
        <v>167.67</v>
      </c>
      <c r="B15530">
        <v>207.67</v>
      </c>
      <c r="C15530">
        <v>12618.2</v>
      </c>
      <c r="D15530">
        <v>3.1</v>
      </c>
      <c r="E15530">
        <v>4511.97</v>
      </c>
      <c r="F15530">
        <v>73.101900000000001</v>
      </c>
    </row>
    <row r="15531" spans="1:6" x14ac:dyDescent="0.25">
      <c r="A15531">
        <v>167.67</v>
      </c>
      <c r="B15531">
        <v>207.67</v>
      </c>
      <c r="C15531">
        <v>12618.2</v>
      </c>
      <c r="D15531">
        <v>3.4</v>
      </c>
      <c r="E15531">
        <v>4535.6400000000003</v>
      </c>
      <c r="F15531">
        <v>72.049800000000005</v>
      </c>
    </row>
    <row r="15532" spans="1:6" x14ac:dyDescent="0.25">
      <c r="A15532">
        <v>167.67</v>
      </c>
      <c r="B15532">
        <v>207.67</v>
      </c>
      <c r="C15532">
        <v>12618.2</v>
      </c>
      <c r="D15532">
        <v>3.7</v>
      </c>
      <c r="E15532">
        <v>4355.29</v>
      </c>
      <c r="F15532">
        <v>75.409700000000001</v>
      </c>
    </row>
    <row r="15533" spans="1:6" x14ac:dyDescent="0.25">
      <c r="A15533">
        <v>167.67</v>
      </c>
      <c r="B15533">
        <v>207.67</v>
      </c>
      <c r="C15533">
        <v>12618.2</v>
      </c>
      <c r="D15533">
        <v>4</v>
      </c>
      <c r="E15533">
        <v>4361.99</v>
      </c>
      <c r="F15533">
        <v>74.384699999999995</v>
      </c>
    </row>
    <row r="15534" spans="1:6" x14ac:dyDescent="0.25">
      <c r="A15534">
        <v>167.67</v>
      </c>
      <c r="B15534">
        <v>207.67</v>
      </c>
      <c r="C15534">
        <v>14163.6</v>
      </c>
      <c r="D15534">
        <v>1</v>
      </c>
      <c r="E15534">
        <v>5775.93</v>
      </c>
      <c r="F15534">
        <v>68.071700000000007</v>
      </c>
    </row>
    <row r="15535" spans="1:6" x14ac:dyDescent="0.25">
      <c r="A15535">
        <v>167.67</v>
      </c>
      <c r="B15535">
        <v>207.67</v>
      </c>
      <c r="C15535">
        <v>14163.6</v>
      </c>
      <c r="D15535">
        <v>1.3</v>
      </c>
      <c r="E15535">
        <v>5350.28</v>
      </c>
      <c r="F15535">
        <v>71.020300000000006</v>
      </c>
    </row>
    <row r="15536" spans="1:6" x14ac:dyDescent="0.25">
      <c r="A15536">
        <v>167.67</v>
      </c>
      <c r="B15536">
        <v>207.67</v>
      </c>
      <c r="C15536">
        <v>14163.6</v>
      </c>
      <c r="D15536">
        <v>1.6</v>
      </c>
      <c r="E15536">
        <v>5111.9399999999996</v>
      </c>
      <c r="F15536">
        <v>71.690399999999997</v>
      </c>
    </row>
    <row r="15537" spans="1:6" x14ac:dyDescent="0.25">
      <c r="A15537">
        <v>167.67</v>
      </c>
      <c r="B15537">
        <v>207.67</v>
      </c>
      <c r="C15537">
        <v>14163.6</v>
      </c>
      <c r="D15537">
        <v>1.9</v>
      </c>
      <c r="E15537">
        <v>4987.7</v>
      </c>
      <c r="F15537">
        <v>69.316500000000005</v>
      </c>
    </row>
    <row r="15538" spans="1:6" x14ac:dyDescent="0.25">
      <c r="A15538">
        <v>167.67</v>
      </c>
      <c r="B15538">
        <v>207.67</v>
      </c>
      <c r="C15538">
        <v>14163.6</v>
      </c>
      <c r="D15538">
        <v>2.2000000000000002</v>
      </c>
      <c r="E15538">
        <v>4823.3500000000004</v>
      </c>
      <c r="F15538">
        <v>73.441599999999994</v>
      </c>
    </row>
    <row r="15539" spans="1:6" x14ac:dyDescent="0.25">
      <c r="A15539">
        <v>167.67</v>
      </c>
      <c r="B15539">
        <v>207.67</v>
      </c>
      <c r="C15539">
        <v>14163.6</v>
      </c>
      <c r="D15539">
        <v>2.5</v>
      </c>
      <c r="E15539">
        <v>4675.26</v>
      </c>
      <c r="F15539">
        <v>63.775199999999998</v>
      </c>
    </row>
    <row r="15540" spans="1:6" x14ac:dyDescent="0.25">
      <c r="A15540">
        <v>167.67</v>
      </c>
      <c r="B15540">
        <v>207.67</v>
      </c>
      <c r="C15540">
        <v>14163.6</v>
      </c>
      <c r="D15540">
        <v>2.8</v>
      </c>
      <c r="E15540">
        <v>4657.34</v>
      </c>
      <c r="F15540">
        <v>71.703800000000001</v>
      </c>
    </row>
    <row r="15541" spans="1:6" x14ac:dyDescent="0.25">
      <c r="A15541">
        <v>167.67</v>
      </c>
      <c r="B15541">
        <v>207.67</v>
      </c>
      <c r="C15541">
        <v>14163.6</v>
      </c>
      <c r="D15541">
        <v>3.1</v>
      </c>
      <c r="E15541">
        <v>4511.97</v>
      </c>
      <c r="F15541">
        <v>73.101900000000001</v>
      </c>
    </row>
    <row r="15542" spans="1:6" x14ac:dyDescent="0.25">
      <c r="A15542">
        <v>167.67</v>
      </c>
      <c r="B15542">
        <v>207.67</v>
      </c>
      <c r="C15542">
        <v>14163.6</v>
      </c>
      <c r="D15542">
        <v>3.4</v>
      </c>
      <c r="E15542">
        <v>4535.6400000000003</v>
      </c>
      <c r="F15542">
        <v>72.049800000000005</v>
      </c>
    </row>
    <row r="15543" spans="1:6" x14ac:dyDescent="0.25">
      <c r="A15543">
        <v>167.67</v>
      </c>
      <c r="B15543">
        <v>207.67</v>
      </c>
      <c r="C15543">
        <v>14163.6</v>
      </c>
      <c r="D15543">
        <v>3.7</v>
      </c>
      <c r="E15543">
        <v>4355.29</v>
      </c>
      <c r="F15543">
        <v>75.409700000000001</v>
      </c>
    </row>
    <row r="15544" spans="1:6" x14ac:dyDescent="0.25">
      <c r="A15544">
        <v>167.67</v>
      </c>
      <c r="B15544">
        <v>207.67</v>
      </c>
      <c r="C15544">
        <v>14163.6</v>
      </c>
      <c r="D15544">
        <v>4</v>
      </c>
      <c r="E15544">
        <v>4361.99</v>
      </c>
      <c r="F15544">
        <v>74.384699999999995</v>
      </c>
    </row>
    <row r="15545" spans="1:6" x14ac:dyDescent="0.25">
      <c r="A15545">
        <v>167.67</v>
      </c>
      <c r="B15545">
        <v>207.67</v>
      </c>
      <c r="C15545">
        <v>15709.1</v>
      </c>
      <c r="D15545">
        <v>1</v>
      </c>
      <c r="E15545">
        <v>5775.93</v>
      </c>
      <c r="F15545">
        <v>68.071700000000007</v>
      </c>
    </row>
    <row r="15546" spans="1:6" x14ac:dyDescent="0.25">
      <c r="A15546">
        <v>167.67</v>
      </c>
      <c r="B15546">
        <v>207.67</v>
      </c>
      <c r="C15546">
        <v>15709.1</v>
      </c>
      <c r="D15546">
        <v>1.3</v>
      </c>
      <c r="E15546">
        <v>5350.28</v>
      </c>
      <c r="F15546">
        <v>71.020300000000006</v>
      </c>
    </row>
    <row r="15547" spans="1:6" x14ac:dyDescent="0.25">
      <c r="A15547">
        <v>167.67</v>
      </c>
      <c r="B15547">
        <v>207.67</v>
      </c>
      <c r="C15547">
        <v>15709.1</v>
      </c>
      <c r="D15547">
        <v>1.6</v>
      </c>
      <c r="E15547">
        <v>5111.9399999999996</v>
      </c>
      <c r="F15547">
        <v>71.690399999999997</v>
      </c>
    </row>
    <row r="15548" spans="1:6" x14ac:dyDescent="0.25">
      <c r="A15548">
        <v>167.67</v>
      </c>
      <c r="B15548">
        <v>207.67</v>
      </c>
      <c r="C15548">
        <v>15709.1</v>
      </c>
      <c r="D15548">
        <v>1.9</v>
      </c>
      <c r="E15548">
        <v>4987.7</v>
      </c>
      <c r="F15548">
        <v>69.316500000000005</v>
      </c>
    </row>
    <row r="15549" spans="1:6" x14ac:dyDescent="0.25">
      <c r="A15549">
        <v>167.67</v>
      </c>
      <c r="B15549">
        <v>207.67</v>
      </c>
      <c r="C15549">
        <v>15709.1</v>
      </c>
      <c r="D15549">
        <v>2.2000000000000002</v>
      </c>
      <c r="E15549">
        <v>4823.3500000000004</v>
      </c>
      <c r="F15549">
        <v>73.441599999999994</v>
      </c>
    </row>
    <row r="15550" spans="1:6" x14ac:dyDescent="0.25">
      <c r="A15550">
        <v>167.67</v>
      </c>
      <c r="B15550">
        <v>207.67</v>
      </c>
      <c r="C15550">
        <v>15709.1</v>
      </c>
      <c r="D15550">
        <v>2.5</v>
      </c>
      <c r="E15550">
        <v>4675.26</v>
      </c>
      <c r="F15550">
        <v>63.775199999999998</v>
      </c>
    </row>
    <row r="15551" spans="1:6" x14ac:dyDescent="0.25">
      <c r="A15551">
        <v>167.67</v>
      </c>
      <c r="B15551">
        <v>207.67</v>
      </c>
      <c r="C15551">
        <v>15709.1</v>
      </c>
      <c r="D15551">
        <v>2.8</v>
      </c>
      <c r="E15551">
        <v>4657.34</v>
      </c>
      <c r="F15551">
        <v>71.703800000000001</v>
      </c>
    </row>
    <row r="15552" spans="1:6" x14ac:dyDescent="0.25">
      <c r="A15552">
        <v>167.67</v>
      </c>
      <c r="B15552">
        <v>207.67</v>
      </c>
      <c r="C15552">
        <v>15709.1</v>
      </c>
      <c r="D15552">
        <v>3.1</v>
      </c>
      <c r="E15552">
        <v>4511.97</v>
      </c>
      <c r="F15552">
        <v>73.101900000000001</v>
      </c>
    </row>
    <row r="15553" spans="1:6" x14ac:dyDescent="0.25">
      <c r="A15553">
        <v>167.67</v>
      </c>
      <c r="B15553">
        <v>207.67</v>
      </c>
      <c r="C15553">
        <v>15709.1</v>
      </c>
      <c r="D15553">
        <v>3.4</v>
      </c>
      <c r="E15553">
        <v>4535.6400000000003</v>
      </c>
      <c r="F15553">
        <v>72.049800000000005</v>
      </c>
    </row>
    <row r="15554" spans="1:6" x14ac:dyDescent="0.25">
      <c r="A15554">
        <v>167.67</v>
      </c>
      <c r="B15554">
        <v>207.67</v>
      </c>
      <c r="C15554">
        <v>15709.1</v>
      </c>
      <c r="D15554">
        <v>3.7</v>
      </c>
      <c r="E15554">
        <v>4355.29</v>
      </c>
      <c r="F15554">
        <v>75.409700000000001</v>
      </c>
    </row>
    <row r="15555" spans="1:6" x14ac:dyDescent="0.25">
      <c r="A15555">
        <v>167.67</v>
      </c>
      <c r="B15555">
        <v>207.67</v>
      </c>
      <c r="C15555">
        <v>15709.1</v>
      </c>
      <c r="D15555">
        <v>4</v>
      </c>
      <c r="E15555">
        <v>4361.99</v>
      </c>
      <c r="F15555">
        <v>74.384699999999995</v>
      </c>
    </row>
    <row r="15556" spans="1:6" x14ac:dyDescent="0.25">
      <c r="A15556">
        <v>167.67</v>
      </c>
      <c r="B15556">
        <v>207.67</v>
      </c>
      <c r="C15556">
        <v>17254.5</v>
      </c>
      <c r="D15556">
        <v>1</v>
      </c>
      <c r="E15556">
        <v>5775.93</v>
      </c>
      <c r="F15556">
        <v>68.071700000000007</v>
      </c>
    </row>
    <row r="15557" spans="1:6" x14ac:dyDescent="0.25">
      <c r="A15557">
        <v>167.67</v>
      </c>
      <c r="B15557">
        <v>207.67</v>
      </c>
      <c r="C15557">
        <v>17254.5</v>
      </c>
      <c r="D15557">
        <v>1.3</v>
      </c>
      <c r="E15557">
        <v>5350.28</v>
      </c>
      <c r="F15557">
        <v>71.020300000000006</v>
      </c>
    </row>
    <row r="15558" spans="1:6" x14ac:dyDescent="0.25">
      <c r="A15558">
        <v>167.67</v>
      </c>
      <c r="B15558">
        <v>207.67</v>
      </c>
      <c r="C15558">
        <v>17254.5</v>
      </c>
      <c r="D15558">
        <v>1.6</v>
      </c>
      <c r="E15558">
        <v>5111.9399999999996</v>
      </c>
      <c r="F15558">
        <v>71.690399999999997</v>
      </c>
    </row>
    <row r="15559" spans="1:6" x14ac:dyDescent="0.25">
      <c r="A15559">
        <v>167.67</v>
      </c>
      <c r="B15559">
        <v>207.67</v>
      </c>
      <c r="C15559">
        <v>17254.5</v>
      </c>
      <c r="D15559">
        <v>1.9</v>
      </c>
      <c r="E15559">
        <v>4987.7</v>
      </c>
      <c r="F15559">
        <v>69.316500000000005</v>
      </c>
    </row>
    <row r="15560" spans="1:6" x14ac:dyDescent="0.25">
      <c r="A15560">
        <v>167.67</v>
      </c>
      <c r="B15560">
        <v>207.67</v>
      </c>
      <c r="C15560">
        <v>17254.5</v>
      </c>
      <c r="D15560">
        <v>2.2000000000000002</v>
      </c>
      <c r="E15560">
        <v>4823.3500000000004</v>
      </c>
      <c r="F15560">
        <v>73.441599999999994</v>
      </c>
    </row>
    <row r="15561" spans="1:6" x14ac:dyDescent="0.25">
      <c r="A15561">
        <v>167.67</v>
      </c>
      <c r="B15561">
        <v>207.67</v>
      </c>
      <c r="C15561">
        <v>17254.5</v>
      </c>
      <c r="D15561">
        <v>2.5</v>
      </c>
      <c r="E15561">
        <v>4675.26</v>
      </c>
      <c r="F15561">
        <v>63.775199999999998</v>
      </c>
    </row>
    <row r="15562" spans="1:6" x14ac:dyDescent="0.25">
      <c r="A15562">
        <v>167.67</v>
      </c>
      <c r="B15562">
        <v>207.67</v>
      </c>
      <c r="C15562">
        <v>17254.5</v>
      </c>
      <c r="D15562">
        <v>2.8</v>
      </c>
      <c r="E15562">
        <v>4657.34</v>
      </c>
      <c r="F15562">
        <v>71.703800000000001</v>
      </c>
    </row>
    <row r="15563" spans="1:6" x14ac:dyDescent="0.25">
      <c r="A15563">
        <v>167.67</v>
      </c>
      <c r="B15563">
        <v>207.67</v>
      </c>
      <c r="C15563">
        <v>17254.5</v>
      </c>
      <c r="D15563">
        <v>3.1</v>
      </c>
      <c r="E15563">
        <v>4511.97</v>
      </c>
      <c r="F15563">
        <v>73.101900000000001</v>
      </c>
    </row>
    <row r="15564" spans="1:6" x14ac:dyDescent="0.25">
      <c r="A15564">
        <v>167.67</v>
      </c>
      <c r="B15564">
        <v>207.67</v>
      </c>
      <c r="C15564">
        <v>17254.5</v>
      </c>
      <c r="D15564">
        <v>3.4</v>
      </c>
      <c r="E15564">
        <v>4535.6400000000003</v>
      </c>
      <c r="F15564">
        <v>72.049800000000005</v>
      </c>
    </row>
    <row r="15565" spans="1:6" x14ac:dyDescent="0.25">
      <c r="A15565">
        <v>167.67</v>
      </c>
      <c r="B15565">
        <v>207.67</v>
      </c>
      <c r="C15565">
        <v>17254.5</v>
      </c>
      <c r="D15565">
        <v>3.7</v>
      </c>
      <c r="E15565">
        <v>4355.29</v>
      </c>
      <c r="F15565">
        <v>75.409700000000001</v>
      </c>
    </row>
    <row r="15566" spans="1:6" x14ac:dyDescent="0.25">
      <c r="A15566">
        <v>167.67</v>
      </c>
      <c r="B15566">
        <v>207.67</v>
      </c>
      <c r="C15566">
        <v>17254.5</v>
      </c>
      <c r="D15566">
        <v>4</v>
      </c>
      <c r="E15566">
        <v>4361.99</v>
      </c>
      <c r="F15566">
        <v>74.384699999999995</v>
      </c>
    </row>
    <row r="15567" spans="1:6" x14ac:dyDescent="0.25">
      <c r="A15567">
        <v>167.67</v>
      </c>
      <c r="B15567">
        <v>207.67</v>
      </c>
      <c r="C15567">
        <v>18800</v>
      </c>
      <c r="D15567">
        <v>1</v>
      </c>
      <c r="E15567">
        <v>5775.93</v>
      </c>
      <c r="F15567">
        <v>68.071700000000007</v>
      </c>
    </row>
    <row r="15568" spans="1:6" x14ac:dyDescent="0.25">
      <c r="A15568">
        <v>167.67</v>
      </c>
      <c r="B15568">
        <v>207.67</v>
      </c>
      <c r="C15568">
        <v>18800</v>
      </c>
      <c r="D15568">
        <v>1.3</v>
      </c>
      <c r="E15568">
        <v>5350.28</v>
      </c>
      <c r="F15568">
        <v>71.020300000000006</v>
      </c>
    </row>
    <row r="15569" spans="1:6" x14ac:dyDescent="0.25">
      <c r="A15569">
        <v>167.67</v>
      </c>
      <c r="B15569">
        <v>207.67</v>
      </c>
      <c r="C15569">
        <v>18800</v>
      </c>
      <c r="D15569">
        <v>1.6</v>
      </c>
      <c r="E15569">
        <v>5111.9399999999996</v>
      </c>
      <c r="F15569">
        <v>71.690399999999997</v>
      </c>
    </row>
    <row r="15570" spans="1:6" x14ac:dyDescent="0.25">
      <c r="A15570">
        <v>167.67</v>
      </c>
      <c r="B15570">
        <v>207.67</v>
      </c>
      <c r="C15570">
        <v>18800</v>
      </c>
      <c r="D15570">
        <v>1.9</v>
      </c>
      <c r="E15570">
        <v>4987.7</v>
      </c>
      <c r="F15570">
        <v>69.316500000000005</v>
      </c>
    </row>
    <row r="15571" spans="1:6" x14ac:dyDescent="0.25">
      <c r="A15571">
        <v>167.67</v>
      </c>
      <c r="B15571">
        <v>207.67</v>
      </c>
      <c r="C15571">
        <v>18800</v>
      </c>
      <c r="D15571">
        <v>2.2000000000000002</v>
      </c>
      <c r="E15571">
        <v>4823.3500000000004</v>
      </c>
      <c r="F15571">
        <v>73.441599999999994</v>
      </c>
    </row>
    <row r="15572" spans="1:6" x14ac:dyDescent="0.25">
      <c r="A15572">
        <v>167.67</v>
      </c>
      <c r="B15572">
        <v>207.67</v>
      </c>
      <c r="C15572">
        <v>18800</v>
      </c>
      <c r="D15572">
        <v>2.5</v>
      </c>
      <c r="E15572">
        <v>4675.26</v>
      </c>
      <c r="F15572">
        <v>63.775199999999998</v>
      </c>
    </row>
    <row r="15573" spans="1:6" x14ac:dyDescent="0.25">
      <c r="A15573">
        <v>167.67</v>
      </c>
      <c r="B15573">
        <v>207.67</v>
      </c>
      <c r="C15573">
        <v>18800</v>
      </c>
      <c r="D15573">
        <v>2.8</v>
      </c>
      <c r="E15573">
        <v>4657.34</v>
      </c>
      <c r="F15573">
        <v>71.703800000000001</v>
      </c>
    </row>
    <row r="15574" spans="1:6" x14ac:dyDescent="0.25">
      <c r="A15574">
        <v>167.67</v>
      </c>
      <c r="B15574">
        <v>207.67</v>
      </c>
      <c r="C15574">
        <v>18800</v>
      </c>
      <c r="D15574">
        <v>3.1</v>
      </c>
      <c r="E15574">
        <v>4511.97</v>
      </c>
      <c r="F15574">
        <v>73.101900000000001</v>
      </c>
    </row>
    <row r="15575" spans="1:6" x14ac:dyDescent="0.25">
      <c r="A15575">
        <v>167.67</v>
      </c>
      <c r="B15575">
        <v>207.67</v>
      </c>
      <c r="C15575">
        <v>18800</v>
      </c>
      <c r="D15575">
        <v>3.4</v>
      </c>
      <c r="E15575">
        <v>4535.6400000000003</v>
      </c>
      <c r="F15575">
        <v>72.049800000000005</v>
      </c>
    </row>
    <row r="15576" spans="1:6" x14ac:dyDescent="0.25">
      <c r="A15576">
        <v>167.67</v>
      </c>
      <c r="B15576">
        <v>207.67</v>
      </c>
      <c r="C15576">
        <v>18800</v>
      </c>
      <c r="D15576">
        <v>3.7</v>
      </c>
      <c r="E15576">
        <v>4355.29</v>
      </c>
      <c r="F15576">
        <v>75.409700000000001</v>
      </c>
    </row>
    <row r="15577" spans="1:6" x14ac:dyDescent="0.25">
      <c r="A15577">
        <v>167.67</v>
      </c>
      <c r="B15577">
        <v>207.67</v>
      </c>
      <c r="C15577">
        <v>18800</v>
      </c>
      <c r="D15577">
        <v>4</v>
      </c>
      <c r="E15577">
        <v>4361.99</v>
      </c>
      <c r="F15577">
        <v>74.384699999999995</v>
      </c>
    </row>
    <row r="15578" spans="1:6" x14ac:dyDescent="0.25">
      <c r="A15578">
        <v>167.67</v>
      </c>
      <c r="B15578">
        <v>211.3</v>
      </c>
      <c r="C15578">
        <v>1800</v>
      </c>
      <c r="D15578">
        <v>1</v>
      </c>
      <c r="E15578">
        <v>5200.8500000000004</v>
      </c>
      <c r="F15578">
        <v>68.071700000000007</v>
      </c>
    </row>
    <row r="15579" spans="1:6" x14ac:dyDescent="0.25">
      <c r="A15579">
        <v>167.67</v>
      </c>
      <c r="B15579">
        <v>211.3</v>
      </c>
      <c r="C15579">
        <v>1800</v>
      </c>
      <c r="D15579">
        <v>1.3</v>
      </c>
      <c r="E15579">
        <v>4586.66</v>
      </c>
      <c r="F15579">
        <v>71.020300000000006</v>
      </c>
    </row>
    <row r="15580" spans="1:6" x14ac:dyDescent="0.25">
      <c r="A15580">
        <v>167.67</v>
      </c>
      <c r="B15580">
        <v>211.3</v>
      </c>
      <c r="C15580">
        <v>1800</v>
      </c>
      <c r="D15580">
        <v>1.6</v>
      </c>
      <c r="E15580">
        <v>4230.63</v>
      </c>
      <c r="F15580">
        <v>71.690399999999997</v>
      </c>
    </row>
    <row r="15581" spans="1:6" x14ac:dyDescent="0.25">
      <c r="A15581">
        <v>167.67</v>
      </c>
      <c r="B15581">
        <v>211.3</v>
      </c>
      <c r="C15581">
        <v>1800</v>
      </c>
      <c r="D15581">
        <v>1.9</v>
      </c>
      <c r="E15581">
        <v>3934.15</v>
      </c>
      <c r="F15581">
        <v>69.316500000000005</v>
      </c>
    </row>
    <row r="15582" spans="1:6" x14ac:dyDescent="0.25">
      <c r="A15582">
        <v>167.67</v>
      </c>
      <c r="B15582">
        <v>211.3</v>
      </c>
      <c r="C15582">
        <v>1800</v>
      </c>
      <c r="D15582">
        <v>2.2000000000000002</v>
      </c>
      <c r="E15582">
        <v>3720.47</v>
      </c>
      <c r="F15582">
        <v>70.762</v>
      </c>
    </row>
    <row r="15583" spans="1:6" x14ac:dyDescent="0.25">
      <c r="A15583">
        <v>167.67</v>
      </c>
      <c r="B15583">
        <v>211.3</v>
      </c>
      <c r="C15583">
        <v>1800</v>
      </c>
      <c r="D15583">
        <v>2.5</v>
      </c>
      <c r="E15583">
        <v>3517.94</v>
      </c>
      <c r="F15583">
        <v>58.161099999999998</v>
      </c>
    </row>
    <row r="15584" spans="1:6" x14ac:dyDescent="0.25">
      <c r="A15584">
        <v>167.67</v>
      </c>
      <c r="B15584">
        <v>211.3</v>
      </c>
      <c r="C15584">
        <v>1800</v>
      </c>
      <c r="D15584">
        <v>2.8</v>
      </c>
      <c r="E15584">
        <v>3395.49</v>
      </c>
      <c r="F15584">
        <v>67.951499999999996</v>
      </c>
    </row>
    <row r="15585" spans="1:6" x14ac:dyDescent="0.25">
      <c r="A15585">
        <v>167.67</v>
      </c>
      <c r="B15585">
        <v>211.3</v>
      </c>
      <c r="C15585">
        <v>1800</v>
      </c>
      <c r="D15585">
        <v>3.1</v>
      </c>
      <c r="E15585">
        <v>3288.94</v>
      </c>
      <c r="F15585">
        <v>69.2072</v>
      </c>
    </row>
    <row r="15586" spans="1:6" x14ac:dyDescent="0.25">
      <c r="A15586">
        <v>167.67</v>
      </c>
      <c r="B15586">
        <v>211.3</v>
      </c>
      <c r="C15586">
        <v>1800</v>
      </c>
      <c r="D15586">
        <v>3.4</v>
      </c>
      <c r="E15586">
        <v>3300.04</v>
      </c>
      <c r="F15586">
        <v>62.561599999999999</v>
      </c>
    </row>
    <row r="15587" spans="1:6" x14ac:dyDescent="0.25">
      <c r="A15587">
        <v>167.67</v>
      </c>
      <c r="B15587">
        <v>211.3</v>
      </c>
      <c r="C15587">
        <v>1800</v>
      </c>
      <c r="D15587">
        <v>3.7</v>
      </c>
      <c r="E15587">
        <v>3206.91</v>
      </c>
      <c r="F15587">
        <v>64.258499999999998</v>
      </c>
    </row>
    <row r="15588" spans="1:6" x14ac:dyDescent="0.25">
      <c r="A15588">
        <v>167.67</v>
      </c>
      <c r="B15588">
        <v>211.3</v>
      </c>
      <c r="C15588">
        <v>1800</v>
      </c>
      <c r="D15588">
        <v>4</v>
      </c>
      <c r="E15588">
        <v>3148.87</v>
      </c>
      <c r="F15588">
        <v>61.8521</v>
      </c>
    </row>
    <row r="15589" spans="1:6" x14ac:dyDescent="0.25">
      <c r="A15589">
        <v>167.67</v>
      </c>
      <c r="B15589">
        <v>211.3</v>
      </c>
      <c r="C15589">
        <v>3345.45</v>
      </c>
      <c r="D15589">
        <v>1</v>
      </c>
      <c r="E15589">
        <v>5775.93</v>
      </c>
      <c r="F15589">
        <v>68.071700000000007</v>
      </c>
    </row>
    <row r="15590" spans="1:6" x14ac:dyDescent="0.25">
      <c r="A15590">
        <v>167.67</v>
      </c>
      <c r="B15590">
        <v>211.3</v>
      </c>
      <c r="C15590">
        <v>3345.45</v>
      </c>
      <c r="D15590">
        <v>1.3</v>
      </c>
      <c r="E15590">
        <v>5350.28</v>
      </c>
      <c r="F15590">
        <v>71.020300000000006</v>
      </c>
    </row>
    <row r="15591" spans="1:6" x14ac:dyDescent="0.25">
      <c r="A15591">
        <v>167.67</v>
      </c>
      <c r="B15591">
        <v>211.3</v>
      </c>
      <c r="C15591">
        <v>3345.45</v>
      </c>
      <c r="D15591">
        <v>1.6</v>
      </c>
      <c r="E15591">
        <v>5111.9399999999996</v>
      </c>
      <c r="F15591">
        <v>71.690399999999997</v>
      </c>
    </row>
    <row r="15592" spans="1:6" x14ac:dyDescent="0.25">
      <c r="A15592">
        <v>167.67</v>
      </c>
      <c r="B15592">
        <v>211.3</v>
      </c>
      <c r="C15592">
        <v>3345.45</v>
      </c>
      <c r="D15592">
        <v>1.9</v>
      </c>
      <c r="E15592">
        <v>4987.7</v>
      </c>
      <c r="F15592">
        <v>69.316500000000005</v>
      </c>
    </row>
    <row r="15593" spans="1:6" x14ac:dyDescent="0.25">
      <c r="A15593">
        <v>167.67</v>
      </c>
      <c r="B15593">
        <v>211.3</v>
      </c>
      <c r="C15593">
        <v>3345.45</v>
      </c>
      <c r="D15593">
        <v>2.2000000000000002</v>
      </c>
      <c r="E15593">
        <v>4823.3500000000004</v>
      </c>
      <c r="F15593">
        <v>73.441599999999994</v>
      </c>
    </row>
    <row r="15594" spans="1:6" x14ac:dyDescent="0.25">
      <c r="A15594">
        <v>167.67</v>
      </c>
      <c r="B15594">
        <v>211.3</v>
      </c>
      <c r="C15594">
        <v>3345.45</v>
      </c>
      <c r="D15594">
        <v>2.5</v>
      </c>
      <c r="E15594">
        <v>4675.26</v>
      </c>
      <c r="F15594">
        <v>63.775199999999998</v>
      </c>
    </row>
    <row r="15595" spans="1:6" x14ac:dyDescent="0.25">
      <c r="A15595">
        <v>167.67</v>
      </c>
      <c r="B15595">
        <v>211.3</v>
      </c>
      <c r="C15595">
        <v>3345.45</v>
      </c>
      <c r="D15595">
        <v>2.8</v>
      </c>
      <c r="E15595">
        <v>4529.8</v>
      </c>
      <c r="F15595">
        <v>71.703800000000001</v>
      </c>
    </row>
    <row r="15596" spans="1:6" x14ac:dyDescent="0.25">
      <c r="A15596">
        <v>167.67</v>
      </c>
      <c r="B15596">
        <v>211.3</v>
      </c>
      <c r="C15596">
        <v>3345.45</v>
      </c>
      <c r="D15596">
        <v>3.1</v>
      </c>
      <c r="E15596">
        <v>4570.46</v>
      </c>
      <c r="F15596">
        <v>73.101900000000001</v>
      </c>
    </row>
    <row r="15597" spans="1:6" x14ac:dyDescent="0.25">
      <c r="A15597">
        <v>167.67</v>
      </c>
      <c r="B15597">
        <v>211.3</v>
      </c>
      <c r="C15597">
        <v>3345.45</v>
      </c>
      <c r="D15597">
        <v>3.4</v>
      </c>
      <c r="E15597">
        <v>4378.03</v>
      </c>
      <c r="F15597">
        <v>72.049800000000005</v>
      </c>
    </row>
    <row r="15598" spans="1:6" x14ac:dyDescent="0.25">
      <c r="A15598">
        <v>167.67</v>
      </c>
      <c r="B15598">
        <v>211.3</v>
      </c>
      <c r="C15598">
        <v>3345.45</v>
      </c>
      <c r="D15598">
        <v>3.7</v>
      </c>
      <c r="E15598">
        <v>4366.8900000000003</v>
      </c>
      <c r="F15598">
        <v>75.409700000000001</v>
      </c>
    </row>
    <row r="15599" spans="1:6" x14ac:dyDescent="0.25">
      <c r="A15599">
        <v>167.67</v>
      </c>
      <c r="B15599">
        <v>211.3</v>
      </c>
      <c r="C15599">
        <v>3345.45</v>
      </c>
      <c r="D15599">
        <v>4</v>
      </c>
      <c r="E15599">
        <v>4311.3900000000003</v>
      </c>
      <c r="F15599">
        <v>74.384699999999995</v>
      </c>
    </row>
    <row r="15600" spans="1:6" x14ac:dyDescent="0.25">
      <c r="A15600">
        <v>167.67</v>
      </c>
      <c r="B15600">
        <v>211.3</v>
      </c>
      <c r="C15600">
        <v>4890.8999999999996</v>
      </c>
      <c r="D15600">
        <v>1</v>
      </c>
      <c r="E15600">
        <v>5775.93</v>
      </c>
      <c r="F15600">
        <v>68.071700000000007</v>
      </c>
    </row>
    <row r="15601" spans="1:6" x14ac:dyDescent="0.25">
      <c r="A15601">
        <v>167.67</v>
      </c>
      <c r="B15601">
        <v>211.3</v>
      </c>
      <c r="C15601">
        <v>4890.8999999999996</v>
      </c>
      <c r="D15601">
        <v>1.3</v>
      </c>
      <c r="E15601">
        <v>5350.28</v>
      </c>
      <c r="F15601">
        <v>71.020300000000006</v>
      </c>
    </row>
    <row r="15602" spans="1:6" x14ac:dyDescent="0.25">
      <c r="A15602">
        <v>167.67</v>
      </c>
      <c r="B15602">
        <v>211.3</v>
      </c>
      <c r="C15602">
        <v>4890.8999999999996</v>
      </c>
      <c r="D15602">
        <v>1.6</v>
      </c>
      <c r="E15602">
        <v>5111.9399999999996</v>
      </c>
      <c r="F15602">
        <v>71.690399999999997</v>
      </c>
    </row>
    <row r="15603" spans="1:6" x14ac:dyDescent="0.25">
      <c r="A15603">
        <v>167.67</v>
      </c>
      <c r="B15603">
        <v>211.3</v>
      </c>
      <c r="C15603">
        <v>4890.8999999999996</v>
      </c>
      <c r="D15603">
        <v>1.9</v>
      </c>
      <c r="E15603">
        <v>4987.7</v>
      </c>
      <c r="F15603">
        <v>69.316500000000005</v>
      </c>
    </row>
    <row r="15604" spans="1:6" x14ac:dyDescent="0.25">
      <c r="A15604">
        <v>167.67</v>
      </c>
      <c r="B15604">
        <v>211.3</v>
      </c>
      <c r="C15604">
        <v>4890.8999999999996</v>
      </c>
      <c r="D15604">
        <v>2.2000000000000002</v>
      </c>
      <c r="E15604">
        <v>4823.3500000000004</v>
      </c>
      <c r="F15604">
        <v>73.441599999999994</v>
      </c>
    </row>
    <row r="15605" spans="1:6" x14ac:dyDescent="0.25">
      <c r="A15605">
        <v>167.67</v>
      </c>
      <c r="B15605">
        <v>211.3</v>
      </c>
      <c r="C15605">
        <v>4890.8999999999996</v>
      </c>
      <c r="D15605">
        <v>2.5</v>
      </c>
      <c r="E15605">
        <v>4675.26</v>
      </c>
      <c r="F15605">
        <v>63.775199999999998</v>
      </c>
    </row>
    <row r="15606" spans="1:6" x14ac:dyDescent="0.25">
      <c r="A15606">
        <v>167.67</v>
      </c>
      <c r="B15606">
        <v>211.3</v>
      </c>
      <c r="C15606">
        <v>4890.8999999999996</v>
      </c>
      <c r="D15606">
        <v>2.8</v>
      </c>
      <c r="E15606">
        <v>4657.34</v>
      </c>
      <c r="F15606">
        <v>71.703800000000001</v>
      </c>
    </row>
    <row r="15607" spans="1:6" x14ac:dyDescent="0.25">
      <c r="A15607">
        <v>167.67</v>
      </c>
      <c r="B15607">
        <v>211.3</v>
      </c>
      <c r="C15607">
        <v>4890.8999999999996</v>
      </c>
      <c r="D15607">
        <v>3.1</v>
      </c>
      <c r="E15607">
        <v>4511.97</v>
      </c>
      <c r="F15607">
        <v>73.101900000000001</v>
      </c>
    </row>
    <row r="15608" spans="1:6" x14ac:dyDescent="0.25">
      <c r="A15608">
        <v>167.67</v>
      </c>
      <c r="B15608">
        <v>211.3</v>
      </c>
      <c r="C15608">
        <v>4890.8999999999996</v>
      </c>
      <c r="D15608">
        <v>3.4</v>
      </c>
      <c r="E15608">
        <v>4535.6400000000003</v>
      </c>
      <c r="F15608">
        <v>72.049800000000005</v>
      </c>
    </row>
    <row r="15609" spans="1:6" x14ac:dyDescent="0.25">
      <c r="A15609">
        <v>167.67</v>
      </c>
      <c r="B15609">
        <v>211.3</v>
      </c>
      <c r="C15609">
        <v>4890.8999999999996</v>
      </c>
      <c r="D15609">
        <v>3.7</v>
      </c>
      <c r="E15609">
        <v>4355.29</v>
      </c>
      <c r="F15609">
        <v>75.409700000000001</v>
      </c>
    </row>
    <row r="15610" spans="1:6" x14ac:dyDescent="0.25">
      <c r="A15610">
        <v>167.67</v>
      </c>
      <c r="B15610">
        <v>211.3</v>
      </c>
      <c r="C15610">
        <v>4890.8999999999996</v>
      </c>
      <c r="D15610">
        <v>4</v>
      </c>
      <c r="E15610">
        <v>4361.99</v>
      </c>
      <c r="F15610">
        <v>74.384699999999995</v>
      </c>
    </row>
    <row r="15611" spans="1:6" x14ac:dyDescent="0.25">
      <c r="A15611">
        <v>167.67</v>
      </c>
      <c r="B15611">
        <v>211.3</v>
      </c>
      <c r="C15611">
        <v>6436.35</v>
      </c>
      <c r="D15611">
        <v>1</v>
      </c>
      <c r="E15611">
        <v>5775.93</v>
      </c>
      <c r="F15611">
        <v>68.071700000000007</v>
      </c>
    </row>
    <row r="15612" spans="1:6" x14ac:dyDescent="0.25">
      <c r="A15612">
        <v>167.67</v>
      </c>
      <c r="B15612">
        <v>211.3</v>
      </c>
      <c r="C15612">
        <v>6436.35</v>
      </c>
      <c r="D15612">
        <v>1.3</v>
      </c>
      <c r="E15612">
        <v>5350.28</v>
      </c>
      <c r="F15612">
        <v>71.020300000000006</v>
      </c>
    </row>
    <row r="15613" spans="1:6" x14ac:dyDescent="0.25">
      <c r="A15613">
        <v>167.67</v>
      </c>
      <c r="B15613">
        <v>211.3</v>
      </c>
      <c r="C15613">
        <v>6436.35</v>
      </c>
      <c r="D15613">
        <v>1.6</v>
      </c>
      <c r="E15613">
        <v>5111.9399999999996</v>
      </c>
      <c r="F15613">
        <v>71.690399999999997</v>
      </c>
    </row>
    <row r="15614" spans="1:6" x14ac:dyDescent="0.25">
      <c r="A15614">
        <v>167.67</v>
      </c>
      <c r="B15614">
        <v>211.3</v>
      </c>
      <c r="C15614">
        <v>6436.35</v>
      </c>
      <c r="D15614">
        <v>1.9</v>
      </c>
      <c r="E15614">
        <v>4987.7</v>
      </c>
      <c r="F15614">
        <v>69.316500000000005</v>
      </c>
    </row>
    <row r="15615" spans="1:6" x14ac:dyDescent="0.25">
      <c r="A15615">
        <v>167.67</v>
      </c>
      <c r="B15615">
        <v>211.3</v>
      </c>
      <c r="C15615">
        <v>6436.35</v>
      </c>
      <c r="D15615">
        <v>2.2000000000000002</v>
      </c>
      <c r="E15615">
        <v>4823.3500000000004</v>
      </c>
      <c r="F15615">
        <v>73.441599999999994</v>
      </c>
    </row>
    <row r="15616" spans="1:6" x14ac:dyDescent="0.25">
      <c r="A15616">
        <v>167.67</v>
      </c>
      <c r="B15616">
        <v>211.3</v>
      </c>
      <c r="C15616">
        <v>6436.35</v>
      </c>
      <c r="D15616">
        <v>2.5</v>
      </c>
      <c r="E15616">
        <v>4675.26</v>
      </c>
      <c r="F15616">
        <v>63.775199999999998</v>
      </c>
    </row>
    <row r="15617" spans="1:6" x14ac:dyDescent="0.25">
      <c r="A15617">
        <v>167.67</v>
      </c>
      <c r="B15617">
        <v>211.3</v>
      </c>
      <c r="C15617">
        <v>6436.35</v>
      </c>
      <c r="D15617">
        <v>2.8</v>
      </c>
      <c r="E15617">
        <v>4657.34</v>
      </c>
      <c r="F15617">
        <v>71.703800000000001</v>
      </c>
    </row>
    <row r="15618" spans="1:6" x14ac:dyDescent="0.25">
      <c r="A15618">
        <v>167.67</v>
      </c>
      <c r="B15618">
        <v>211.3</v>
      </c>
      <c r="C15618">
        <v>6436.35</v>
      </c>
      <c r="D15618">
        <v>3.1</v>
      </c>
      <c r="E15618">
        <v>4511.97</v>
      </c>
      <c r="F15618">
        <v>73.101900000000001</v>
      </c>
    </row>
    <row r="15619" spans="1:6" x14ac:dyDescent="0.25">
      <c r="A15619">
        <v>167.67</v>
      </c>
      <c r="B15619">
        <v>211.3</v>
      </c>
      <c r="C15619">
        <v>6436.35</v>
      </c>
      <c r="D15619">
        <v>3.4</v>
      </c>
      <c r="E15619">
        <v>4535.6400000000003</v>
      </c>
      <c r="F15619">
        <v>72.049800000000005</v>
      </c>
    </row>
    <row r="15620" spans="1:6" x14ac:dyDescent="0.25">
      <c r="A15620">
        <v>167.67</v>
      </c>
      <c r="B15620">
        <v>211.3</v>
      </c>
      <c r="C15620">
        <v>6436.35</v>
      </c>
      <c r="D15620">
        <v>3.7</v>
      </c>
      <c r="E15620">
        <v>4355.29</v>
      </c>
      <c r="F15620">
        <v>75.409700000000001</v>
      </c>
    </row>
    <row r="15621" spans="1:6" x14ac:dyDescent="0.25">
      <c r="A15621">
        <v>167.67</v>
      </c>
      <c r="B15621">
        <v>211.3</v>
      </c>
      <c r="C15621">
        <v>6436.35</v>
      </c>
      <c r="D15621">
        <v>4</v>
      </c>
      <c r="E15621">
        <v>4361.99</v>
      </c>
      <c r="F15621">
        <v>74.384699999999995</v>
      </c>
    </row>
    <row r="15622" spans="1:6" x14ac:dyDescent="0.25">
      <c r="A15622">
        <v>167.67</v>
      </c>
      <c r="B15622">
        <v>211.3</v>
      </c>
      <c r="C15622">
        <v>7981.8</v>
      </c>
      <c r="D15622">
        <v>1</v>
      </c>
      <c r="E15622">
        <v>5775.93</v>
      </c>
      <c r="F15622">
        <v>68.071700000000007</v>
      </c>
    </row>
    <row r="15623" spans="1:6" x14ac:dyDescent="0.25">
      <c r="A15623">
        <v>167.67</v>
      </c>
      <c r="B15623">
        <v>211.3</v>
      </c>
      <c r="C15623">
        <v>7981.8</v>
      </c>
      <c r="D15623">
        <v>1.3</v>
      </c>
      <c r="E15623">
        <v>5350.28</v>
      </c>
      <c r="F15623">
        <v>71.020300000000006</v>
      </c>
    </row>
    <row r="15624" spans="1:6" x14ac:dyDescent="0.25">
      <c r="A15624">
        <v>167.67</v>
      </c>
      <c r="B15624">
        <v>211.3</v>
      </c>
      <c r="C15624">
        <v>7981.8</v>
      </c>
      <c r="D15624">
        <v>1.6</v>
      </c>
      <c r="E15624">
        <v>5111.9399999999996</v>
      </c>
      <c r="F15624">
        <v>71.690399999999997</v>
      </c>
    </row>
    <row r="15625" spans="1:6" x14ac:dyDescent="0.25">
      <c r="A15625">
        <v>167.67</v>
      </c>
      <c r="B15625">
        <v>211.3</v>
      </c>
      <c r="C15625">
        <v>7981.8</v>
      </c>
      <c r="D15625">
        <v>1.9</v>
      </c>
      <c r="E15625">
        <v>4987.7</v>
      </c>
      <c r="F15625">
        <v>69.316500000000005</v>
      </c>
    </row>
    <row r="15626" spans="1:6" x14ac:dyDescent="0.25">
      <c r="A15626">
        <v>167.67</v>
      </c>
      <c r="B15626">
        <v>211.3</v>
      </c>
      <c r="C15626">
        <v>7981.8</v>
      </c>
      <c r="D15626">
        <v>2.2000000000000002</v>
      </c>
      <c r="E15626">
        <v>4823.3500000000004</v>
      </c>
      <c r="F15626">
        <v>73.441599999999994</v>
      </c>
    </row>
    <row r="15627" spans="1:6" x14ac:dyDescent="0.25">
      <c r="A15627">
        <v>167.67</v>
      </c>
      <c r="B15627">
        <v>211.3</v>
      </c>
      <c r="C15627">
        <v>7981.8</v>
      </c>
      <c r="D15627">
        <v>2.5</v>
      </c>
      <c r="E15627">
        <v>4675.26</v>
      </c>
      <c r="F15627">
        <v>63.775199999999998</v>
      </c>
    </row>
    <row r="15628" spans="1:6" x14ac:dyDescent="0.25">
      <c r="A15628">
        <v>167.67</v>
      </c>
      <c r="B15628">
        <v>211.3</v>
      </c>
      <c r="C15628">
        <v>7981.8</v>
      </c>
      <c r="D15628">
        <v>2.8</v>
      </c>
      <c r="E15628">
        <v>4657.34</v>
      </c>
      <c r="F15628">
        <v>71.703800000000001</v>
      </c>
    </row>
    <row r="15629" spans="1:6" x14ac:dyDescent="0.25">
      <c r="A15629">
        <v>167.67</v>
      </c>
      <c r="B15629">
        <v>211.3</v>
      </c>
      <c r="C15629">
        <v>7981.8</v>
      </c>
      <c r="D15629">
        <v>3.1</v>
      </c>
      <c r="E15629">
        <v>4511.97</v>
      </c>
      <c r="F15629">
        <v>73.101900000000001</v>
      </c>
    </row>
    <row r="15630" spans="1:6" x14ac:dyDescent="0.25">
      <c r="A15630">
        <v>167.67</v>
      </c>
      <c r="B15630">
        <v>211.3</v>
      </c>
      <c r="C15630">
        <v>7981.8</v>
      </c>
      <c r="D15630">
        <v>3.4</v>
      </c>
      <c r="E15630">
        <v>4535.6400000000003</v>
      </c>
      <c r="F15630">
        <v>72.049800000000005</v>
      </c>
    </row>
    <row r="15631" spans="1:6" x14ac:dyDescent="0.25">
      <c r="A15631">
        <v>167.67</v>
      </c>
      <c r="B15631">
        <v>211.3</v>
      </c>
      <c r="C15631">
        <v>7981.8</v>
      </c>
      <c r="D15631">
        <v>3.7</v>
      </c>
      <c r="E15631">
        <v>4355.29</v>
      </c>
      <c r="F15631">
        <v>75.409700000000001</v>
      </c>
    </row>
    <row r="15632" spans="1:6" x14ac:dyDescent="0.25">
      <c r="A15632">
        <v>167.67</v>
      </c>
      <c r="B15632">
        <v>211.3</v>
      </c>
      <c r="C15632">
        <v>7981.8</v>
      </c>
      <c r="D15632">
        <v>4</v>
      </c>
      <c r="E15632">
        <v>4361.99</v>
      </c>
      <c r="F15632">
        <v>74.384699999999995</v>
      </c>
    </row>
    <row r="15633" spans="1:6" x14ac:dyDescent="0.25">
      <c r="A15633">
        <v>167.67</v>
      </c>
      <c r="B15633">
        <v>211.3</v>
      </c>
      <c r="C15633">
        <v>9527.25</v>
      </c>
      <c r="D15633">
        <v>1</v>
      </c>
      <c r="E15633">
        <v>5775.93</v>
      </c>
      <c r="F15633">
        <v>68.071700000000007</v>
      </c>
    </row>
    <row r="15634" spans="1:6" x14ac:dyDescent="0.25">
      <c r="A15634">
        <v>167.67</v>
      </c>
      <c r="B15634">
        <v>211.3</v>
      </c>
      <c r="C15634">
        <v>9527.25</v>
      </c>
      <c r="D15634">
        <v>1.3</v>
      </c>
      <c r="E15634">
        <v>5350.28</v>
      </c>
      <c r="F15634">
        <v>71.020300000000006</v>
      </c>
    </row>
    <row r="15635" spans="1:6" x14ac:dyDescent="0.25">
      <c r="A15635">
        <v>167.67</v>
      </c>
      <c r="B15635">
        <v>211.3</v>
      </c>
      <c r="C15635">
        <v>9527.25</v>
      </c>
      <c r="D15635">
        <v>1.6</v>
      </c>
      <c r="E15635">
        <v>5111.9399999999996</v>
      </c>
      <c r="F15635">
        <v>71.690399999999997</v>
      </c>
    </row>
    <row r="15636" spans="1:6" x14ac:dyDescent="0.25">
      <c r="A15636">
        <v>167.67</v>
      </c>
      <c r="B15636">
        <v>211.3</v>
      </c>
      <c r="C15636">
        <v>9527.25</v>
      </c>
      <c r="D15636">
        <v>1.9</v>
      </c>
      <c r="E15636">
        <v>4987.7</v>
      </c>
      <c r="F15636">
        <v>69.316500000000005</v>
      </c>
    </row>
    <row r="15637" spans="1:6" x14ac:dyDescent="0.25">
      <c r="A15637">
        <v>167.67</v>
      </c>
      <c r="B15637">
        <v>211.3</v>
      </c>
      <c r="C15637">
        <v>9527.25</v>
      </c>
      <c r="D15637">
        <v>2.2000000000000002</v>
      </c>
      <c r="E15637">
        <v>4823.3500000000004</v>
      </c>
      <c r="F15637">
        <v>73.441599999999994</v>
      </c>
    </row>
    <row r="15638" spans="1:6" x14ac:dyDescent="0.25">
      <c r="A15638">
        <v>167.67</v>
      </c>
      <c r="B15638">
        <v>211.3</v>
      </c>
      <c r="C15638">
        <v>9527.25</v>
      </c>
      <c r="D15638">
        <v>2.5</v>
      </c>
      <c r="E15638">
        <v>4675.26</v>
      </c>
      <c r="F15638">
        <v>63.775199999999998</v>
      </c>
    </row>
    <row r="15639" spans="1:6" x14ac:dyDescent="0.25">
      <c r="A15639">
        <v>167.67</v>
      </c>
      <c r="B15639">
        <v>211.3</v>
      </c>
      <c r="C15639">
        <v>9527.25</v>
      </c>
      <c r="D15639">
        <v>2.8</v>
      </c>
      <c r="E15639">
        <v>4657.34</v>
      </c>
      <c r="F15639">
        <v>71.703800000000001</v>
      </c>
    </row>
    <row r="15640" spans="1:6" x14ac:dyDescent="0.25">
      <c r="A15640">
        <v>167.67</v>
      </c>
      <c r="B15640">
        <v>211.3</v>
      </c>
      <c r="C15640">
        <v>9527.25</v>
      </c>
      <c r="D15640">
        <v>3.1</v>
      </c>
      <c r="E15640">
        <v>4511.97</v>
      </c>
      <c r="F15640">
        <v>73.101900000000001</v>
      </c>
    </row>
    <row r="15641" spans="1:6" x14ac:dyDescent="0.25">
      <c r="A15641">
        <v>167.67</v>
      </c>
      <c r="B15641">
        <v>211.3</v>
      </c>
      <c r="C15641">
        <v>9527.25</v>
      </c>
      <c r="D15641">
        <v>3.4</v>
      </c>
      <c r="E15641">
        <v>4535.6400000000003</v>
      </c>
      <c r="F15641">
        <v>72.049800000000005</v>
      </c>
    </row>
    <row r="15642" spans="1:6" x14ac:dyDescent="0.25">
      <c r="A15642">
        <v>167.67</v>
      </c>
      <c r="B15642">
        <v>211.3</v>
      </c>
      <c r="C15642">
        <v>9527.25</v>
      </c>
      <c r="D15642">
        <v>3.7</v>
      </c>
      <c r="E15642">
        <v>4355.29</v>
      </c>
      <c r="F15642">
        <v>75.409700000000001</v>
      </c>
    </row>
    <row r="15643" spans="1:6" x14ac:dyDescent="0.25">
      <c r="A15643">
        <v>167.67</v>
      </c>
      <c r="B15643">
        <v>211.3</v>
      </c>
      <c r="C15643">
        <v>9527.25</v>
      </c>
      <c r="D15643">
        <v>4</v>
      </c>
      <c r="E15643">
        <v>4361.99</v>
      </c>
      <c r="F15643">
        <v>74.384699999999995</v>
      </c>
    </row>
    <row r="15644" spans="1:6" x14ac:dyDescent="0.25">
      <c r="A15644">
        <v>167.67</v>
      </c>
      <c r="B15644">
        <v>211.3</v>
      </c>
      <c r="C15644">
        <v>11072.7</v>
      </c>
      <c r="D15644">
        <v>1</v>
      </c>
      <c r="E15644">
        <v>5775.93</v>
      </c>
      <c r="F15644">
        <v>68.071700000000007</v>
      </c>
    </row>
    <row r="15645" spans="1:6" x14ac:dyDescent="0.25">
      <c r="A15645">
        <v>167.67</v>
      </c>
      <c r="B15645">
        <v>211.3</v>
      </c>
      <c r="C15645">
        <v>11072.7</v>
      </c>
      <c r="D15645">
        <v>1.3</v>
      </c>
      <c r="E15645">
        <v>5350.28</v>
      </c>
      <c r="F15645">
        <v>71.020300000000006</v>
      </c>
    </row>
    <row r="15646" spans="1:6" x14ac:dyDescent="0.25">
      <c r="A15646">
        <v>167.67</v>
      </c>
      <c r="B15646">
        <v>211.3</v>
      </c>
      <c r="C15646">
        <v>11072.7</v>
      </c>
      <c r="D15646">
        <v>1.6</v>
      </c>
      <c r="E15646">
        <v>5111.9399999999996</v>
      </c>
      <c r="F15646">
        <v>71.690399999999997</v>
      </c>
    </row>
    <row r="15647" spans="1:6" x14ac:dyDescent="0.25">
      <c r="A15647">
        <v>167.67</v>
      </c>
      <c r="B15647">
        <v>211.3</v>
      </c>
      <c r="C15647">
        <v>11072.7</v>
      </c>
      <c r="D15647">
        <v>1.9</v>
      </c>
      <c r="E15647">
        <v>4987.7</v>
      </c>
      <c r="F15647">
        <v>69.316500000000005</v>
      </c>
    </row>
    <row r="15648" spans="1:6" x14ac:dyDescent="0.25">
      <c r="A15648">
        <v>167.67</v>
      </c>
      <c r="B15648">
        <v>211.3</v>
      </c>
      <c r="C15648">
        <v>11072.7</v>
      </c>
      <c r="D15648">
        <v>2.2000000000000002</v>
      </c>
      <c r="E15648">
        <v>4823.3500000000004</v>
      </c>
      <c r="F15648">
        <v>73.441599999999994</v>
      </c>
    </row>
    <row r="15649" spans="1:6" x14ac:dyDescent="0.25">
      <c r="A15649">
        <v>167.67</v>
      </c>
      <c r="B15649">
        <v>211.3</v>
      </c>
      <c r="C15649">
        <v>11072.7</v>
      </c>
      <c r="D15649">
        <v>2.5</v>
      </c>
      <c r="E15649">
        <v>4675.26</v>
      </c>
      <c r="F15649">
        <v>63.775199999999998</v>
      </c>
    </row>
    <row r="15650" spans="1:6" x14ac:dyDescent="0.25">
      <c r="A15650">
        <v>167.67</v>
      </c>
      <c r="B15650">
        <v>211.3</v>
      </c>
      <c r="C15650">
        <v>11072.7</v>
      </c>
      <c r="D15650">
        <v>2.8</v>
      </c>
      <c r="E15650">
        <v>4657.34</v>
      </c>
      <c r="F15650">
        <v>71.703800000000001</v>
      </c>
    </row>
    <row r="15651" spans="1:6" x14ac:dyDescent="0.25">
      <c r="A15651">
        <v>167.67</v>
      </c>
      <c r="B15651">
        <v>211.3</v>
      </c>
      <c r="C15651">
        <v>11072.7</v>
      </c>
      <c r="D15651">
        <v>3.1</v>
      </c>
      <c r="E15651">
        <v>4511.97</v>
      </c>
      <c r="F15651">
        <v>73.101900000000001</v>
      </c>
    </row>
    <row r="15652" spans="1:6" x14ac:dyDescent="0.25">
      <c r="A15652">
        <v>167.67</v>
      </c>
      <c r="B15652">
        <v>211.3</v>
      </c>
      <c r="C15652">
        <v>11072.7</v>
      </c>
      <c r="D15652">
        <v>3.4</v>
      </c>
      <c r="E15652">
        <v>4535.6400000000003</v>
      </c>
      <c r="F15652">
        <v>72.049800000000005</v>
      </c>
    </row>
    <row r="15653" spans="1:6" x14ac:dyDescent="0.25">
      <c r="A15653">
        <v>167.67</v>
      </c>
      <c r="B15653">
        <v>211.3</v>
      </c>
      <c r="C15653">
        <v>11072.7</v>
      </c>
      <c r="D15653">
        <v>3.7</v>
      </c>
      <c r="E15653">
        <v>4355.29</v>
      </c>
      <c r="F15653">
        <v>75.409700000000001</v>
      </c>
    </row>
    <row r="15654" spans="1:6" x14ac:dyDescent="0.25">
      <c r="A15654">
        <v>167.67</v>
      </c>
      <c r="B15654">
        <v>211.3</v>
      </c>
      <c r="C15654">
        <v>11072.7</v>
      </c>
      <c r="D15654">
        <v>4</v>
      </c>
      <c r="E15654">
        <v>4361.99</v>
      </c>
      <c r="F15654">
        <v>74.384699999999995</v>
      </c>
    </row>
    <row r="15655" spans="1:6" x14ac:dyDescent="0.25">
      <c r="A15655">
        <v>167.67</v>
      </c>
      <c r="B15655">
        <v>211.3</v>
      </c>
      <c r="C15655">
        <v>12618.2</v>
      </c>
      <c r="D15655">
        <v>1</v>
      </c>
      <c r="E15655">
        <v>5775.93</v>
      </c>
      <c r="F15655">
        <v>68.071700000000007</v>
      </c>
    </row>
    <row r="15656" spans="1:6" x14ac:dyDescent="0.25">
      <c r="A15656">
        <v>167.67</v>
      </c>
      <c r="B15656">
        <v>211.3</v>
      </c>
      <c r="C15656">
        <v>12618.2</v>
      </c>
      <c r="D15656">
        <v>1.3</v>
      </c>
      <c r="E15656">
        <v>5350.28</v>
      </c>
      <c r="F15656">
        <v>71.020300000000006</v>
      </c>
    </row>
    <row r="15657" spans="1:6" x14ac:dyDescent="0.25">
      <c r="A15657">
        <v>167.67</v>
      </c>
      <c r="B15657">
        <v>211.3</v>
      </c>
      <c r="C15657">
        <v>12618.2</v>
      </c>
      <c r="D15657">
        <v>1.6</v>
      </c>
      <c r="E15657">
        <v>5111.9399999999996</v>
      </c>
      <c r="F15657">
        <v>71.690399999999997</v>
      </c>
    </row>
    <row r="15658" spans="1:6" x14ac:dyDescent="0.25">
      <c r="A15658">
        <v>167.67</v>
      </c>
      <c r="B15658">
        <v>211.3</v>
      </c>
      <c r="C15658">
        <v>12618.2</v>
      </c>
      <c r="D15658">
        <v>1.9</v>
      </c>
      <c r="E15658">
        <v>4987.7</v>
      </c>
      <c r="F15658">
        <v>69.316500000000005</v>
      </c>
    </row>
    <row r="15659" spans="1:6" x14ac:dyDescent="0.25">
      <c r="A15659">
        <v>167.67</v>
      </c>
      <c r="B15659">
        <v>211.3</v>
      </c>
      <c r="C15659">
        <v>12618.2</v>
      </c>
      <c r="D15659">
        <v>2.2000000000000002</v>
      </c>
      <c r="E15659">
        <v>4823.3500000000004</v>
      </c>
      <c r="F15659">
        <v>73.441599999999994</v>
      </c>
    </row>
    <row r="15660" spans="1:6" x14ac:dyDescent="0.25">
      <c r="A15660">
        <v>167.67</v>
      </c>
      <c r="B15660">
        <v>211.3</v>
      </c>
      <c r="C15660">
        <v>12618.2</v>
      </c>
      <c r="D15660">
        <v>2.5</v>
      </c>
      <c r="E15660">
        <v>4675.26</v>
      </c>
      <c r="F15660">
        <v>63.775199999999998</v>
      </c>
    </row>
    <row r="15661" spans="1:6" x14ac:dyDescent="0.25">
      <c r="A15661">
        <v>167.67</v>
      </c>
      <c r="B15661">
        <v>211.3</v>
      </c>
      <c r="C15661">
        <v>12618.2</v>
      </c>
      <c r="D15661">
        <v>2.8</v>
      </c>
      <c r="E15661">
        <v>4657.34</v>
      </c>
      <c r="F15661">
        <v>71.703800000000001</v>
      </c>
    </row>
    <row r="15662" spans="1:6" x14ac:dyDescent="0.25">
      <c r="A15662">
        <v>167.67</v>
      </c>
      <c r="B15662">
        <v>211.3</v>
      </c>
      <c r="C15662">
        <v>12618.2</v>
      </c>
      <c r="D15662">
        <v>3.1</v>
      </c>
      <c r="E15662">
        <v>4511.97</v>
      </c>
      <c r="F15662">
        <v>73.101900000000001</v>
      </c>
    </row>
    <row r="15663" spans="1:6" x14ac:dyDescent="0.25">
      <c r="A15663">
        <v>167.67</v>
      </c>
      <c r="B15663">
        <v>211.3</v>
      </c>
      <c r="C15663">
        <v>12618.2</v>
      </c>
      <c r="D15663">
        <v>3.4</v>
      </c>
      <c r="E15663">
        <v>4535.6400000000003</v>
      </c>
      <c r="F15663">
        <v>72.049800000000005</v>
      </c>
    </row>
    <row r="15664" spans="1:6" x14ac:dyDescent="0.25">
      <c r="A15664">
        <v>167.67</v>
      </c>
      <c r="B15664">
        <v>211.3</v>
      </c>
      <c r="C15664">
        <v>12618.2</v>
      </c>
      <c r="D15664">
        <v>3.7</v>
      </c>
      <c r="E15664">
        <v>4355.29</v>
      </c>
      <c r="F15664">
        <v>75.409700000000001</v>
      </c>
    </row>
    <row r="15665" spans="1:6" x14ac:dyDescent="0.25">
      <c r="A15665">
        <v>167.67</v>
      </c>
      <c r="B15665">
        <v>211.3</v>
      </c>
      <c r="C15665">
        <v>12618.2</v>
      </c>
      <c r="D15665">
        <v>4</v>
      </c>
      <c r="E15665">
        <v>4361.99</v>
      </c>
      <c r="F15665">
        <v>74.384699999999995</v>
      </c>
    </row>
    <row r="15666" spans="1:6" x14ac:dyDescent="0.25">
      <c r="A15666">
        <v>167.67</v>
      </c>
      <c r="B15666">
        <v>211.3</v>
      </c>
      <c r="C15666">
        <v>14163.6</v>
      </c>
      <c r="D15666">
        <v>1</v>
      </c>
      <c r="E15666">
        <v>5775.93</v>
      </c>
      <c r="F15666">
        <v>68.071700000000007</v>
      </c>
    </row>
    <row r="15667" spans="1:6" x14ac:dyDescent="0.25">
      <c r="A15667">
        <v>167.67</v>
      </c>
      <c r="B15667">
        <v>211.3</v>
      </c>
      <c r="C15667">
        <v>14163.6</v>
      </c>
      <c r="D15667">
        <v>1.3</v>
      </c>
      <c r="E15667">
        <v>5350.28</v>
      </c>
      <c r="F15667">
        <v>71.020300000000006</v>
      </c>
    </row>
    <row r="15668" spans="1:6" x14ac:dyDescent="0.25">
      <c r="A15668">
        <v>167.67</v>
      </c>
      <c r="B15668">
        <v>211.3</v>
      </c>
      <c r="C15668">
        <v>14163.6</v>
      </c>
      <c r="D15668">
        <v>1.6</v>
      </c>
      <c r="E15668">
        <v>5111.9399999999996</v>
      </c>
      <c r="F15668">
        <v>71.690399999999997</v>
      </c>
    </row>
    <row r="15669" spans="1:6" x14ac:dyDescent="0.25">
      <c r="A15669">
        <v>167.67</v>
      </c>
      <c r="B15669">
        <v>211.3</v>
      </c>
      <c r="C15669">
        <v>14163.6</v>
      </c>
      <c r="D15669">
        <v>1.9</v>
      </c>
      <c r="E15669">
        <v>4987.7</v>
      </c>
      <c r="F15669">
        <v>69.316500000000005</v>
      </c>
    </row>
    <row r="15670" spans="1:6" x14ac:dyDescent="0.25">
      <c r="A15670">
        <v>167.67</v>
      </c>
      <c r="B15670">
        <v>211.3</v>
      </c>
      <c r="C15670">
        <v>14163.6</v>
      </c>
      <c r="D15670">
        <v>2.2000000000000002</v>
      </c>
      <c r="E15670">
        <v>4823.3500000000004</v>
      </c>
      <c r="F15670">
        <v>73.441599999999994</v>
      </c>
    </row>
    <row r="15671" spans="1:6" x14ac:dyDescent="0.25">
      <c r="A15671">
        <v>167.67</v>
      </c>
      <c r="B15671">
        <v>211.3</v>
      </c>
      <c r="C15671">
        <v>14163.6</v>
      </c>
      <c r="D15671">
        <v>2.5</v>
      </c>
      <c r="E15671">
        <v>4675.26</v>
      </c>
      <c r="F15671">
        <v>63.775199999999998</v>
      </c>
    </row>
    <row r="15672" spans="1:6" x14ac:dyDescent="0.25">
      <c r="A15672">
        <v>167.67</v>
      </c>
      <c r="B15672">
        <v>211.3</v>
      </c>
      <c r="C15672">
        <v>14163.6</v>
      </c>
      <c r="D15672">
        <v>2.8</v>
      </c>
      <c r="E15672">
        <v>4657.34</v>
      </c>
      <c r="F15672">
        <v>71.703800000000001</v>
      </c>
    </row>
    <row r="15673" spans="1:6" x14ac:dyDescent="0.25">
      <c r="A15673">
        <v>167.67</v>
      </c>
      <c r="B15673">
        <v>211.3</v>
      </c>
      <c r="C15673">
        <v>14163.6</v>
      </c>
      <c r="D15673">
        <v>3.1</v>
      </c>
      <c r="E15673">
        <v>4511.97</v>
      </c>
      <c r="F15673">
        <v>73.101900000000001</v>
      </c>
    </row>
    <row r="15674" spans="1:6" x14ac:dyDescent="0.25">
      <c r="A15674">
        <v>167.67</v>
      </c>
      <c r="B15674">
        <v>211.3</v>
      </c>
      <c r="C15674">
        <v>14163.6</v>
      </c>
      <c r="D15674">
        <v>3.4</v>
      </c>
      <c r="E15674">
        <v>4535.6400000000003</v>
      </c>
      <c r="F15674">
        <v>72.049800000000005</v>
      </c>
    </row>
    <row r="15675" spans="1:6" x14ac:dyDescent="0.25">
      <c r="A15675">
        <v>167.67</v>
      </c>
      <c r="B15675">
        <v>211.3</v>
      </c>
      <c r="C15675">
        <v>14163.6</v>
      </c>
      <c r="D15675">
        <v>3.7</v>
      </c>
      <c r="E15675">
        <v>4355.29</v>
      </c>
      <c r="F15675">
        <v>75.409700000000001</v>
      </c>
    </row>
    <row r="15676" spans="1:6" x14ac:dyDescent="0.25">
      <c r="A15676">
        <v>167.67</v>
      </c>
      <c r="B15676">
        <v>211.3</v>
      </c>
      <c r="C15676">
        <v>14163.6</v>
      </c>
      <c r="D15676">
        <v>4</v>
      </c>
      <c r="E15676">
        <v>4361.99</v>
      </c>
      <c r="F15676">
        <v>74.384699999999995</v>
      </c>
    </row>
    <row r="15677" spans="1:6" x14ac:dyDescent="0.25">
      <c r="A15677">
        <v>167.67</v>
      </c>
      <c r="B15677">
        <v>211.3</v>
      </c>
      <c r="C15677">
        <v>15709.1</v>
      </c>
      <c r="D15677">
        <v>1</v>
      </c>
      <c r="E15677">
        <v>5775.93</v>
      </c>
      <c r="F15677">
        <v>68.071700000000007</v>
      </c>
    </row>
    <row r="15678" spans="1:6" x14ac:dyDescent="0.25">
      <c r="A15678">
        <v>167.67</v>
      </c>
      <c r="B15678">
        <v>211.3</v>
      </c>
      <c r="C15678">
        <v>15709.1</v>
      </c>
      <c r="D15678">
        <v>1.3</v>
      </c>
      <c r="E15678">
        <v>5350.28</v>
      </c>
      <c r="F15678">
        <v>71.020300000000006</v>
      </c>
    </row>
    <row r="15679" spans="1:6" x14ac:dyDescent="0.25">
      <c r="A15679">
        <v>167.67</v>
      </c>
      <c r="B15679">
        <v>211.3</v>
      </c>
      <c r="C15679">
        <v>15709.1</v>
      </c>
      <c r="D15679">
        <v>1.6</v>
      </c>
      <c r="E15679">
        <v>5111.9399999999996</v>
      </c>
      <c r="F15679">
        <v>71.690399999999997</v>
      </c>
    </row>
    <row r="15680" spans="1:6" x14ac:dyDescent="0.25">
      <c r="A15680">
        <v>167.67</v>
      </c>
      <c r="B15680">
        <v>211.3</v>
      </c>
      <c r="C15680">
        <v>15709.1</v>
      </c>
      <c r="D15680">
        <v>1.9</v>
      </c>
      <c r="E15680">
        <v>4987.7</v>
      </c>
      <c r="F15680">
        <v>69.316500000000005</v>
      </c>
    </row>
    <row r="15681" spans="1:6" x14ac:dyDescent="0.25">
      <c r="A15681">
        <v>167.67</v>
      </c>
      <c r="B15681">
        <v>211.3</v>
      </c>
      <c r="C15681">
        <v>15709.1</v>
      </c>
      <c r="D15681">
        <v>2.2000000000000002</v>
      </c>
      <c r="E15681">
        <v>4823.3500000000004</v>
      </c>
      <c r="F15681">
        <v>73.441599999999994</v>
      </c>
    </row>
    <row r="15682" spans="1:6" x14ac:dyDescent="0.25">
      <c r="A15682">
        <v>167.67</v>
      </c>
      <c r="B15682">
        <v>211.3</v>
      </c>
      <c r="C15682">
        <v>15709.1</v>
      </c>
      <c r="D15682">
        <v>2.5</v>
      </c>
      <c r="E15682">
        <v>4675.26</v>
      </c>
      <c r="F15682">
        <v>63.775199999999998</v>
      </c>
    </row>
    <row r="15683" spans="1:6" x14ac:dyDescent="0.25">
      <c r="A15683">
        <v>167.67</v>
      </c>
      <c r="B15683">
        <v>211.3</v>
      </c>
      <c r="C15683">
        <v>15709.1</v>
      </c>
      <c r="D15683">
        <v>2.8</v>
      </c>
      <c r="E15683">
        <v>4657.34</v>
      </c>
      <c r="F15683">
        <v>71.703800000000001</v>
      </c>
    </row>
    <row r="15684" spans="1:6" x14ac:dyDescent="0.25">
      <c r="A15684">
        <v>167.67</v>
      </c>
      <c r="B15684">
        <v>211.3</v>
      </c>
      <c r="C15684">
        <v>15709.1</v>
      </c>
      <c r="D15684">
        <v>3.1</v>
      </c>
      <c r="E15684">
        <v>4511.97</v>
      </c>
      <c r="F15684">
        <v>73.101900000000001</v>
      </c>
    </row>
    <row r="15685" spans="1:6" x14ac:dyDescent="0.25">
      <c r="A15685">
        <v>167.67</v>
      </c>
      <c r="B15685">
        <v>211.3</v>
      </c>
      <c r="C15685">
        <v>15709.1</v>
      </c>
      <c r="D15685">
        <v>3.4</v>
      </c>
      <c r="E15685">
        <v>4535.6400000000003</v>
      </c>
      <c r="F15685">
        <v>72.049800000000005</v>
      </c>
    </row>
    <row r="15686" spans="1:6" x14ac:dyDescent="0.25">
      <c r="A15686">
        <v>167.67</v>
      </c>
      <c r="B15686">
        <v>211.3</v>
      </c>
      <c r="C15686">
        <v>15709.1</v>
      </c>
      <c r="D15686">
        <v>3.7</v>
      </c>
      <c r="E15686">
        <v>4355.29</v>
      </c>
      <c r="F15686">
        <v>75.409700000000001</v>
      </c>
    </row>
    <row r="15687" spans="1:6" x14ac:dyDescent="0.25">
      <c r="A15687">
        <v>167.67</v>
      </c>
      <c r="B15687">
        <v>211.3</v>
      </c>
      <c r="C15687">
        <v>15709.1</v>
      </c>
      <c r="D15687">
        <v>4</v>
      </c>
      <c r="E15687">
        <v>4361.99</v>
      </c>
      <c r="F15687">
        <v>74.384699999999995</v>
      </c>
    </row>
    <row r="15688" spans="1:6" x14ac:dyDescent="0.25">
      <c r="A15688">
        <v>167.67</v>
      </c>
      <c r="B15688">
        <v>211.3</v>
      </c>
      <c r="C15688">
        <v>17254.5</v>
      </c>
      <c r="D15688">
        <v>1</v>
      </c>
      <c r="E15688">
        <v>5775.93</v>
      </c>
      <c r="F15688">
        <v>68.071700000000007</v>
      </c>
    </row>
    <row r="15689" spans="1:6" x14ac:dyDescent="0.25">
      <c r="A15689">
        <v>167.67</v>
      </c>
      <c r="B15689">
        <v>211.3</v>
      </c>
      <c r="C15689">
        <v>17254.5</v>
      </c>
      <c r="D15689">
        <v>1.3</v>
      </c>
      <c r="E15689">
        <v>5350.28</v>
      </c>
      <c r="F15689">
        <v>71.020300000000006</v>
      </c>
    </row>
    <row r="15690" spans="1:6" x14ac:dyDescent="0.25">
      <c r="A15690">
        <v>167.67</v>
      </c>
      <c r="B15690">
        <v>211.3</v>
      </c>
      <c r="C15690">
        <v>17254.5</v>
      </c>
      <c r="D15690">
        <v>1.6</v>
      </c>
      <c r="E15690">
        <v>5111.9399999999996</v>
      </c>
      <c r="F15690">
        <v>71.690399999999997</v>
      </c>
    </row>
    <row r="15691" spans="1:6" x14ac:dyDescent="0.25">
      <c r="A15691">
        <v>167.67</v>
      </c>
      <c r="B15691">
        <v>211.3</v>
      </c>
      <c r="C15691">
        <v>17254.5</v>
      </c>
      <c r="D15691">
        <v>1.9</v>
      </c>
      <c r="E15691">
        <v>4987.7</v>
      </c>
      <c r="F15691">
        <v>69.316500000000005</v>
      </c>
    </row>
    <row r="15692" spans="1:6" x14ac:dyDescent="0.25">
      <c r="A15692">
        <v>167.67</v>
      </c>
      <c r="B15692">
        <v>211.3</v>
      </c>
      <c r="C15692">
        <v>17254.5</v>
      </c>
      <c r="D15692">
        <v>2.2000000000000002</v>
      </c>
      <c r="E15692">
        <v>4823.3500000000004</v>
      </c>
      <c r="F15692">
        <v>73.441599999999994</v>
      </c>
    </row>
    <row r="15693" spans="1:6" x14ac:dyDescent="0.25">
      <c r="A15693">
        <v>167.67</v>
      </c>
      <c r="B15693">
        <v>211.3</v>
      </c>
      <c r="C15693">
        <v>17254.5</v>
      </c>
      <c r="D15693">
        <v>2.5</v>
      </c>
      <c r="E15693">
        <v>4675.26</v>
      </c>
      <c r="F15693">
        <v>63.775199999999998</v>
      </c>
    </row>
    <row r="15694" spans="1:6" x14ac:dyDescent="0.25">
      <c r="A15694">
        <v>167.67</v>
      </c>
      <c r="B15694">
        <v>211.3</v>
      </c>
      <c r="C15694">
        <v>17254.5</v>
      </c>
      <c r="D15694">
        <v>2.8</v>
      </c>
      <c r="E15694">
        <v>4657.34</v>
      </c>
      <c r="F15694">
        <v>71.703800000000001</v>
      </c>
    </row>
    <row r="15695" spans="1:6" x14ac:dyDescent="0.25">
      <c r="A15695">
        <v>167.67</v>
      </c>
      <c r="B15695">
        <v>211.3</v>
      </c>
      <c r="C15695">
        <v>17254.5</v>
      </c>
      <c r="D15695">
        <v>3.1</v>
      </c>
      <c r="E15695">
        <v>4511.97</v>
      </c>
      <c r="F15695">
        <v>73.101900000000001</v>
      </c>
    </row>
    <row r="15696" spans="1:6" x14ac:dyDescent="0.25">
      <c r="A15696">
        <v>167.67</v>
      </c>
      <c r="B15696">
        <v>211.3</v>
      </c>
      <c r="C15696">
        <v>17254.5</v>
      </c>
      <c r="D15696">
        <v>3.4</v>
      </c>
      <c r="E15696">
        <v>4535.6400000000003</v>
      </c>
      <c r="F15696">
        <v>72.049800000000005</v>
      </c>
    </row>
    <row r="15697" spans="1:6" x14ac:dyDescent="0.25">
      <c r="A15697">
        <v>167.67</v>
      </c>
      <c r="B15697">
        <v>211.3</v>
      </c>
      <c r="C15697">
        <v>17254.5</v>
      </c>
      <c r="D15697">
        <v>3.7</v>
      </c>
      <c r="E15697">
        <v>4355.29</v>
      </c>
      <c r="F15697">
        <v>75.409700000000001</v>
      </c>
    </row>
    <row r="15698" spans="1:6" x14ac:dyDescent="0.25">
      <c r="A15698">
        <v>167.67</v>
      </c>
      <c r="B15698">
        <v>211.3</v>
      </c>
      <c r="C15698">
        <v>17254.5</v>
      </c>
      <c r="D15698">
        <v>4</v>
      </c>
      <c r="E15698">
        <v>4361.99</v>
      </c>
      <c r="F15698">
        <v>74.384699999999995</v>
      </c>
    </row>
    <row r="15699" spans="1:6" x14ac:dyDescent="0.25">
      <c r="A15699">
        <v>167.67</v>
      </c>
      <c r="B15699">
        <v>211.3</v>
      </c>
      <c r="C15699">
        <v>18800</v>
      </c>
      <c r="D15699">
        <v>1</v>
      </c>
      <c r="E15699">
        <v>5775.93</v>
      </c>
      <c r="F15699">
        <v>68.071700000000007</v>
      </c>
    </row>
    <row r="15700" spans="1:6" x14ac:dyDescent="0.25">
      <c r="A15700">
        <v>167.67</v>
      </c>
      <c r="B15700">
        <v>211.3</v>
      </c>
      <c r="C15700">
        <v>18800</v>
      </c>
      <c r="D15700">
        <v>1.3</v>
      </c>
      <c r="E15700">
        <v>5350.28</v>
      </c>
      <c r="F15700">
        <v>71.020300000000006</v>
      </c>
    </row>
    <row r="15701" spans="1:6" x14ac:dyDescent="0.25">
      <c r="A15701">
        <v>167.67</v>
      </c>
      <c r="B15701">
        <v>211.3</v>
      </c>
      <c r="C15701">
        <v>18800</v>
      </c>
      <c r="D15701">
        <v>1.6</v>
      </c>
      <c r="E15701">
        <v>5111.9399999999996</v>
      </c>
      <c r="F15701">
        <v>71.690399999999997</v>
      </c>
    </row>
    <row r="15702" spans="1:6" x14ac:dyDescent="0.25">
      <c r="A15702">
        <v>167.67</v>
      </c>
      <c r="B15702">
        <v>211.3</v>
      </c>
      <c r="C15702">
        <v>18800</v>
      </c>
      <c r="D15702">
        <v>1.9</v>
      </c>
      <c r="E15702">
        <v>4987.7</v>
      </c>
      <c r="F15702">
        <v>69.316500000000005</v>
      </c>
    </row>
    <row r="15703" spans="1:6" x14ac:dyDescent="0.25">
      <c r="A15703">
        <v>167.67</v>
      </c>
      <c r="B15703">
        <v>211.3</v>
      </c>
      <c r="C15703">
        <v>18800</v>
      </c>
      <c r="D15703">
        <v>2.2000000000000002</v>
      </c>
      <c r="E15703">
        <v>4823.3500000000004</v>
      </c>
      <c r="F15703">
        <v>73.441599999999994</v>
      </c>
    </row>
    <row r="15704" spans="1:6" x14ac:dyDescent="0.25">
      <c r="A15704">
        <v>167.67</v>
      </c>
      <c r="B15704">
        <v>211.3</v>
      </c>
      <c r="C15704">
        <v>18800</v>
      </c>
      <c r="D15704">
        <v>2.5</v>
      </c>
      <c r="E15704">
        <v>4675.26</v>
      </c>
      <c r="F15704">
        <v>63.775199999999998</v>
      </c>
    </row>
    <row r="15705" spans="1:6" x14ac:dyDescent="0.25">
      <c r="A15705">
        <v>167.67</v>
      </c>
      <c r="B15705">
        <v>211.3</v>
      </c>
      <c r="C15705">
        <v>18800</v>
      </c>
      <c r="D15705">
        <v>2.8</v>
      </c>
      <c r="E15705">
        <v>4657.34</v>
      </c>
      <c r="F15705">
        <v>71.703800000000001</v>
      </c>
    </row>
    <row r="15706" spans="1:6" x14ac:dyDescent="0.25">
      <c r="A15706">
        <v>167.67</v>
      </c>
      <c r="B15706">
        <v>211.3</v>
      </c>
      <c r="C15706">
        <v>18800</v>
      </c>
      <c r="D15706">
        <v>3.1</v>
      </c>
      <c r="E15706">
        <v>4511.97</v>
      </c>
      <c r="F15706">
        <v>73.101900000000001</v>
      </c>
    </row>
    <row r="15707" spans="1:6" x14ac:dyDescent="0.25">
      <c r="A15707">
        <v>167.67</v>
      </c>
      <c r="B15707">
        <v>211.3</v>
      </c>
      <c r="C15707">
        <v>18800</v>
      </c>
      <c r="D15707">
        <v>3.4</v>
      </c>
      <c r="E15707">
        <v>4535.6400000000003</v>
      </c>
      <c r="F15707">
        <v>72.049800000000005</v>
      </c>
    </row>
    <row r="15708" spans="1:6" x14ac:dyDescent="0.25">
      <c r="A15708">
        <v>167.67</v>
      </c>
      <c r="B15708">
        <v>211.3</v>
      </c>
      <c r="C15708">
        <v>18800</v>
      </c>
      <c r="D15708">
        <v>3.7</v>
      </c>
      <c r="E15708">
        <v>4355.29</v>
      </c>
      <c r="F15708">
        <v>75.409700000000001</v>
      </c>
    </row>
    <row r="15709" spans="1:6" x14ac:dyDescent="0.25">
      <c r="A15709">
        <v>167.67</v>
      </c>
      <c r="B15709">
        <v>211.3</v>
      </c>
      <c r="C15709">
        <v>18800</v>
      </c>
      <c r="D15709">
        <v>4</v>
      </c>
      <c r="E15709">
        <v>4361.99</v>
      </c>
      <c r="F15709">
        <v>74.384699999999995</v>
      </c>
    </row>
    <row r="15710" spans="1:6" x14ac:dyDescent="0.25">
      <c r="A15710">
        <v>167.67</v>
      </c>
      <c r="B15710">
        <v>214.93</v>
      </c>
      <c r="C15710">
        <v>1800</v>
      </c>
      <c r="D15710">
        <v>1</v>
      </c>
      <c r="E15710">
        <v>5200.8500000000004</v>
      </c>
      <c r="F15710">
        <v>68.071700000000007</v>
      </c>
    </row>
    <row r="15711" spans="1:6" x14ac:dyDescent="0.25">
      <c r="A15711">
        <v>167.67</v>
      </c>
      <c r="B15711">
        <v>214.93</v>
      </c>
      <c r="C15711">
        <v>1800</v>
      </c>
      <c r="D15711">
        <v>1.3</v>
      </c>
      <c r="E15711">
        <v>4586.66</v>
      </c>
      <c r="F15711">
        <v>71.020300000000006</v>
      </c>
    </row>
    <row r="15712" spans="1:6" x14ac:dyDescent="0.25">
      <c r="A15712">
        <v>167.67</v>
      </c>
      <c r="B15712">
        <v>214.93</v>
      </c>
      <c r="C15712">
        <v>1800</v>
      </c>
      <c r="D15712">
        <v>1.6</v>
      </c>
      <c r="E15712">
        <v>4230.63</v>
      </c>
      <c r="F15712">
        <v>71.690399999999997</v>
      </c>
    </row>
    <row r="15713" spans="1:6" x14ac:dyDescent="0.25">
      <c r="A15713">
        <v>167.67</v>
      </c>
      <c r="B15713">
        <v>214.93</v>
      </c>
      <c r="C15713">
        <v>1800</v>
      </c>
      <c r="D15713">
        <v>1.9</v>
      </c>
      <c r="E15713">
        <v>3934.15</v>
      </c>
      <c r="F15713">
        <v>69.316500000000005</v>
      </c>
    </row>
    <row r="15714" spans="1:6" x14ac:dyDescent="0.25">
      <c r="A15714">
        <v>167.67</v>
      </c>
      <c r="B15714">
        <v>214.93</v>
      </c>
      <c r="C15714">
        <v>1800</v>
      </c>
      <c r="D15714">
        <v>2.2000000000000002</v>
      </c>
      <c r="E15714">
        <v>3720.47</v>
      </c>
      <c r="F15714">
        <v>70.762</v>
      </c>
    </row>
    <row r="15715" spans="1:6" x14ac:dyDescent="0.25">
      <c r="A15715">
        <v>167.67</v>
      </c>
      <c r="B15715">
        <v>214.93</v>
      </c>
      <c r="C15715">
        <v>1800</v>
      </c>
      <c r="D15715">
        <v>2.5</v>
      </c>
      <c r="E15715">
        <v>3517.94</v>
      </c>
      <c r="F15715">
        <v>58.161099999999998</v>
      </c>
    </row>
    <row r="15716" spans="1:6" x14ac:dyDescent="0.25">
      <c r="A15716">
        <v>167.67</v>
      </c>
      <c r="B15716">
        <v>214.93</v>
      </c>
      <c r="C15716">
        <v>1800</v>
      </c>
      <c r="D15716">
        <v>2.8</v>
      </c>
      <c r="E15716">
        <v>3395.49</v>
      </c>
      <c r="F15716">
        <v>67.951499999999996</v>
      </c>
    </row>
    <row r="15717" spans="1:6" x14ac:dyDescent="0.25">
      <c r="A15717">
        <v>167.67</v>
      </c>
      <c r="B15717">
        <v>214.93</v>
      </c>
      <c r="C15717">
        <v>1800</v>
      </c>
      <c r="D15717">
        <v>3.1</v>
      </c>
      <c r="E15717">
        <v>3288.94</v>
      </c>
      <c r="F15717">
        <v>69.2072</v>
      </c>
    </row>
    <row r="15718" spans="1:6" x14ac:dyDescent="0.25">
      <c r="A15718">
        <v>167.67</v>
      </c>
      <c r="B15718">
        <v>214.93</v>
      </c>
      <c r="C15718">
        <v>1800</v>
      </c>
      <c r="D15718">
        <v>3.4</v>
      </c>
      <c r="E15718">
        <v>3300.04</v>
      </c>
      <c r="F15718">
        <v>62.561599999999999</v>
      </c>
    </row>
    <row r="15719" spans="1:6" x14ac:dyDescent="0.25">
      <c r="A15719">
        <v>167.67</v>
      </c>
      <c r="B15719">
        <v>214.93</v>
      </c>
      <c r="C15719">
        <v>1800</v>
      </c>
      <c r="D15719">
        <v>3.7</v>
      </c>
      <c r="E15719">
        <v>3206.91</v>
      </c>
      <c r="F15719">
        <v>64.258499999999998</v>
      </c>
    </row>
    <row r="15720" spans="1:6" x14ac:dyDescent="0.25">
      <c r="A15720">
        <v>167.67</v>
      </c>
      <c r="B15720">
        <v>214.93</v>
      </c>
      <c r="C15720">
        <v>1800</v>
      </c>
      <c r="D15720">
        <v>4</v>
      </c>
      <c r="E15720">
        <v>3148.87</v>
      </c>
      <c r="F15720">
        <v>61.8521</v>
      </c>
    </row>
    <row r="15721" spans="1:6" x14ac:dyDescent="0.25">
      <c r="A15721">
        <v>167.67</v>
      </c>
      <c r="B15721">
        <v>214.93</v>
      </c>
      <c r="C15721">
        <v>3345.45</v>
      </c>
      <c r="D15721">
        <v>1</v>
      </c>
      <c r="E15721">
        <v>5775.93</v>
      </c>
      <c r="F15721">
        <v>68.071700000000007</v>
      </c>
    </row>
    <row r="15722" spans="1:6" x14ac:dyDescent="0.25">
      <c r="A15722">
        <v>167.67</v>
      </c>
      <c r="B15722">
        <v>214.93</v>
      </c>
      <c r="C15722">
        <v>3345.45</v>
      </c>
      <c r="D15722">
        <v>1.3</v>
      </c>
      <c r="E15722">
        <v>5350.28</v>
      </c>
      <c r="F15722">
        <v>71.020300000000006</v>
      </c>
    </row>
    <row r="15723" spans="1:6" x14ac:dyDescent="0.25">
      <c r="A15723">
        <v>167.67</v>
      </c>
      <c r="B15723">
        <v>214.93</v>
      </c>
      <c r="C15723">
        <v>3345.45</v>
      </c>
      <c r="D15723">
        <v>1.6</v>
      </c>
      <c r="E15723">
        <v>5111.9399999999996</v>
      </c>
      <c r="F15723">
        <v>71.690399999999997</v>
      </c>
    </row>
    <row r="15724" spans="1:6" x14ac:dyDescent="0.25">
      <c r="A15724">
        <v>167.67</v>
      </c>
      <c r="B15724">
        <v>214.93</v>
      </c>
      <c r="C15724">
        <v>3345.45</v>
      </c>
      <c r="D15724">
        <v>1.9</v>
      </c>
      <c r="E15724">
        <v>4987.7</v>
      </c>
      <c r="F15724">
        <v>69.316500000000005</v>
      </c>
    </row>
    <row r="15725" spans="1:6" x14ac:dyDescent="0.25">
      <c r="A15725">
        <v>167.67</v>
      </c>
      <c r="B15725">
        <v>214.93</v>
      </c>
      <c r="C15725">
        <v>3345.45</v>
      </c>
      <c r="D15725">
        <v>2.2000000000000002</v>
      </c>
      <c r="E15725">
        <v>4823.3500000000004</v>
      </c>
      <c r="F15725">
        <v>73.441599999999994</v>
      </c>
    </row>
    <row r="15726" spans="1:6" x14ac:dyDescent="0.25">
      <c r="A15726">
        <v>167.67</v>
      </c>
      <c r="B15726">
        <v>214.93</v>
      </c>
      <c r="C15726">
        <v>3345.45</v>
      </c>
      <c r="D15726">
        <v>2.5</v>
      </c>
      <c r="E15726">
        <v>4675.26</v>
      </c>
      <c r="F15726">
        <v>63.775199999999998</v>
      </c>
    </row>
    <row r="15727" spans="1:6" x14ac:dyDescent="0.25">
      <c r="A15727">
        <v>167.67</v>
      </c>
      <c r="B15727">
        <v>214.93</v>
      </c>
      <c r="C15727">
        <v>3345.45</v>
      </c>
      <c r="D15727">
        <v>2.8</v>
      </c>
      <c r="E15727">
        <v>4529.8</v>
      </c>
      <c r="F15727">
        <v>71.703800000000001</v>
      </c>
    </row>
    <row r="15728" spans="1:6" x14ac:dyDescent="0.25">
      <c r="A15728">
        <v>167.67</v>
      </c>
      <c r="B15728">
        <v>214.93</v>
      </c>
      <c r="C15728">
        <v>3345.45</v>
      </c>
      <c r="D15728">
        <v>3.1</v>
      </c>
      <c r="E15728">
        <v>4570.46</v>
      </c>
      <c r="F15728">
        <v>73.101900000000001</v>
      </c>
    </row>
    <row r="15729" spans="1:6" x14ac:dyDescent="0.25">
      <c r="A15729">
        <v>167.67</v>
      </c>
      <c r="B15729">
        <v>214.93</v>
      </c>
      <c r="C15729">
        <v>3345.45</v>
      </c>
      <c r="D15729">
        <v>3.4</v>
      </c>
      <c r="E15729">
        <v>4378.03</v>
      </c>
      <c r="F15729">
        <v>72.049800000000005</v>
      </c>
    </row>
    <row r="15730" spans="1:6" x14ac:dyDescent="0.25">
      <c r="A15730">
        <v>167.67</v>
      </c>
      <c r="B15730">
        <v>214.93</v>
      </c>
      <c r="C15730">
        <v>3345.45</v>
      </c>
      <c r="D15730">
        <v>3.7</v>
      </c>
      <c r="E15730">
        <v>4366.8900000000003</v>
      </c>
      <c r="F15730">
        <v>75.409700000000001</v>
      </c>
    </row>
    <row r="15731" spans="1:6" x14ac:dyDescent="0.25">
      <c r="A15731">
        <v>167.67</v>
      </c>
      <c r="B15731">
        <v>214.93</v>
      </c>
      <c r="C15731">
        <v>3345.45</v>
      </c>
      <c r="D15731">
        <v>4</v>
      </c>
      <c r="E15731">
        <v>4311.3900000000003</v>
      </c>
      <c r="F15731">
        <v>74.384699999999995</v>
      </c>
    </row>
    <row r="15732" spans="1:6" x14ac:dyDescent="0.25">
      <c r="A15732">
        <v>167.67</v>
      </c>
      <c r="B15732">
        <v>214.93</v>
      </c>
      <c r="C15732">
        <v>4890.8999999999996</v>
      </c>
      <c r="D15732">
        <v>1</v>
      </c>
      <c r="E15732">
        <v>5775.93</v>
      </c>
      <c r="F15732">
        <v>68.071700000000007</v>
      </c>
    </row>
    <row r="15733" spans="1:6" x14ac:dyDescent="0.25">
      <c r="A15733">
        <v>167.67</v>
      </c>
      <c r="B15733">
        <v>214.93</v>
      </c>
      <c r="C15733">
        <v>4890.8999999999996</v>
      </c>
      <c r="D15733">
        <v>1.3</v>
      </c>
      <c r="E15733">
        <v>5350.28</v>
      </c>
      <c r="F15733">
        <v>71.020300000000006</v>
      </c>
    </row>
    <row r="15734" spans="1:6" x14ac:dyDescent="0.25">
      <c r="A15734">
        <v>167.67</v>
      </c>
      <c r="B15734">
        <v>214.93</v>
      </c>
      <c r="C15734">
        <v>4890.8999999999996</v>
      </c>
      <c r="D15734">
        <v>1.6</v>
      </c>
      <c r="E15734">
        <v>5111.9399999999996</v>
      </c>
      <c r="F15734">
        <v>71.690399999999997</v>
      </c>
    </row>
    <row r="15735" spans="1:6" x14ac:dyDescent="0.25">
      <c r="A15735">
        <v>167.67</v>
      </c>
      <c r="B15735">
        <v>214.93</v>
      </c>
      <c r="C15735">
        <v>4890.8999999999996</v>
      </c>
      <c r="D15735">
        <v>1.9</v>
      </c>
      <c r="E15735">
        <v>4987.7</v>
      </c>
      <c r="F15735">
        <v>69.316500000000005</v>
      </c>
    </row>
    <row r="15736" spans="1:6" x14ac:dyDescent="0.25">
      <c r="A15736">
        <v>167.67</v>
      </c>
      <c r="B15736">
        <v>214.93</v>
      </c>
      <c r="C15736">
        <v>4890.8999999999996</v>
      </c>
      <c r="D15736">
        <v>2.2000000000000002</v>
      </c>
      <c r="E15736">
        <v>4823.3500000000004</v>
      </c>
      <c r="F15736">
        <v>73.441599999999994</v>
      </c>
    </row>
    <row r="15737" spans="1:6" x14ac:dyDescent="0.25">
      <c r="A15737">
        <v>167.67</v>
      </c>
      <c r="B15737">
        <v>214.93</v>
      </c>
      <c r="C15737">
        <v>4890.8999999999996</v>
      </c>
      <c r="D15737">
        <v>2.5</v>
      </c>
      <c r="E15737">
        <v>4675.26</v>
      </c>
      <c r="F15737">
        <v>63.775199999999998</v>
      </c>
    </row>
    <row r="15738" spans="1:6" x14ac:dyDescent="0.25">
      <c r="A15738">
        <v>167.67</v>
      </c>
      <c r="B15738">
        <v>214.93</v>
      </c>
      <c r="C15738">
        <v>4890.8999999999996</v>
      </c>
      <c r="D15738">
        <v>2.8</v>
      </c>
      <c r="E15738">
        <v>4657.34</v>
      </c>
      <c r="F15738">
        <v>71.703800000000001</v>
      </c>
    </row>
    <row r="15739" spans="1:6" x14ac:dyDescent="0.25">
      <c r="A15739">
        <v>167.67</v>
      </c>
      <c r="B15739">
        <v>214.93</v>
      </c>
      <c r="C15739">
        <v>4890.8999999999996</v>
      </c>
      <c r="D15739">
        <v>3.1</v>
      </c>
      <c r="E15739">
        <v>4511.97</v>
      </c>
      <c r="F15739">
        <v>73.101900000000001</v>
      </c>
    </row>
    <row r="15740" spans="1:6" x14ac:dyDescent="0.25">
      <c r="A15740">
        <v>167.67</v>
      </c>
      <c r="B15740">
        <v>214.93</v>
      </c>
      <c r="C15740">
        <v>4890.8999999999996</v>
      </c>
      <c r="D15740">
        <v>3.4</v>
      </c>
      <c r="E15740">
        <v>4535.6400000000003</v>
      </c>
      <c r="F15740">
        <v>72.049800000000005</v>
      </c>
    </row>
    <row r="15741" spans="1:6" x14ac:dyDescent="0.25">
      <c r="A15741">
        <v>167.67</v>
      </c>
      <c r="B15741">
        <v>214.93</v>
      </c>
      <c r="C15741">
        <v>4890.8999999999996</v>
      </c>
      <c r="D15741">
        <v>3.7</v>
      </c>
      <c r="E15741">
        <v>4355.29</v>
      </c>
      <c r="F15741">
        <v>75.409700000000001</v>
      </c>
    </row>
    <row r="15742" spans="1:6" x14ac:dyDescent="0.25">
      <c r="A15742">
        <v>167.67</v>
      </c>
      <c r="B15742">
        <v>214.93</v>
      </c>
      <c r="C15742">
        <v>4890.8999999999996</v>
      </c>
      <c r="D15742">
        <v>4</v>
      </c>
      <c r="E15742">
        <v>4361.99</v>
      </c>
      <c r="F15742">
        <v>74.384699999999995</v>
      </c>
    </row>
    <row r="15743" spans="1:6" x14ac:dyDescent="0.25">
      <c r="A15743">
        <v>167.67</v>
      </c>
      <c r="B15743">
        <v>214.93</v>
      </c>
      <c r="C15743">
        <v>6436.35</v>
      </c>
      <c r="D15743">
        <v>1</v>
      </c>
      <c r="E15743">
        <v>5775.93</v>
      </c>
      <c r="F15743">
        <v>68.071700000000007</v>
      </c>
    </row>
    <row r="15744" spans="1:6" x14ac:dyDescent="0.25">
      <c r="A15744">
        <v>167.67</v>
      </c>
      <c r="B15744">
        <v>214.93</v>
      </c>
      <c r="C15744">
        <v>6436.35</v>
      </c>
      <c r="D15744">
        <v>1.3</v>
      </c>
      <c r="E15744">
        <v>5350.28</v>
      </c>
      <c r="F15744">
        <v>71.020300000000006</v>
      </c>
    </row>
    <row r="15745" spans="1:6" x14ac:dyDescent="0.25">
      <c r="A15745">
        <v>167.67</v>
      </c>
      <c r="B15745">
        <v>214.93</v>
      </c>
      <c r="C15745">
        <v>6436.35</v>
      </c>
      <c r="D15745">
        <v>1.6</v>
      </c>
      <c r="E15745">
        <v>5111.9399999999996</v>
      </c>
      <c r="F15745">
        <v>71.690399999999997</v>
      </c>
    </row>
    <row r="15746" spans="1:6" x14ac:dyDescent="0.25">
      <c r="A15746">
        <v>167.67</v>
      </c>
      <c r="B15746">
        <v>214.93</v>
      </c>
      <c r="C15746">
        <v>6436.35</v>
      </c>
      <c r="D15746">
        <v>1.9</v>
      </c>
      <c r="E15746">
        <v>4987.7</v>
      </c>
      <c r="F15746">
        <v>69.316500000000005</v>
      </c>
    </row>
    <row r="15747" spans="1:6" x14ac:dyDescent="0.25">
      <c r="A15747">
        <v>167.67</v>
      </c>
      <c r="B15747">
        <v>214.93</v>
      </c>
      <c r="C15747">
        <v>6436.35</v>
      </c>
      <c r="D15747">
        <v>2.2000000000000002</v>
      </c>
      <c r="E15747">
        <v>4823.3500000000004</v>
      </c>
      <c r="F15747">
        <v>73.441599999999994</v>
      </c>
    </row>
    <row r="15748" spans="1:6" x14ac:dyDescent="0.25">
      <c r="A15748">
        <v>167.67</v>
      </c>
      <c r="B15748">
        <v>214.93</v>
      </c>
      <c r="C15748">
        <v>6436.35</v>
      </c>
      <c r="D15748">
        <v>2.5</v>
      </c>
      <c r="E15748">
        <v>4675.26</v>
      </c>
      <c r="F15748">
        <v>63.775199999999998</v>
      </c>
    </row>
    <row r="15749" spans="1:6" x14ac:dyDescent="0.25">
      <c r="A15749">
        <v>167.67</v>
      </c>
      <c r="B15749">
        <v>214.93</v>
      </c>
      <c r="C15749">
        <v>6436.35</v>
      </c>
      <c r="D15749">
        <v>2.8</v>
      </c>
      <c r="E15749">
        <v>4657.34</v>
      </c>
      <c r="F15749">
        <v>71.703800000000001</v>
      </c>
    </row>
    <row r="15750" spans="1:6" x14ac:dyDescent="0.25">
      <c r="A15750">
        <v>167.67</v>
      </c>
      <c r="B15750">
        <v>214.93</v>
      </c>
      <c r="C15750">
        <v>6436.35</v>
      </c>
      <c r="D15750">
        <v>3.1</v>
      </c>
      <c r="E15750">
        <v>4511.97</v>
      </c>
      <c r="F15750">
        <v>73.101900000000001</v>
      </c>
    </row>
    <row r="15751" spans="1:6" x14ac:dyDescent="0.25">
      <c r="A15751">
        <v>167.67</v>
      </c>
      <c r="B15751">
        <v>214.93</v>
      </c>
      <c r="C15751">
        <v>6436.35</v>
      </c>
      <c r="D15751">
        <v>3.4</v>
      </c>
      <c r="E15751">
        <v>4535.6400000000003</v>
      </c>
      <c r="F15751">
        <v>72.049800000000005</v>
      </c>
    </row>
    <row r="15752" spans="1:6" x14ac:dyDescent="0.25">
      <c r="A15752">
        <v>167.67</v>
      </c>
      <c r="B15752">
        <v>214.93</v>
      </c>
      <c r="C15752">
        <v>6436.35</v>
      </c>
      <c r="D15752">
        <v>3.7</v>
      </c>
      <c r="E15752">
        <v>4355.29</v>
      </c>
      <c r="F15752">
        <v>75.409700000000001</v>
      </c>
    </row>
    <row r="15753" spans="1:6" x14ac:dyDescent="0.25">
      <c r="A15753">
        <v>167.67</v>
      </c>
      <c r="B15753">
        <v>214.93</v>
      </c>
      <c r="C15753">
        <v>6436.35</v>
      </c>
      <c r="D15753">
        <v>4</v>
      </c>
      <c r="E15753">
        <v>4361.99</v>
      </c>
      <c r="F15753">
        <v>74.384699999999995</v>
      </c>
    </row>
    <row r="15754" spans="1:6" x14ac:dyDescent="0.25">
      <c r="A15754">
        <v>167.67</v>
      </c>
      <c r="B15754">
        <v>214.93</v>
      </c>
      <c r="C15754">
        <v>7981.8</v>
      </c>
      <c r="D15754">
        <v>1</v>
      </c>
      <c r="E15754">
        <v>5775.93</v>
      </c>
      <c r="F15754">
        <v>68.071700000000007</v>
      </c>
    </row>
    <row r="15755" spans="1:6" x14ac:dyDescent="0.25">
      <c r="A15755">
        <v>167.67</v>
      </c>
      <c r="B15755">
        <v>214.93</v>
      </c>
      <c r="C15755">
        <v>7981.8</v>
      </c>
      <c r="D15755">
        <v>1.3</v>
      </c>
      <c r="E15755">
        <v>5350.28</v>
      </c>
      <c r="F15755">
        <v>71.020300000000006</v>
      </c>
    </row>
    <row r="15756" spans="1:6" x14ac:dyDescent="0.25">
      <c r="A15756">
        <v>167.67</v>
      </c>
      <c r="B15756">
        <v>214.93</v>
      </c>
      <c r="C15756">
        <v>7981.8</v>
      </c>
      <c r="D15756">
        <v>1.6</v>
      </c>
      <c r="E15756">
        <v>5111.9399999999996</v>
      </c>
      <c r="F15756">
        <v>71.690399999999997</v>
      </c>
    </row>
    <row r="15757" spans="1:6" x14ac:dyDescent="0.25">
      <c r="A15757">
        <v>167.67</v>
      </c>
      <c r="B15757">
        <v>214.93</v>
      </c>
      <c r="C15757">
        <v>7981.8</v>
      </c>
      <c r="D15757">
        <v>1.9</v>
      </c>
      <c r="E15757">
        <v>4987.7</v>
      </c>
      <c r="F15757">
        <v>69.316500000000005</v>
      </c>
    </row>
    <row r="15758" spans="1:6" x14ac:dyDescent="0.25">
      <c r="A15758">
        <v>167.67</v>
      </c>
      <c r="B15758">
        <v>214.93</v>
      </c>
      <c r="C15758">
        <v>7981.8</v>
      </c>
      <c r="D15758">
        <v>2.2000000000000002</v>
      </c>
      <c r="E15758">
        <v>4823.3500000000004</v>
      </c>
      <c r="F15758">
        <v>73.441599999999994</v>
      </c>
    </row>
    <row r="15759" spans="1:6" x14ac:dyDescent="0.25">
      <c r="A15759">
        <v>167.67</v>
      </c>
      <c r="B15759">
        <v>214.93</v>
      </c>
      <c r="C15759">
        <v>7981.8</v>
      </c>
      <c r="D15759">
        <v>2.5</v>
      </c>
      <c r="E15759">
        <v>4675.26</v>
      </c>
      <c r="F15759">
        <v>63.775199999999998</v>
      </c>
    </row>
    <row r="15760" spans="1:6" x14ac:dyDescent="0.25">
      <c r="A15760">
        <v>167.67</v>
      </c>
      <c r="B15760">
        <v>214.93</v>
      </c>
      <c r="C15760">
        <v>7981.8</v>
      </c>
      <c r="D15760">
        <v>2.8</v>
      </c>
      <c r="E15760">
        <v>4657.34</v>
      </c>
      <c r="F15760">
        <v>71.703800000000001</v>
      </c>
    </row>
    <row r="15761" spans="1:6" x14ac:dyDescent="0.25">
      <c r="A15761">
        <v>167.67</v>
      </c>
      <c r="B15761">
        <v>214.93</v>
      </c>
      <c r="C15761">
        <v>7981.8</v>
      </c>
      <c r="D15761">
        <v>3.1</v>
      </c>
      <c r="E15761">
        <v>4511.97</v>
      </c>
      <c r="F15761">
        <v>73.101900000000001</v>
      </c>
    </row>
    <row r="15762" spans="1:6" x14ac:dyDescent="0.25">
      <c r="A15762">
        <v>167.67</v>
      </c>
      <c r="B15762">
        <v>214.93</v>
      </c>
      <c r="C15762">
        <v>7981.8</v>
      </c>
      <c r="D15762">
        <v>3.4</v>
      </c>
      <c r="E15762">
        <v>4535.6400000000003</v>
      </c>
      <c r="F15762">
        <v>72.049800000000005</v>
      </c>
    </row>
    <row r="15763" spans="1:6" x14ac:dyDescent="0.25">
      <c r="A15763">
        <v>167.67</v>
      </c>
      <c r="B15763">
        <v>214.93</v>
      </c>
      <c r="C15763">
        <v>7981.8</v>
      </c>
      <c r="D15763">
        <v>3.7</v>
      </c>
      <c r="E15763">
        <v>4355.29</v>
      </c>
      <c r="F15763">
        <v>75.409700000000001</v>
      </c>
    </row>
    <row r="15764" spans="1:6" x14ac:dyDescent="0.25">
      <c r="A15764">
        <v>167.67</v>
      </c>
      <c r="B15764">
        <v>214.93</v>
      </c>
      <c r="C15764">
        <v>7981.8</v>
      </c>
      <c r="D15764">
        <v>4</v>
      </c>
      <c r="E15764">
        <v>4361.99</v>
      </c>
      <c r="F15764">
        <v>74.384699999999995</v>
      </c>
    </row>
    <row r="15765" spans="1:6" x14ac:dyDescent="0.25">
      <c r="A15765">
        <v>167.67</v>
      </c>
      <c r="B15765">
        <v>214.93</v>
      </c>
      <c r="C15765">
        <v>9527.25</v>
      </c>
      <c r="D15765">
        <v>1</v>
      </c>
      <c r="E15765">
        <v>5775.93</v>
      </c>
      <c r="F15765">
        <v>68.071700000000007</v>
      </c>
    </row>
    <row r="15766" spans="1:6" x14ac:dyDescent="0.25">
      <c r="A15766">
        <v>167.67</v>
      </c>
      <c r="B15766">
        <v>214.93</v>
      </c>
      <c r="C15766">
        <v>9527.25</v>
      </c>
      <c r="D15766">
        <v>1.3</v>
      </c>
      <c r="E15766">
        <v>5350.28</v>
      </c>
      <c r="F15766">
        <v>71.020300000000006</v>
      </c>
    </row>
    <row r="15767" spans="1:6" x14ac:dyDescent="0.25">
      <c r="A15767">
        <v>167.67</v>
      </c>
      <c r="B15767">
        <v>214.93</v>
      </c>
      <c r="C15767">
        <v>9527.25</v>
      </c>
      <c r="D15767">
        <v>1.6</v>
      </c>
      <c r="E15767">
        <v>5111.9399999999996</v>
      </c>
      <c r="F15767">
        <v>71.690399999999997</v>
      </c>
    </row>
    <row r="15768" spans="1:6" x14ac:dyDescent="0.25">
      <c r="A15768">
        <v>167.67</v>
      </c>
      <c r="B15768">
        <v>214.93</v>
      </c>
      <c r="C15768">
        <v>9527.25</v>
      </c>
      <c r="D15768">
        <v>1.9</v>
      </c>
      <c r="E15768">
        <v>4987.7</v>
      </c>
      <c r="F15768">
        <v>69.316500000000005</v>
      </c>
    </row>
    <row r="15769" spans="1:6" x14ac:dyDescent="0.25">
      <c r="A15769">
        <v>167.67</v>
      </c>
      <c r="B15769">
        <v>214.93</v>
      </c>
      <c r="C15769">
        <v>9527.25</v>
      </c>
      <c r="D15769">
        <v>2.2000000000000002</v>
      </c>
      <c r="E15769">
        <v>4823.3500000000004</v>
      </c>
      <c r="F15769">
        <v>73.441599999999994</v>
      </c>
    </row>
    <row r="15770" spans="1:6" x14ac:dyDescent="0.25">
      <c r="A15770">
        <v>167.67</v>
      </c>
      <c r="B15770">
        <v>214.93</v>
      </c>
      <c r="C15770">
        <v>9527.25</v>
      </c>
      <c r="D15770">
        <v>2.5</v>
      </c>
      <c r="E15770">
        <v>4675.26</v>
      </c>
      <c r="F15770">
        <v>63.775199999999998</v>
      </c>
    </row>
    <row r="15771" spans="1:6" x14ac:dyDescent="0.25">
      <c r="A15771">
        <v>167.67</v>
      </c>
      <c r="B15771">
        <v>214.93</v>
      </c>
      <c r="C15771">
        <v>9527.25</v>
      </c>
      <c r="D15771">
        <v>2.8</v>
      </c>
      <c r="E15771">
        <v>4657.34</v>
      </c>
      <c r="F15771">
        <v>71.703800000000001</v>
      </c>
    </row>
    <row r="15772" spans="1:6" x14ac:dyDescent="0.25">
      <c r="A15772">
        <v>167.67</v>
      </c>
      <c r="B15772">
        <v>214.93</v>
      </c>
      <c r="C15772">
        <v>9527.25</v>
      </c>
      <c r="D15772">
        <v>3.1</v>
      </c>
      <c r="E15772">
        <v>4511.97</v>
      </c>
      <c r="F15772">
        <v>73.101900000000001</v>
      </c>
    </row>
    <row r="15773" spans="1:6" x14ac:dyDescent="0.25">
      <c r="A15773">
        <v>167.67</v>
      </c>
      <c r="B15773">
        <v>214.93</v>
      </c>
      <c r="C15773">
        <v>9527.25</v>
      </c>
      <c r="D15773">
        <v>3.4</v>
      </c>
      <c r="E15773">
        <v>4535.6400000000003</v>
      </c>
      <c r="F15773">
        <v>72.049800000000005</v>
      </c>
    </row>
    <row r="15774" spans="1:6" x14ac:dyDescent="0.25">
      <c r="A15774">
        <v>167.67</v>
      </c>
      <c r="B15774">
        <v>214.93</v>
      </c>
      <c r="C15774">
        <v>9527.25</v>
      </c>
      <c r="D15774">
        <v>3.7</v>
      </c>
      <c r="E15774">
        <v>4355.29</v>
      </c>
      <c r="F15774">
        <v>75.409700000000001</v>
      </c>
    </row>
    <row r="15775" spans="1:6" x14ac:dyDescent="0.25">
      <c r="A15775">
        <v>167.67</v>
      </c>
      <c r="B15775">
        <v>214.93</v>
      </c>
      <c r="C15775">
        <v>9527.25</v>
      </c>
      <c r="D15775">
        <v>4</v>
      </c>
      <c r="E15775">
        <v>4361.99</v>
      </c>
      <c r="F15775">
        <v>74.384699999999995</v>
      </c>
    </row>
    <row r="15776" spans="1:6" x14ac:dyDescent="0.25">
      <c r="A15776">
        <v>167.67</v>
      </c>
      <c r="B15776">
        <v>214.93</v>
      </c>
      <c r="C15776">
        <v>11072.7</v>
      </c>
      <c r="D15776">
        <v>1</v>
      </c>
      <c r="E15776">
        <v>5775.93</v>
      </c>
      <c r="F15776">
        <v>68.071700000000007</v>
      </c>
    </row>
    <row r="15777" spans="1:6" x14ac:dyDescent="0.25">
      <c r="A15777">
        <v>167.67</v>
      </c>
      <c r="B15777">
        <v>214.93</v>
      </c>
      <c r="C15777">
        <v>11072.7</v>
      </c>
      <c r="D15777">
        <v>1.3</v>
      </c>
      <c r="E15777">
        <v>5350.28</v>
      </c>
      <c r="F15777">
        <v>71.020300000000006</v>
      </c>
    </row>
    <row r="15778" spans="1:6" x14ac:dyDescent="0.25">
      <c r="A15778">
        <v>167.67</v>
      </c>
      <c r="B15778">
        <v>214.93</v>
      </c>
      <c r="C15778">
        <v>11072.7</v>
      </c>
      <c r="D15778">
        <v>1.6</v>
      </c>
      <c r="E15778">
        <v>5111.9399999999996</v>
      </c>
      <c r="F15778">
        <v>71.690399999999997</v>
      </c>
    </row>
    <row r="15779" spans="1:6" x14ac:dyDescent="0.25">
      <c r="A15779">
        <v>167.67</v>
      </c>
      <c r="B15779">
        <v>214.93</v>
      </c>
      <c r="C15779">
        <v>11072.7</v>
      </c>
      <c r="D15779">
        <v>1.9</v>
      </c>
      <c r="E15779">
        <v>4987.7</v>
      </c>
      <c r="F15779">
        <v>69.316500000000005</v>
      </c>
    </row>
    <row r="15780" spans="1:6" x14ac:dyDescent="0.25">
      <c r="A15780">
        <v>167.67</v>
      </c>
      <c r="B15780">
        <v>214.93</v>
      </c>
      <c r="C15780">
        <v>11072.7</v>
      </c>
      <c r="D15780">
        <v>2.2000000000000002</v>
      </c>
      <c r="E15780">
        <v>4823.3500000000004</v>
      </c>
      <c r="F15780">
        <v>73.441599999999994</v>
      </c>
    </row>
    <row r="15781" spans="1:6" x14ac:dyDescent="0.25">
      <c r="A15781">
        <v>167.67</v>
      </c>
      <c r="B15781">
        <v>214.93</v>
      </c>
      <c r="C15781">
        <v>11072.7</v>
      </c>
      <c r="D15781">
        <v>2.5</v>
      </c>
      <c r="E15781">
        <v>4675.26</v>
      </c>
      <c r="F15781">
        <v>63.775199999999998</v>
      </c>
    </row>
    <row r="15782" spans="1:6" x14ac:dyDescent="0.25">
      <c r="A15782">
        <v>167.67</v>
      </c>
      <c r="B15782">
        <v>214.93</v>
      </c>
      <c r="C15782">
        <v>11072.7</v>
      </c>
      <c r="D15782">
        <v>2.8</v>
      </c>
      <c r="E15782">
        <v>4657.34</v>
      </c>
      <c r="F15782">
        <v>71.703800000000001</v>
      </c>
    </row>
    <row r="15783" spans="1:6" x14ac:dyDescent="0.25">
      <c r="A15783">
        <v>167.67</v>
      </c>
      <c r="B15783">
        <v>214.93</v>
      </c>
      <c r="C15783">
        <v>11072.7</v>
      </c>
      <c r="D15783">
        <v>3.1</v>
      </c>
      <c r="E15783">
        <v>4511.97</v>
      </c>
      <c r="F15783">
        <v>73.101900000000001</v>
      </c>
    </row>
    <row r="15784" spans="1:6" x14ac:dyDescent="0.25">
      <c r="A15784">
        <v>167.67</v>
      </c>
      <c r="B15784">
        <v>214.93</v>
      </c>
      <c r="C15784">
        <v>11072.7</v>
      </c>
      <c r="D15784">
        <v>3.4</v>
      </c>
      <c r="E15784">
        <v>4535.6400000000003</v>
      </c>
      <c r="F15784">
        <v>72.049800000000005</v>
      </c>
    </row>
    <row r="15785" spans="1:6" x14ac:dyDescent="0.25">
      <c r="A15785">
        <v>167.67</v>
      </c>
      <c r="B15785">
        <v>214.93</v>
      </c>
      <c r="C15785">
        <v>11072.7</v>
      </c>
      <c r="D15785">
        <v>3.7</v>
      </c>
      <c r="E15785">
        <v>4355.29</v>
      </c>
      <c r="F15785">
        <v>75.409700000000001</v>
      </c>
    </row>
    <row r="15786" spans="1:6" x14ac:dyDescent="0.25">
      <c r="A15786">
        <v>167.67</v>
      </c>
      <c r="B15786">
        <v>214.93</v>
      </c>
      <c r="C15786">
        <v>11072.7</v>
      </c>
      <c r="D15786">
        <v>4</v>
      </c>
      <c r="E15786">
        <v>4361.99</v>
      </c>
      <c r="F15786">
        <v>74.384699999999995</v>
      </c>
    </row>
    <row r="15787" spans="1:6" x14ac:dyDescent="0.25">
      <c r="A15787">
        <v>167.67</v>
      </c>
      <c r="B15787">
        <v>214.93</v>
      </c>
      <c r="C15787">
        <v>12618.2</v>
      </c>
      <c r="D15787">
        <v>1</v>
      </c>
      <c r="E15787">
        <v>5775.93</v>
      </c>
      <c r="F15787">
        <v>68.071700000000007</v>
      </c>
    </row>
    <row r="15788" spans="1:6" x14ac:dyDescent="0.25">
      <c r="A15788">
        <v>167.67</v>
      </c>
      <c r="B15788">
        <v>214.93</v>
      </c>
      <c r="C15788">
        <v>12618.2</v>
      </c>
      <c r="D15788">
        <v>1.3</v>
      </c>
      <c r="E15788">
        <v>5350.28</v>
      </c>
      <c r="F15788">
        <v>71.020300000000006</v>
      </c>
    </row>
    <row r="15789" spans="1:6" x14ac:dyDescent="0.25">
      <c r="A15789">
        <v>167.67</v>
      </c>
      <c r="B15789">
        <v>214.93</v>
      </c>
      <c r="C15789">
        <v>12618.2</v>
      </c>
      <c r="D15789">
        <v>1.6</v>
      </c>
      <c r="E15789">
        <v>5111.9399999999996</v>
      </c>
      <c r="F15789">
        <v>71.690399999999997</v>
      </c>
    </row>
    <row r="15790" spans="1:6" x14ac:dyDescent="0.25">
      <c r="A15790">
        <v>167.67</v>
      </c>
      <c r="B15790">
        <v>214.93</v>
      </c>
      <c r="C15790">
        <v>12618.2</v>
      </c>
      <c r="D15790">
        <v>1.9</v>
      </c>
      <c r="E15790">
        <v>4987.7</v>
      </c>
      <c r="F15790">
        <v>69.316500000000005</v>
      </c>
    </row>
    <row r="15791" spans="1:6" x14ac:dyDescent="0.25">
      <c r="A15791">
        <v>167.67</v>
      </c>
      <c r="B15791">
        <v>214.93</v>
      </c>
      <c r="C15791">
        <v>12618.2</v>
      </c>
      <c r="D15791">
        <v>2.2000000000000002</v>
      </c>
      <c r="E15791">
        <v>4823.3500000000004</v>
      </c>
      <c r="F15791">
        <v>73.441599999999994</v>
      </c>
    </row>
    <row r="15792" spans="1:6" x14ac:dyDescent="0.25">
      <c r="A15792">
        <v>167.67</v>
      </c>
      <c r="B15792">
        <v>214.93</v>
      </c>
      <c r="C15792">
        <v>12618.2</v>
      </c>
      <c r="D15792">
        <v>2.5</v>
      </c>
      <c r="E15792">
        <v>4675.26</v>
      </c>
      <c r="F15792">
        <v>63.775199999999998</v>
      </c>
    </row>
    <row r="15793" spans="1:6" x14ac:dyDescent="0.25">
      <c r="A15793">
        <v>167.67</v>
      </c>
      <c r="B15793">
        <v>214.93</v>
      </c>
      <c r="C15793">
        <v>12618.2</v>
      </c>
      <c r="D15793">
        <v>2.8</v>
      </c>
      <c r="E15793">
        <v>4657.34</v>
      </c>
      <c r="F15793">
        <v>71.703800000000001</v>
      </c>
    </row>
    <row r="15794" spans="1:6" x14ac:dyDescent="0.25">
      <c r="A15794">
        <v>167.67</v>
      </c>
      <c r="B15794">
        <v>214.93</v>
      </c>
      <c r="C15794">
        <v>12618.2</v>
      </c>
      <c r="D15794">
        <v>3.1</v>
      </c>
      <c r="E15794">
        <v>4511.97</v>
      </c>
      <c r="F15794">
        <v>73.101900000000001</v>
      </c>
    </row>
    <row r="15795" spans="1:6" x14ac:dyDescent="0.25">
      <c r="A15795">
        <v>167.67</v>
      </c>
      <c r="B15795">
        <v>214.93</v>
      </c>
      <c r="C15795">
        <v>12618.2</v>
      </c>
      <c r="D15795">
        <v>3.4</v>
      </c>
      <c r="E15795">
        <v>4535.6400000000003</v>
      </c>
      <c r="F15795">
        <v>72.049800000000005</v>
      </c>
    </row>
    <row r="15796" spans="1:6" x14ac:dyDescent="0.25">
      <c r="A15796">
        <v>167.67</v>
      </c>
      <c r="B15796">
        <v>214.93</v>
      </c>
      <c r="C15796">
        <v>12618.2</v>
      </c>
      <c r="D15796">
        <v>3.7</v>
      </c>
      <c r="E15796">
        <v>4355.29</v>
      </c>
      <c r="F15796">
        <v>75.409700000000001</v>
      </c>
    </row>
    <row r="15797" spans="1:6" x14ac:dyDescent="0.25">
      <c r="A15797">
        <v>167.67</v>
      </c>
      <c r="B15797">
        <v>214.93</v>
      </c>
      <c r="C15797">
        <v>12618.2</v>
      </c>
      <c r="D15797">
        <v>4</v>
      </c>
      <c r="E15797">
        <v>4361.99</v>
      </c>
      <c r="F15797">
        <v>74.384699999999995</v>
      </c>
    </row>
    <row r="15798" spans="1:6" x14ac:dyDescent="0.25">
      <c r="A15798">
        <v>167.67</v>
      </c>
      <c r="B15798">
        <v>214.93</v>
      </c>
      <c r="C15798">
        <v>14163.6</v>
      </c>
      <c r="D15798">
        <v>1</v>
      </c>
      <c r="E15798">
        <v>5775.93</v>
      </c>
      <c r="F15798">
        <v>68.071700000000007</v>
      </c>
    </row>
    <row r="15799" spans="1:6" x14ac:dyDescent="0.25">
      <c r="A15799">
        <v>167.67</v>
      </c>
      <c r="B15799">
        <v>214.93</v>
      </c>
      <c r="C15799">
        <v>14163.6</v>
      </c>
      <c r="D15799">
        <v>1.3</v>
      </c>
      <c r="E15799">
        <v>5350.28</v>
      </c>
      <c r="F15799">
        <v>71.020300000000006</v>
      </c>
    </row>
    <row r="15800" spans="1:6" x14ac:dyDescent="0.25">
      <c r="A15800">
        <v>167.67</v>
      </c>
      <c r="B15800">
        <v>214.93</v>
      </c>
      <c r="C15800">
        <v>14163.6</v>
      </c>
      <c r="D15800">
        <v>1.6</v>
      </c>
      <c r="E15800">
        <v>5111.9399999999996</v>
      </c>
      <c r="F15800">
        <v>71.690399999999997</v>
      </c>
    </row>
    <row r="15801" spans="1:6" x14ac:dyDescent="0.25">
      <c r="A15801">
        <v>167.67</v>
      </c>
      <c r="B15801">
        <v>214.93</v>
      </c>
      <c r="C15801">
        <v>14163.6</v>
      </c>
      <c r="D15801">
        <v>1.9</v>
      </c>
      <c r="E15801">
        <v>4987.7</v>
      </c>
      <c r="F15801">
        <v>69.316500000000005</v>
      </c>
    </row>
    <row r="15802" spans="1:6" x14ac:dyDescent="0.25">
      <c r="A15802">
        <v>167.67</v>
      </c>
      <c r="B15802">
        <v>214.93</v>
      </c>
      <c r="C15802">
        <v>14163.6</v>
      </c>
      <c r="D15802">
        <v>2.2000000000000002</v>
      </c>
      <c r="E15802">
        <v>4823.3500000000004</v>
      </c>
      <c r="F15802">
        <v>73.441599999999994</v>
      </c>
    </row>
    <row r="15803" spans="1:6" x14ac:dyDescent="0.25">
      <c r="A15803">
        <v>167.67</v>
      </c>
      <c r="B15803">
        <v>214.93</v>
      </c>
      <c r="C15803">
        <v>14163.6</v>
      </c>
      <c r="D15803">
        <v>2.5</v>
      </c>
      <c r="E15803">
        <v>4675.26</v>
      </c>
      <c r="F15803">
        <v>63.775199999999998</v>
      </c>
    </row>
    <row r="15804" spans="1:6" x14ac:dyDescent="0.25">
      <c r="A15804">
        <v>167.67</v>
      </c>
      <c r="B15804">
        <v>214.93</v>
      </c>
      <c r="C15804">
        <v>14163.6</v>
      </c>
      <c r="D15804">
        <v>2.8</v>
      </c>
      <c r="E15804">
        <v>4657.34</v>
      </c>
      <c r="F15804">
        <v>71.703800000000001</v>
      </c>
    </row>
    <row r="15805" spans="1:6" x14ac:dyDescent="0.25">
      <c r="A15805">
        <v>167.67</v>
      </c>
      <c r="B15805">
        <v>214.93</v>
      </c>
      <c r="C15805">
        <v>14163.6</v>
      </c>
      <c r="D15805">
        <v>3.1</v>
      </c>
      <c r="E15805">
        <v>4511.97</v>
      </c>
      <c r="F15805">
        <v>73.101900000000001</v>
      </c>
    </row>
    <row r="15806" spans="1:6" x14ac:dyDescent="0.25">
      <c r="A15806">
        <v>167.67</v>
      </c>
      <c r="B15806">
        <v>214.93</v>
      </c>
      <c r="C15806">
        <v>14163.6</v>
      </c>
      <c r="D15806">
        <v>3.4</v>
      </c>
      <c r="E15806">
        <v>4535.6400000000003</v>
      </c>
      <c r="F15806">
        <v>72.049800000000005</v>
      </c>
    </row>
    <row r="15807" spans="1:6" x14ac:dyDescent="0.25">
      <c r="A15807">
        <v>167.67</v>
      </c>
      <c r="B15807">
        <v>214.93</v>
      </c>
      <c r="C15807">
        <v>14163.6</v>
      </c>
      <c r="D15807">
        <v>3.7</v>
      </c>
      <c r="E15807">
        <v>4355.29</v>
      </c>
      <c r="F15807">
        <v>75.409700000000001</v>
      </c>
    </row>
    <row r="15808" spans="1:6" x14ac:dyDescent="0.25">
      <c r="A15808">
        <v>167.67</v>
      </c>
      <c r="B15808">
        <v>214.93</v>
      </c>
      <c r="C15808">
        <v>14163.6</v>
      </c>
      <c r="D15808">
        <v>4</v>
      </c>
      <c r="E15808">
        <v>4361.99</v>
      </c>
      <c r="F15808">
        <v>74.384699999999995</v>
      </c>
    </row>
    <row r="15809" spans="1:6" x14ac:dyDescent="0.25">
      <c r="A15809">
        <v>167.67</v>
      </c>
      <c r="B15809">
        <v>214.93</v>
      </c>
      <c r="C15809">
        <v>15709.1</v>
      </c>
      <c r="D15809">
        <v>1</v>
      </c>
      <c r="E15809">
        <v>5775.93</v>
      </c>
      <c r="F15809">
        <v>68.071700000000007</v>
      </c>
    </row>
    <row r="15810" spans="1:6" x14ac:dyDescent="0.25">
      <c r="A15810">
        <v>167.67</v>
      </c>
      <c r="B15810">
        <v>214.93</v>
      </c>
      <c r="C15810">
        <v>15709.1</v>
      </c>
      <c r="D15810">
        <v>1.3</v>
      </c>
      <c r="E15810">
        <v>5350.28</v>
      </c>
      <c r="F15810">
        <v>71.020300000000006</v>
      </c>
    </row>
    <row r="15811" spans="1:6" x14ac:dyDescent="0.25">
      <c r="A15811">
        <v>167.67</v>
      </c>
      <c r="B15811">
        <v>214.93</v>
      </c>
      <c r="C15811">
        <v>15709.1</v>
      </c>
      <c r="D15811">
        <v>1.6</v>
      </c>
      <c r="E15811">
        <v>5111.9399999999996</v>
      </c>
      <c r="F15811">
        <v>71.690399999999997</v>
      </c>
    </row>
    <row r="15812" spans="1:6" x14ac:dyDescent="0.25">
      <c r="A15812">
        <v>167.67</v>
      </c>
      <c r="B15812">
        <v>214.93</v>
      </c>
      <c r="C15812">
        <v>15709.1</v>
      </c>
      <c r="D15812">
        <v>1.9</v>
      </c>
      <c r="E15812">
        <v>4987.7</v>
      </c>
      <c r="F15812">
        <v>69.316500000000005</v>
      </c>
    </row>
    <row r="15813" spans="1:6" x14ac:dyDescent="0.25">
      <c r="A15813">
        <v>167.67</v>
      </c>
      <c r="B15813">
        <v>214.93</v>
      </c>
      <c r="C15813">
        <v>15709.1</v>
      </c>
      <c r="D15813">
        <v>2.2000000000000002</v>
      </c>
      <c r="E15813">
        <v>4823.3500000000004</v>
      </c>
      <c r="F15813">
        <v>73.441599999999994</v>
      </c>
    </row>
    <row r="15814" spans="1:6" x14ac:dyDescent="0.25">
      <c r="A15814">
        <v>167.67</v>
      </c>
      <c r="B15814">
        <v>214.93</v>
      </c>
      <c r="C15814">
        <v>15709.1</v>
      </c>
      <c r="D15814">
        <v>2.5</v>
      </c>
      <c r="E15814">
        <v>4675.26</v>
      </c>
      <c r="F15814">
        <v>63.775199999999998</v>
      </c>
    </row>
    <row r="15815" spans="1:6" x14ac:dyDescent="0.25">
      <c r="A15815">
        <v>167.67</v>
      </c>
      <c r="B15815">
        <v>214.93</v>
      </c>
      <c r="C15815">
        <v>15709.1</v>
      </c>
      <c r="D15815">
        <v>2.8</v>
      </c>
      <c r="E15815">
        <v>4657.34</v>
      </c>
      <c r="F15815">
        <v>71.703800000000001</v>
      </c>
    </row>
    <row r="15816" spans="1:6" x14ac:dyDescent="0.25">
      <c r="A15816">
        <v>167.67</v>
      </c>
      <c r="B15816">
        <v>214.93</v>
      </c>
      <c r="C15816">
        <v>15709.1</v>
      </c>
      <c r="D15816">
        <v>3.1</v>
      </c>
      <c r="E15816">
        <v>4511.97</v>
      </c>
      <c r="F15816">
        <v>73.101900000000001</v>
      </c>
    </row>
    <row r="15817" spans="1:6" x14ac:dyDescent="0.25">
      <c r="A15817">
        <v>167.67</v>
      </c>
      <c r="B15817">
        <v>214.93</v>
      </c>
      <c r="C15817">
        <v>15709.1</v>
      </c>
      <c r="D15817">
        <v>3.4</v>
      </c>
      <c r="E15817">
        <v>4535.6400000000003</v>
      </c>
      <c r="F15817">
        <v>72.049800000000005</v>
      </c>
    </row>
    <row r="15818" spans="1:6" x14ac:dyDescent="0.25">
      <c r="A15818">
        <v>167.67</v>
      </c>
      <c r="B15818">
        <v>214.93</v>
      </c>
      <c r="C15818">
        <v>15709.1</v>
      </c>
      <c r="D15818">
        <v>3.7</v>
      </c>
      <c r="E15818">
        <v>4355.29</v>
      </c>
      <c r="F15818">
        <v>75.409700000000001</v>
      </c>
    </row>
    <row r="15819" spans="1:6" x14ac:dyDescent="0.25">
      <c r="A15819">
        <v>167.67</v>
      </c>
      <c r="B15819">
        <v>214.93</v>
      </c>
      <c r="C15819">
        <v>15709.1</v>
      </c>
      <c r="D15819">
        <v>4</v>
      </c>
      <c r="E15819">
        <v>4361.99</v>
      </c>
      <c r="F15819">
        <v>74.384699999999995</v>
      </c>
    </row>
    <row r="15820" spans="1:6" x14ac:dyDescent="0.25">
      <c r="A15820">
        <v>167.67</v>
      </c>
      <c r="B15820">
        <v>214.93</v>
      </c>
      <c r="C15820">
        <v>17254.5</v>
      </c>
      <c r="D15820">
        <v>1</v>
      </c>
      <c r="E15820">
        <v>5775.93</v>
      </c>
      <c r="F15820">
        <v>68.071700000000007</v>
      </c>
    </row>
    <row r="15821" spans="1:6" x14ac:dyDescent="0.25">
      <c r="A15821">
        <v>167.67</v>
      </c>
      <c r="B15821">
        <v>214.93</v>
      </c>
      <c r="C15821">
        <v>17254.5</v>
      </c>
      <c r="D15821">
        <v>1.3</v>
      </c>
      <c r="E15821">
        <v>5350.28</v>
      </c>
      <c r="F15821">
        <v>71.020300000000006</v>
      </c>
    </row>
    <row r="15822" spans="1:6" x14ac:dyDescent="0.25">
      <c r="A15822">
        <v>167.67</v>
      </c>
      <c r="B15822">
        <v>214.93</v>
      </c>
      <c r="C15822">
        <v>17254.5</v>
      </c>
      <c r="D15822">
        <v>1.6</v>
      </c>
      <c r="E15822">
        <v>5111.9399999999996</v>
      </c>
      <c r="F15822">
        <v>71.690399999999997</v>
      </c>
    </row>
    <row r="15823" spans="1:6" x14ac:dyDescent="0.25">
      <c r="A15823">
        <v>167.67</v>
      </c>
      <c r="B15823">
        <v>214.93</v>
      </c>
      <c r="C15823">
        <v>17254.5</v>
      </c>
      <c r="D15823">
        <v>1.9</v>
      </c>
      <c r="E15823">
        <v>4987.7</v>
      </c>
      <c r="F15823">
        <v>69.316500000000005</v>
      </c>
    </row>
    <row r="15824" spans="1:6" x14ac:dyDescent="0.25">
      <c r="A15824">
        <v>167.67</v>
      </c>
      <c r="B15824">
        <v>214.93</v>
      </c>
      <c r="C15824">
        <v>17254.5</v>
      </c>
      <c r="D15824">
        <v>2.2000000000000002</v>
      </c>
      <c r="E15824">
        <v>4823.3500000000004</v>
      </c>
      <c r="F15824">
        <v>73.441599999999994</v>
      </c>
    </row>
    <row r="15825" spans="1:6" x14ac:dyDescent="0.25">
      <c r="A15825">
        <v>167.67</v>
      </c>
      <c r="B15825">
        <v>214.93</v>
      </c>
      <c r="C15825">
        <v>17254.5</v>
      </c>
      <c r="D15825">
        <v>2.5</v>
      </c>
      <c r="E15825">
        <v>4675.26</v>
      </c>
      <c r="F15825">
        <v>63.775199999999998</v>
      </c>
    </row>
    <row r="15826" spans="1:6" x14ac:dyDescent="0.25">
      <c r="A15826">
        <v>167.67</v>
      </c>
      <c r="B15826">
        <v>214.93</v>
      </c>
      <c r="C15826">
        <v>17254.5</v>
      </c>
      <c r="D15826">
        <v>2.8</v>
      </c>
      <c r="E15826">
        <v>4657.34</v>
      </c>
      <c r="F15826">
        <v>71.703800000000001</v>
      </c>
    </row>
    <row r="15827" spans="1:6" x14ac:dyDescent="0.25">
      <c r="A15827">
        <v>167.67</v>
      </c>
      <c r="B15827">
        <v>214.93</v>
      </c>
      <c r="C15827">
        <v>17254.5</v>
      </c>
      <c r="D15827">
        <v>3.1</v>
      </c>
      <c r="E15827">
        <v>4511.97</v>
      </c>
      <c r="F15827">
        <v>73.101900000000001</v>
      </c>
    </row>
    <row r="15828" spans="1:6" x14ac:dyDescent="0.25">
      <c r="A15828">
        <v>167.67</v>
      </c>
      <c r="B15828">
        <v>214.93</v>
      </c>
      <c r="C15828">
        <v>17254.5</v>
      </c>
      <c r="D15828">
        <v>3.4</v>
      </c>
      <c r="E15828">
        <v>4535.6400000000003</v>
      </c>
      <c r="F15828">
        <v>72.049800000000005</v>
      </c>
    </row>
    <row r="15829" spans="1:6" x14ac:dyDescent="0.25">
      <c r="A15829">
        <v>167.67</v>
      </c>
      <c r="B15829">
        <v>214.93</v>
      </c>
      <c r="C15829">
        <v>17254.5</v>
      </c>
      <c r="D15829">
        <v>3.7</v>
      </c>
      <c r="E15829">
        <v>4355.29</v>
      </c>
      <c r="F15829">
        <v>75.409700000000001</v>
      </c>
    </row>
    <row r="15830" spans="1:6" x14ac:dyDescent="0.25">
      <c r="A15830">
        <v>167.67</v>
      </c>
      <c r="B15830">
        <v>214.93</v>
      </c>
      <c r="C15830">
        <v>17254.5</v>
      </c>
      <c r="D15830">
        <v>4</v>
      </c>
      <c r="E15830">
        <v>4361.99</v>
      </c>
      <c r="F15830">
        <v>74.384699999999995</v>
      </c>
    </row>
    <row r="15831" spans="1:6" x14ac:dyDescent="0.25">
      <c r="A15831">
        <v>167.67</v>
      </c>
      <c r="B15831">
        <v>214.93</v>
      </c>
      <c r="C15831">
        <v>18800</v>
      </c>
      <c r="D15831">
        <v>1</v>
      </c>
      <c r="E15831">
        <v>5775.93</v>
      </c>
      <c r="F15831">
        <v>68.071700000000007</v>
      </c>
    </row>
    <row r="15832" spans="1:6" x14ac:dyDescent="0.25">
      <c r="A15832">
        <v>167.67</v>
      </c>
      <c r="B15832">
        <v>214.93</v>
      </c>
      <c r="C15832">
        <v>18800</v>
      </c>
      <c r="D15832">
        <v>1.3</v>
      </c>
      <c r="E15832">
        <v>5350.28</v>
      </c>
      <c r="F15832">
        <v>71.020300000000006</v>
      </c>
    </row>
    <row r="15833" spans="1:6" x14ac:dyDescent="0.25">
      <c r="A15833">
        <v>167.67</v>
      </c>
      <c r="B15833">
        <v>214.93</v>
      </c>
      <c r="C15833">
        <v>18800</v>
      </c>
      <c r="D15833">
        <v>1.6</v>
      </c>
      <c r="E15833">
        <v>5111.9399999999996</v>
      </c>
      <c r="F15833">
        <v>71.690399999999997</v>
      </c>
    </row>
    <row r="15834" spans="1:6" x14ac:dyDescent="0.25">
      <c r="A15834">
        <v>167.67</v>
      </c>
      <c r="B15834">
        <v>214.93</v>
      </c>
      <c r="C15834">
        <v>18800</v>
      </c>
      <c r="D15834">
        <v>1.9</v>
      </c>
      <c r="E15834">
        <v>4987.7</v>
      </c>
      <c r="F15834">
        <v>69.316500000000005</v>
      </c>
    </row>
    <row r="15835" spans="1:6" x14ac:dyDescent="0.25">
      <c r="A15835">
        <v>167.67</v>
      </c>
      <c r="B15835">
        <v>214.93</v>
      </c>
      <c r="C15835">
        <v>18800</v>
      </c>
      <c r="D15835">
        <v>2.2000000000000002</v>
      </c>
      <c r="E15835">
        <v>4823.3500000000004</v>
      </c>
      <c r="F15835">
        <v>73.441599999999994</v>
      </c>
    </row>
    <row r="15836" spans="1:6" x14ac:dyDescent="0.25">
      <c r="A15836">
        <v>167.67</v>
      </c>
      <c r="B15836">
        <v>214.93</v>
      </c>
      <c r="C15836">
        <v>18800</v>
      </c>
      <c r="D15836">
        <v>2.5</v>
      </c>
      <c r="E15836">
        <v>4675.26</v>
      </c>
      <c r="F15836">
        <v>63.775199999999998</v>
      </c>
    </row>
    <row r="15837" spans="1:6" x14ac:dyDescent="0.25">
      <c r="A15837">
        <v>167.67</v>
      </c>
      <c r="B15837">
        <v>214.93</v>
      </c>
      <c r="C15837">
        <v>18800</v>
      </c>
      <c r="D15837">
        <v>2.8</v>
      </c>
      <c r="E15837">
        <v>4657.34</v>
      </c>
      <c r="F15837">
        <v>71.703800000000001</v>
      </c>
    </row>
    <row r="15838" spans="1:6" x14ac:dyDescent="0.25">
      <c r="A15838">
        <v>167.67</v>
      </c>
      <c r="B15838">
        <v>214.93</v>
      </c>
      <c r="C15838">
        <v>18800</v>
      </c>
      <c r="D15838">
        <v>3.1</v>
      </c>
      <c r="E15838">
        <v>4511.97</v>
      </c>
      <c r="F15838">
        <v>73.101900000000001</v>
      </c>
    </row>
    <row r="15839" spans="1:6" x14ac:dyDescent="0.25">
      <c r="A15839">
        <v>167.67</v>
      </c>
      <c r="B15839">
        <v>214.93</v>
      </c>
      <c r="C15839">
        <v>18800</v>
      </c>
      <c r="D15839">
        <v>3.4</v>
      </c>
      <c r="E15839">
        <v>4535.6400000000003</v>
      </c>
      <c r="F15839">
        <v>72.049800000000005</v>
      </c>
    </row>
    <row r="15840" spans="1:6" x14ac:dyDescent="0.25">
      <c r="A15840">
        <v>167.67</v>
      </c>
      <c r="B15840">
        <v>214.93</v>
      </c>
      <c r="C15840">
        <v>18800</v>
      </c>
      <c r="D15840">
        <v>3.7</v>
      </c>
      <c r="E15840">
        <v>4355.29</v>
      </c>
      <c r="F15840">
        <v>75.409700000000001</v>
      </c>
    </row>
    <row r="15841" spans="1:6" x14ac:dyDescent="0.25">
      <c r="A15841">
        <v>167.67</v>
      </c>
      <c r="B15841">
        <v>214.93</v>
      </c>
      <c r="C15841">
        <v>18800</v>
      </c>
      <c r="D15841">
        <v>4</v>
      </c>
      <c r="E15841">
        <v>4361.99</v>
      </c>
      <c r="F15841">
        <v>74.384699999999995</v>
      </c>
    </row>
    <row r="15842" spans="1:6" x14ac:dyDescent="0.25">
      <c r="A15842">
        <v>171.3</v>
      </c>
      <c r="B15842">
        <v>175</v>
      </c>
      <c r="C15842">
        <v>1800</v>
      </c>
      <c r="D15842">
        <v>1</v>
      </c>
      <c r="E15842">
        <v>4920.03</v>
      </c>
      <c r="F15842">
        <v>86.072299999999998</v>
      </c>
    </row>
    <row r="15843" spans="1:6" x14ac:dyDescent="0.25">
      <c r="A15843">
        <v>171.3</v>
      </c>
      <c r="B15843">
        <v>175</v>
      </c>
      <c r="C15843">
        <v>1800</v>
      </c>
      <c r="D15843">
        <v>1.3</v>
      </c>
      <c r="E15843">
        <v>4456.42</v>
      </c>
      <c r="F15843">
        <v>78.077500000000001</v>
      </c>
    </row>
    <row r="15844" spans="1:6" x14ac:dyDescent="0.25">
      <c r="A15844">
        <v>171.3</v>
      </c>
      <c r="B15844">
        <v>175</v>
      </c>
      <c r="C15844">
        <v>1800</v>
      </c>
      <c r="D15844">
        <v>1.6</v>
      </c>
      <c r="E15844">
        <v>4090.49</v>
      </c>
      <c r="F15844">
        <v>74.488399999999999</v>
      </c>
    </row>
    <row r="15845" spans="1:6" x14ac:dyDescent="0.25">
      <c r="A15845">
        <v>171.3</v>
      </c>
      <c r="B15845">
        <v>175</v>
      </c>
      <c r="C15845">
        <v>1800</v>
      </c>
      <c r="D15845">
        <v>1.9</v>
      </c>
      <c r="E15845">
        <v>3763.97</v>
      </c>
      <c r="F15845">
        <v>88.646299999999997</v>
      </c>
    </row>
    <row r="15846" spans="1:6" x14ac:dyDescent="0.25">
      <c r="A15846">
        <v>171.3</v>
      </c>
      <c r="B15846">
        <v>175</v>
      </c>
      <c r="C15846">
        <v>1800</v>
      </c>
      <c r="D15846">
        <v>2.2000000000000002</v>
      </c>
      <c r="E15846">
        <v>3621.99</v>
      </c>
      <c r="F15846">
        <v>88.7102</v>
      </c>
    </row>
    <row r="15847" spans="1:6" x14ac:dyDescent="0.25">
      <c r="A15847">
        <v>171.3</v>
      </c>
      <c r="B15847">
        <v>175</v>
      </c>
      <c r="C15847">
        <v>1800</v>
      </c>
      <c r="D15847">
        <v>2.5</v>
      </c>
      <c r="E15847">
        <v>3487.36</v>
      </c>
      <c r="F15847">
        <v>90.121499999999997</v>
      </c>
    </row>
    <row r="15848" spans="1:6" x14ac:dyDescent="0.25">
      <c r="A15848">
        <v>171.3</v>
      </c>
      <c r="B15848">
        <v>175</v>
      </c>
      <c r="C15848">
        <v>1800</v>
      </c>
      <c r="D15848">
        <v>2.8</v>
      </c>
      <c r="E15848">
        <v>3380.97</v>
      </c>
      <c r="F15848">
        <v>81.687899999999999</v>
      </c>
    </row>
    <row r="15849" spans="1:6" x14ac:dyDescent="0.25">
      <c r="A15849">
        <v>171.3</v>
      </c>
      <c r="B15849">
        <v>175</v>
      </c>
      <c r="C15849">
        <v>1800</v>
      </c>
      <c r="D15849">
        <v>3.1</v>
      </c>
      <c r="E15849">
        <v>3344.64</v>
      </c>
      <c r="F15849">
        <v>77.115099999999998</v>
      </c>
    </row>
    <row r="15850" spans="1:6" x14ac:dyDescent="0.25">
      <c r="A15850">
        <v>171.3</v>
      </c>
      <c r="B15850">
        <v>175</v>
      </c>
      <c r="C15850">
        <v>1800</v>
      </c>
      <c r="D15850">
        <v>3.4</v>
      </c>
      <c r="E15850">
        <v>3310.7</v>
      </c>
      <c r="F15850">
        <v>80.956699999999998</v>
      </c>
    </row>
    <row r="15851" spans="1:6" x14ac:dyDescent="0.25">
      <c r="A15851">
        <v>171.3</v>
      </c>
      <c r="B15851">
        <v>175</v>
      </c>
      <c r="C15851">
        <v>1800</v>
      </c>
      <c r="D15851">
        <v>3.7</v>
      </c>
      <c r="E15851">
        <v>3191.58</v>
      </c>
      <c r="F15851">
        <v>92.319900000000004</v>
      </c>
    </row>
    <row r="15852" spans="1:6" x14ac:dyDescent="0.25">
      <c r="A15852">
        <v>171.3</v>
      </c>
      <c r="B15852">
        <v>175</v>
      </c>
      <c r="C15852">
        <v>1800</v>
      </c>
      <c r="D15852">
        <v>4</v>
      </c>
      <c r="E15852">
        <v>3153.94</v>
      </c>
      <c r="F15852">
        <v>79.263800000000003</v>
      </c>
    </row>
    <row r="15853" spans="1:6" x14ac:dyDescent="0.25">
      <c r="A15853">
        <v>171.3</v>
      </c>
      <c r="B15853">
        <v>175</v>
      </c>
      <c r="C15853">
        <v>3345.45</v>
      </c>
      <c r="D15853">
        <v>1</v>
      </c>
      <c r="E15853">
        <v>4920.03</v>
      </c>
      <c r="F15853">
        <v>86.072299999999998</v>
      </c>
    </row>
    <row r="15854" spans="1:6" x14ac:dyDescent="0.25">
      <c r="A15854">
        <v>171.3</v>
      </c>
      <c r="B15854">
        <v>175</v>
      </c>
      <c r="C15854">
        <v>3345.45</v>
      </c>
      <c r="D15854">
        <v>1.3</v>
      </c>
      <c r="E15854">
        <v>4456.42</v>
      </c>
      <c r="F15854">
        <v>78.077500000000001</v>
      </c>
    </row>
    <row r="15855" spans="1:6" x14ac:dyDescent="0.25">
      <c r="A15855">
        <v>171.3</v>
      </c>
      <c r="B15855">
        <v>175</v>
      </c>
      <c r="C15855">
        <v>3345.45</v>
      </c>
      <c r="D15855">
        <v>1.6</v>
      </c>
      <c r="E15855">
        <v>4090.49</v>
      </c>
      <c r="F15855">
        <v>74.488399999999999</v>
      </c>
    </row>
    <row r="15856" spans="1:6" x14ac:dyDescent="0.25">
      <c r="A15856">
        <v>171.3</v>
      </c>
      <c r="B15856">
        <v>175</v>
      </c>
      <c r="C15856">
        <v>3345.45</v>
      </c>
      <c r="D15856">
        <v>1.9</v>
      </c>
      <c r="E15856">
        <v>3911.67</v>
      </c>
      <c r="F15856">
        <v>88.646299999999997</v>
      </c>
    </row>
    <row r="15857" spans="1:6" x14ac:dyDescent="0.25">
      <c r="A15857">
        <v>171.3</v>
      </c>
      <c r="B15857">
        <v>175</v>
      </c>
      <c r="C15857">
        <v>3345.45</v>
      </c>
      <c r="D15857">
        <v>2.2000000000000002</v>
      </c>
      <c r="E15857">
        <v>3770.06</v>
      </c>
      <c r="F15857">
        <v>88.7102</v>
      </c>
    </row>
    <row r="15858" spans="1:6" x14ac:dyDescent="0.25">
      <c r="A15858">
        <v>171.3</v>
      </c>
      <c r="B15858">
        <v>175</v>
      </c>
      <c r="C15858">
        <v>3345.45</v>
      </c>
      <c r="D15858">
        <v>2.5</v>
      </c>
      <c r="E15858">
        <v>3628.78</v>
      </c>
      <c r="F15858">
        <v>90.121499999999997</v>
      </c>
    </row>
    <row r="15859" spans="1:6" x14ac:dyDescent="0.25">
      <c r="A15859">
        <v>171.3</v>
      </c>
      <c r="B15859">
        <v>175</v>
      </c>
      <c r="C15859">
        <v>3345.45</v>
      </c>
      <c r="D15859">
        <v>2.8</v>
      </c>
      <c r="E15859">
        <v>3576.13</v>
      </c>
      <c r="F15859">
        <v>81.687899999999999</v>
      </c>
    </row>
    <row r="15860" spans="1:6" x14ac:dyDescent="0.25">
      <c r="A15860">
        <v>171.3</v>
      </c>
      <c r="B15860">
        <v>175</v>
      </c>
      <c r="C15860">
        <v>3345.45</v>
      </c>
      <c r="D15860">
        <v>3.1</v>
      </c>
      <c r="E15860">
        <v>3454.94</v>
      </c>
      <c r="F15860">
        <v>77.115099999999998</v>
      </c>
    </row>
    <row r="15861" spans="1:6" x14ac:dyDescent="0.25">
      <c r="A15861">
        <v>171.3</v>
      </c>
      <c r="B15861">
        <v>175</v>
      </c>
      <c r="C15861">
        <v>3345.45</v>
      </c>
      <c r="D15861">
        <v>3.4</v>
      </c>
      <c r="E15861">
        <v>3498.06</v>
      </c>
      <c r="F15861">
        <v>80.956699999999998</v>
      </c>
    </row>
    <row r="15862" spans="1:6" x14ac:dyDescent="0.25">
      <c r="A15862">
        <v>171.3</v>
      </c>
      <c r="B15862">
        <v>175</v>
      </c>
      <c r="C15862">
        <v>3345.45</v>
      </c>
      <c r="D15862">
        <v>3.7</v>
      </c>
      <c r="E15862">
        <v>3360.73</v>
      </c>
      <c r="F15862">
        <v>92.319900000000004</v>
      </c>
    </row>
    <row r="15863" spans="1:6" x14ac:dyDescent="0.25">
      <c r="A15863">
        <v>171.3</v>
      </c>
      <c r="B15863">
        <v>175</v>
      </c>
      <c r="C15863">
        <v>3345.45</v>
      </c>
      <c r="D15863">
        <v>4</v>
      </c>
      <c r="E15863">
        <v>3417.62</v>
      </c>
      <c r="F15863">
        <v>79.263800000000003</v>
      </c>
    </row>
    <row r="15864" spans="1:6" x14ac:dyDescent="0.25">
      <c r="A15864">
        <v>171.3</v>
      </c>
      <c r="B15864">
        <v>175</v>
      </c>
      <c r="C15864">
        <v>4890.8999999999996</v>
      </c>
      <c r="D15864">
        <v>1</v>
      </c>
      <c r="E15864">
        <v>4920.03</v>
      </c>
      <c r="F15864">
        <v>86.072299999999998</v>
      </c>
    </row>
    <row r="15865" spans="1:6" x14ac:dyDescent="0.25">
      <c r="A15865">
        <v>171.3</v>
      </c>
      <c r="B15865">
        <v>175</v>
      </c>
      <c r="C15865">
        <v>4890.8999999999996</v>
      </c>
      <c r="D15865">
        <v>1.3</v>
      </c>
      <c r="E15865">
        <v>4456.42</v>
      </c>
      <c r="F15865">
        <v>78.077500000000001</v>
      </c>
    </row>
    <row r="15866" spans="1:6" x14ac:dyDescent="0.25">
      <c r="A15866">
        <v>171.3</v>
      </c>
      <c r="B15866">
        <v>175</v>
      </c>
      <c r="C15866">
        <v>4890.8999999999996</v>
      </c>
      <c r="D15866">
        <v>1.6</v>
      </c>
      <c r="E15866">
        <v>4090.49</v>
      </c>
      <c r="F15866">
        <v>74.488399999999999</v>
      </c>
    </row>
    <row r="15867" spans="1:6" x14ac:dyDescent="0.25">
      <c r="A15867">
        <v>171.3</v>
      </c>
      <c r="B15867">
        <v>175</v>
      </c>
      <c r="C15867">
        <v>4890.8999999999996</v>
      </c>
      <c r="D15867">
        <v>1.9</v>
      </c>
      <c r="E15867">
        <v>3911.67</v>
      </c>
      <c r="F15867">
        <v>88.646299999999997</v>
      </c>
    </row>
    <row r="15868" spans="1:6" x14ac:dyDescent="0.25">
      <c r="A15868">
        <v>171.3</v>
      </c>
      <c r="B15868">
        <v>175</v>
      </c>
      <c r="C15868">
        <v>4890.8999999999996</v>
      </c>
      <c r="D15868">
        <v>2.2000000000000002</v>
      </c>
      <c r="E15868">
        <v>3770.06</v>
      </c>
      <c r="F15868">
        <v>88.7102</v>
      </c>
    </row>
    <row r="15869" spans="1:6" x14ac:dyDescent="0.25">
      <c r="A15869">
        <v>171.3</v>
      </c>
      <c r="B15869">
        <v>175</v>
      </c>
      <c r="C15869">
        <v>4890.8999999999996</v>
      </c>
      <c r="D15869">
        <v>2.5</v>
      </c>
      <c r="E15869">
        <v>3628.78</v>
      </c>
      <c r="F15869">
        <v>90.121499999999997</v>
      </c>
    </row>
    <row r="15870" spans="1:6" x14ac:dyDescent="0.25">
      <c r="A15870">
        <v>171.3</v>
      </c>
      <c r="B15870">
        <v>175</v>
      </c>
      <c r="C15870">
        <v>4890.8999999999996</v>
      </c>
      <c r="D15870">
        <v>2.8</v>
      </c>
      <c r="E15870">
        <v>3576.13</v>
      </c>
      <c r="F15870">
        <v>81.687899999999999</v>
      </c>
    </row>
    <row r="15871" spans="1:6" x14ac:dyDescent="0.25">
      <c r="A15871">
        <v>171.3</v>
      </c>
      <c r="B15871">
        <v>175</v>
      </c>
      <c r="C15871">
        <v>4890.8999999999996</v>
      </c>
      <c r="D15871">
        <v>3.1</v>
      </c>
      <c r="E15871">
        <v>3454.94</v>
      </c>
      <c r="F15871">
        <v>77.115099999999998</v>
      </c>
    </row>
    <row r="15872" spans="1:6" x14ac:dyDescent="0.25">
      <c r="A15872">
        <v>171.3</v>
      </c>
      <c r="B15872">
        <v>175</v>
      </c>
      <c r="C15872">
        <v>4890.8999999999996</v>
      </c>
      <c r="D15872">
        <v>3.4</v>
      </c>
      <c r="E15872">
        <v>3498.06</v>
      </c>
      <c r="F15872">
        <v>80.956699999999998</v>
      </c>
    </row>
    <row r="15873" spans="1:6" x14ac:dyDescent="0.25">
      <c r="A15873">
        <v>171.3</v>
      </c>
      <c r="B15873">
        <v>175</v>
      </c>
      <c r="C15873">
        <v>4890.8999999999996</v>
      </c>
      <c r="D15873">
        <v>3.7</v>
      </c>
      <c r="E15873">
        <v>3360.73</v>
      </c>
      <c r="F15873">
        <v>92.319900000000004</v>
      </c>
    </row>
    <row r="15874" spans="1:6" x14ac:dyDescent="0.25">
      <c r="A15874">
        <v>171.3</v>
      </c>
      <c r="B15874">
        <v>175</v>
      </c>
      <c r="C15874">
        <v>4890.8999999999996</v>
      </c>
      <c r="D15874">
        <v>4</v>
      </c>
      <c r="E15874">
        <v>3417.62</v>
      </c>
      <c r="F15874">
        <v>79.263800000000003</v>
      </c>
    </row>
    <row r="15875" spans="1:6" x14ac:dyDescent="0.25">
      <c r="A15875">
        <v>171.3</v>
      </c>
      <c r="B15875">
        <v>175</v>
      </c>
      <c r="C15875">
        <v>6436.35</v>
      </c>
      <c r="D15875">
        <v>1</v>
      </c>
      <c r="E15875">
        <v>4920.03</v>
      </c>
      <c r="F15875">
        <v>86.072299999999998</v>
      </c>
    </row>
    <row r="15876" spans="1:6" x14ac:dyDescent="0.25">
      <c r="A15876">
        <v>171.3</v>
      </c>
      <c r="B15876">
        <v>175</v>
      </c>
      <c r="C15876">
        <v>6436.35</v>
      </c>
      <c r="D15876">
        <v>1.3</v>
      </c>
      <c r="E15876">
        <v>4456.42</v>
      </c>
      <c r="F15876">
        <v>78.077500000000001</v>
      </c>
    </row>
    <row r="15877" spans="1:6" x14ac:dyDescent="0.25">
      <c r="A15877">
        <v>171.3</v>
      </c>
      <c r="B15877">
        <v>175</v>
      </c>
      <c r="C15877">
        <v>6436.35</v>
      </c>
      <c r="D15877">
        <v>1.6</v>
      </c>
      <c r="E15877">
        <v>4090.49</v>
      </c>
      <c r="F15877">
        <v>74.488399999999999</v>
      </c>
    </row>
    <row r="15878" spans="1:6" x14ac:dyDescent="0.25">
      <c r="A15878">
        <v>171.3</v>
      </c>
      <c r="B15878">
        <v>175</v>
      </c>
      <c r="C15878">
        <v>6436.35</v>
      </c>
      <c r="D15878">
        <v>1.9</v>
      </c>
      <c r="E15878">
        <v>3911.67</v>
      </c>
      <c r="F15878">
        <v>88.646299999999997</v>
      </c>
    </row>
    <row r="15879" spans="1:6" x14ac:dyDescent="0.25">
      <c r="A15879">
        <v>171.3</v>
      </c>
      <c r="B15879">
        <v>175</v>
      </c>
      <c r="C15879">
        <v>6436.35</v>
      </c>
      <c r="D15879">
        <v>2.2000000000000002</v>
      </c>
      <c r="E15879">
        <v>3770.06</v>
      </c>
      <c r="F15879">
        <v>88.7102</v>
      </c>
    </row>
    <row r="15880" spans="1:6" x14ac:dyDescent="0.25">
      <c r="A15880">
        <v>171.3</v>
      </c>
      <c r="B15880">
        <v>175</v>
      </c>
      <c r="C15880">
        <v>6436.35</v>
      </c>
      <c r="D15880">
        <v>2.5</v>
      </c>
      <c r="E15880">
        <v>3628.78</v>
      </c>
      <c r="F15880">
        <v>90.121499999999997</v>
      </c>
    </row>
    <row r="15881" spans="1:6" x14ac:dyDescent="0.25">
      <c r="A15881">
        <v>171.3</v>
      </c>
      <c r="B15881">
        <v>175</v>
      </c>
      <c r="C15881">
        <v>6436.35</v>
      </c>
      <c r="D15881">
        <v>2.8</v>
      </c>
      <c r="E15881">
        <v>3576.13</v>
      </c>
      <c r="F15881">
        <v>81.687899999999999</v>
      </c>
    </row>
    <row r="15882" spans="1:6" x14ac:dyDescent="0.25">
      <c r="A15882">
        <v>171.3</v>
      </c>
      <c r="B15882">
        <v>175</v>
      </c>
      <c r="C15882">
        <v>6436.35</v>
      </c>
      <c r="D15882">
        <v>3.1</v>
      </c>
      <c r="E15882">
        <v>3454.94</v>
      </c>
      <c r="F15882">
        <v>77.115099999999998</v>
      </c>
    </row>
    <row r="15883" spans="1:6" x14ac:dyDescent="0.25">
      <c r="A15883">
        <v>171.3</v>
      </c>
      <c r="B15883">
        <v>175</v>
      </c>
      <c r="C15883">
        <v>6436.35</v>
      </c>
      <c r="D15883">
        <v>3.4</v>
      </c>
      <c r="E15883">
        <v>3498.06</v>
      </c>
      <c r="F15883">
        <v>80.956699999999998</v>
      </c>
    </row>
    <row r="15884" spans="1:6" x14ac:dyDescent="0.25">
      <c r="A15884">
        <v>171.3</v>
      </c>
      <c r="B15884">
        <v>175</v>
      </c>
      <c r="C15884">
        <v>6436.35</v>
      </c>
      <c r="D15884">
        <v>3.7</v>
      </c>
      <c r="E15884">
        <v>3360.73</v>
      </c>
      <c r="F15884">
        <v>92.319900000000004</v>
      </c>
    </row>
    <row r="15885" spans="1:6" x14ac:dyDescent="0.25">
      <c r="A15885">
        <v>171.3</v>
      </c>
      <c r="B15885">
        <v>175</v>
      </c>
      <c r="C15885">
        <v>6436.35</v>
      </c>
      <c r="D15885">
        <v>4</v>
      </c>
      <c r="E15885">
        <v>3417.62</v>
      </c>
      <c r="F15885">
        <v>79.263800000000003</v>
      </c>
    </row>
    <row r="15886" spans="1:6" x14ac:dyDescent="0.25">
      <c r="A15886">
        <v>171.3</v>
      </c>
      <c r="B15886">
        <v>175</v>
      </c>
      <c r="C15886">
        <v>7981.8</v>
      </c>
      <c r="D15886">
        <v>1</v>
      </c>
      <c r="E15886">
        <v>4920.03</v>
      </c>
      <c r="F15886">
        <v>86.072299999999998</v>
      </c>
    </row>
    <row r="15887" spans="1:6" x14ac:dyDescent="0.25">
      <c r="A15887">
        <v>171.3</v>
      </c>
      <c r="B15887">
        <v>175</v>
      </c>
      <c r="C15887">
        <v>7981.8</v>
      </c>
      <c r="D15887">
        <v>1.3</v>
      </c>
      <c r="E15887">
        <v>4456.42</v>
      </c>
      <c r="F15887">
        <v>78.077500000000001</v>
      </c>
    </row>
    <row r="15888" spans="1:6" x14ac:dyDescent="0.25">
      <c r="A15888">
        <v>171.3</v>
      </c>
      <c r="B15888">
        <v>175</v>
      </c>
      <c r="C15888">
        <v>7981.8</v>
      </c>
      <c r="D15888">
        <v>1.6</v>
      </c>
      <c r="E15888">
        <v>4090.49</v>
      </c>
      <c r="F15888">
        <v>74.488399999999999</v>
      </c>
    </row>
    <row r="15889" spans="1:6" x14ac:dyDescent="0.25">
      <c r="A15889">
        <v>171.3</v>
      </c>
      <c r="B15889">
        <v>175</v>
      </c>
      <c r="C15889">
        <v>7981.8</v>
      </c>
      <c r="D15889">
        <v>1.9</v>
      </c>
      <c r="E15889">
        <v>3911.67</v>
      </c>
      <c r="F15889">
        <v>88.646299999999997</v>
      </c>
    </row>
    <row r="15890" spans="1:6" x14ac:dyDescent="0.25">
      <c r="A15890">
        <v>171.3</v>
      </c>
      <c r="B15890">
        <v>175</v>
      </c>
      <c r="C15890">
        <v>7981.8</v>
      </c>
      <c r="D15890">
        <v>2.2000000000000002</v>
      </c>
      <c r="E15890">
        <v>3770.06</v>
      </c>
      <c r="F15890">
        <v>88.7102</v>
      </c>
    </row>
    <row r="15891" spans="1:6" x14ac:dyDescent="0.25">
      <c r="A15891">
        <v>171.3</v>
      </c>
      <c r="B15891">
        <v>175</v>
      </c>
      <c r="C15891">
        <v>7981.8</v>
      </c>
      <c r="D15891">
        <v>2.5</v>
      </c>
      <c r="E15891">
        <v>3628.78</v>
      </c>
      <c r="F15891">
        <v>90.121499999999997</v>
      </c>
    </row>
    <row r="15892" spans="1:6" x14ac:dyDescent="0.25">
      <c r="A15892">
        <v>171.3</v>
      </c>
      <c r="B15892">
        <v>175</v>
      </c>
      <c r="C15892">
        <v>7981.8</v>
      </c>
      <c r="D15892">
        <v>2.8</v>
      </c>
      <c r="E15892">
        <v>3576.13</v>
      </c>
      <c r="F15892">
        <v>81.687899999999999</v>
      </c>
    </row>
    <row r="15893" spans="1:6" x14ac:dyDescent="0.25">
      <c r="A15893">
        <v>171.3</v>
      </c>
      <c r="B15893">
        <v>175</v>
      </c>
      <c r="C15893">
        <v>7981.8</v>
      </c>
      <c r="D15893">
        <v>3.1</v>
      </c>
      <c r="E15893">
        <v>3454.94</v>
      </c>
      <c r="F15893">
        <v>77.115099999999998</v>
      </c>
    </row>
    <row r="15894" spans="1:6" x14ac:dyDescent="0.25">
      <c r="A15894">
        <v>171.3</v>
      </c>
      <c r="B15894">
        <v>175</v>
      </c>
      <c r="C15894">
        <v>7981.8</v>
      </c>
      <c r="D15894">
        <v>3.4</v>
      </c>
      <c r="E15894">
        <v>3498.06</v>
      </c>
      <c r="F15894">
        <v>80.956699999999998</v>
      </c>
    </row>
    <row r="15895" spans="1:6" x14ac:dyDescent="0.25">
      <c r="A15895">
        <v>171.3</v>
      </c>
      <c r="B15895">
        <v>175</v>
      </c>
      <c r="C15895">
        <v>7981.8</v>
      </c>
      <c r="D15895">
        <v>3.7</v>
      </c>
      <c r="E15895">
        <v>3360.73</v>
      </c>
      <c r="F15895">
        <v>92.319900000000004</v>
      </c>
    </row>
    <row r="15896" spans="1:6" x14ac:dyDescent="0.25">
      <c r="A15896">
        <v>171.3</v>
      </c>
      <c r="B15896">
        <v>175</v>
      </c>
      <c r="C15896">
        <v>7981.8</v>
      </c>
      <c r="D15896">
        <v>4</v>
      </c>
      <c r="E15896">
        <v>3417.62</v>
      </c>
      <c r="F15896">
        <v>79.263800000000003</v>
      </c>
    </row>
    <row r="15897" spans="1:6" x14ac:dyDescent="0.25">
      <c r="A15897">
        <v>171.3</v>
      </c>
      <c r="B15897">
        <v>175</v>
      </c>
      <c r="C15897">
        <v>9527.25</v>
      </c>
      <c r="D15897">
        <v>1</v>
      </c>
      <c r="E15897">
        <v>4920.03</v>
      </c>
      <c r="F15897">
        <v>86.072299999999998</v>
      </c>
    </row>
    <row r="15898" spans="1:6" x14ac:dyDescent="0.25">
      <c r="A15898">
        <v>171.3</v>
      </c>
      <c r="B15898">
        <v>175</v>
      </c>
      <c r="C15898">
        <v>9527.25</v>
      </c>
      <c r="D15898">
        <v>1.3</v>
      </c>
      <c r="E15898">
        <v>4456.42</v>
      </c>
      <c r="F15898">
        <v>78.077500000000001</v>
      </c>
    </row>
    <row r="15899" spans="1:6" x14ac:dyDescent="0.25">
      <c r="A15899">
        <v>171.3</v>
      </c>
      <c r="B15899">
        <v>175</v>
      </c>
      <c r="C15899">
        <v>9527.25</v>
      </c>
      <c r="D15899">
        <v>1.6</v>
      </c>
      <c r="E15899">
        <v>4090.49</v>
      </c>
      <c r="F15899">
        <v>74.488399999999999</v>
      </c>
    </row>
    <row r="15900" spans="1:6" x14ac:dyDescent="0.25">
      <c r="A15900">
        <v>171.3</v>
      </c>
      <c r="B15900">
        <v>175</v>
      </c>
      <c r="C15900">
        <v>9527.25</v>
      </c>
      <c r="D15900">
        <v>1.9</v>
      </c>
      <c r="E15900">
        <v>3911.67</v>
      </c>
      <c r="F15900">
        <v>88.646299999999997</v>
      </c>
    </row>
    <row r="15901" spans="1:6" x14ac:dyDescent="0.25">
      <c r="A15901">
        <v>171.3</v>
      </c>
      <c r="B15901">
        <v>175</v>
      </c>
      <c r="C15901">
        <v>9527.25</v>
      </c>
      <c r="D15901">
        <v>2.2000000000000002</v>
      </c>
      <c r="E15901">
        <v>3770.06</v>
      </c>
      <c r="F15901">
        <v>88.7102</v>
      </c>
    </row>
    <row r="15902" spans="1:6" x14ac:dyDescent="0.25">
      <c r="A15902">
        <v>171.3</v>
      </c>
      <c r="B15902">
        <v>175</v>
      </c>
      <c r="C15902">
        <v>9527.25</v>
      </c>
      <c r="D15902">
        <v>2.5</v>
      </c>
      <c r="E15902">
        <v>3628.78</v>
      </c>
      <c r="F15902">
        <v>90.121499999999997</v>
      </c>
    </row>
    <row r="15903" spans="1:6" x14ac:dyDescent="0.25">
      <c r="A15903">
        <v>171.3</v>
      </c>
      <c r="B15903">
        <v>175</v>
      </c>
      <c r="C15903">
        <v>9527.25</v>
      </c>
      <c r="D15903">
        <v>2.8</v>
      </c>
      <c r="E15903">
        <v>3576.13</v>
      </c>
      <c r="F15903">
        <v>81.687899999999999</v>
      </c>
    </row>
    <row r="15904" spans="1:6" x14ac:dyDescent="0.25">
      <c r="A15904">
        <v>171.3</v>
      </c>
      <c r="B15904">
        <v>175</v>
      </c>
      <c r="C15904">
        <v>9527.25</v>
      </c>
      <c r="D15904">
        <v>3.1</v>
      </c>
      <c r="E15904">
        <v>3454.94</v>
      </c>
      <c r="F15904">
        <v>77.115099999999998</v>
      </c>
    </row>
    <row r="15905" spans="1:6" x14ac:dyDescent="0.25">
      <c r="A15905">
        <v>171.3</v>
      </c>
      <c r="B15905">
        <v>175</v>
      </c>
      <c r="C15905">
        <v>9527.25</v>
      </c>
      <c r="D15905">
        <v>3.4</v>
      </c>
      <c r="E15905">
        <v>3498.06</v>
      </c>
      <c r="F15905">
        <v>80.956699999999998</v>
      </c>
    </row>
    <row r="15906" spans="1:6" x14ac:dyDescent="0.25">
      <c r="A15906">
        <v>171.3</v>
      </c>
      <c r="B15906">
        <v>175</v>
      </c>
      <c r="C15906">
        <v>9527.25</v>
      </c>
      <c r="D15906">
        <v>3.7</v>
      </c>
      <c r="E15906">
        <v>3360.73</v>
      </c>
      <c r="F15906">
        <v>92.319900000000004</v>
      </c>
    </row>
    <row r="15907" spans="1:6" x14ac:dyDescent="0.25">
      <c r="A15907">
        <v>171.3</v>
      </c>
      <c r="B15907">
        <v>175</v>
      </c>
      <c r="C15907">
        <v>9527.25</v>
      </c>
      <c r="D15907">
        <v>4</v>
      </c>
      <c r="E15907">
        <v>3417.62</v>
      </c>
      <c r="F15907">
        <v>79.263800000000003</v>
      </c>
    </row>
    <row r="15908" spans="1:6" x14ac:dyDescent="0.25">
      <c r="A15908">
        <v>171.3</v>
      </c>
      <c r="B15908">
        <v>175</v>
      </c>
      <c r="C15908">
        <v>11072.7</v>
      </c>
      <c r="D15908">
        <v>1</v>
      </c>
      <c r="E15908">
        <v>4920.03</v>
      </c>
      <c r="F15908">
        <v>86.072299999999998</v>
      </c>
    </row>
    <row r="15909" spans="1:6" x14ac:dyDescent="0.25">
      <c r="A15909">
        <v>171.3</v>
      </c>
      <c r="B15909">
        <v>175</v>
      </c>
      <c r="C15909">
        <v>11072.7</v>
      </c>
      <c r="D15909">
        <v>1.3</v>
      </c>
      <c r="E15909">
        <v>4456.42</v>
      </c>
      <c r="F15909">
        <v>78.077500000000001</v>
      </c>
    </row>
    <row r="15910" spans="1:6" x14ac:dyDescent="0.25">
      <c r="A15910">
        <v>171.3</v>
      </c>
      <c r="B15910">
        <v>175</v>
      </c>
      <c r="C15910">
        <v>11072.7</v>
      </c>
      <c r="D15910">
        <v>1.6</v>
      </c>
      <c r="E15910">
        <v>4090.49</v>
      </c>
      <c r="F15910">
        <v>74.488399999999999</v>
      </c>
    </row>
    <row r="15911" spans="1:6" x14ac:dyDescent="0.25">
      <c r="A15911">
        <v>171.3</v>
      </c>
      <c r="B15911">
        <v>175</v>
      </c>
      <c r="C15911">
        <v>11072.7</v>
      </c>
      <c r="D15911">
        <v>1.9</v>
      </c>
      <c r="E15911">
        <v>3911.67</v>
      </c>
      <c r="F15911">
        <v>88.646299999999997</v>
      </c>
    </row>
    <row r="15912" spans="1:6" x14ac:dyDescent="0.25">
      <c r="A15912">
        <v>171.3</v>
      </c>
      <c r="B15912">
        <v>175</v>
      </c>
      <c r="C15912">
        <v>11072.7</v>
      </c>
      <c r="D15912">
        <v>2.2000000000000002</v>
      </c>
      <c r="E15912">
        <v>3770.06</v>
      </c>
      <c r="F15912">
        <v>88.7102</v>
      </c>
    </row>
    <row r="15913" spans="1:6" x14ac:dyDescent="0.25">
      <c r="A15913">
        <v>171.3</v>
      </c>
      <c r="B15913">
        <v>175</v>
      </c>
      <c r="C15913">
        <v>11072.7</v>
      </c>
      <c r="D15913">
        <v>2.5</v>
      </c>
      <c r="E15913">
        <v>3628.78</v>
      </c>
      <c r="F15913">
        <v>90.121499999999997</v>
      </c>
    </row>
    <row r="15914" spans="1:6" x14ac:dyDescent="0.25">
      <c r="A15914">
        <v>171.3</v>
      </c>
      <c r="B15914">
        <v>175</v>
      </c>
      <c r="C15914">
        <v>11072.7</v>
      </c>
      <c r="D15914">
        <v>2.8</v>
      </c>
      <c r="E15914">
        <v>3576.13</v>
      </c>
      <c r="F15914">
        <v>81.687899999999999</v>
      </c>
    </row>
    <row r="15915" spans="1:6" x14ac:dyDescent="0.25">
      <c r="A15915">
        <v>171.3</v>
      </c>
      <c r="B15915">
        <v>175</v>
      </c>
      <c r="C15915">
        <v>11072.7</v>
      </c>
      <c r="D15915">
        <v>3.1</v>
      </c>
      <c r="E15915">
        <v>3454.94</v>
      </c>
      <c r="F15915">
        <v>77.115099999999998</v>
      </c>
    </row>
    <row r="15916" spans="1:6" x14ac:dyDescent="0.25">
      <c r="A15916">
        <v>171.3</v>
      </c>
      <c r="B15916">
        <v>175</v>
      </c>
      <c r="C15916">
        <v>11072.7</v>
      </c>
      <c r="D15916">
        <v>3.4</v>
      </c>
      <c r="E15916">
        <v>3498.06</v>
      </c>
      <c r="F15916">
        <v>80.956699999999998</v>
      </c>
    </row>
    <row r="15917" spans="1:6" x14ac:dyDescent="0.25">
      <c r="A15917">
        <v>171.3</v>
      </c>
      <c r="B15917">
        <v>175</v>
      </c>
      <c r="C15917">
        <v>11072.7</v>
      </c>
      <c r="D15917">
        <v>3.7</v>
      </c>
      <c r="E15917">
        <v>3360.73</v>
      </c>
      <c r="F15917">
        <v>92.319900000000004</v>
      </c>
    </row>
    <row r="15918" spans="1:6" x14ac:dyDescent="0.25">
      <c r="A15918">
        <v>171.3</v>
      </c>
      <c r="B15918">
        <v>175</v>
      </c>
      <c r="C15918">
        <v>11072.7</v>
      </c>
      <c r="D15918">
        <v>4</v>
      </c>
      <c r="E15918">
        <v>3417.62</v>
      </c>
      <c r="F15918">
        <v>79.263800000000003</v>
      </c>
    </row>
    <row r="15919" spans="1:6" x14ac:dyDescent="0.25">
      <c r="A15919">
        <v>171.3</v>
      </c>
      <c r="B15919">
        <v>175</v>
      </c>
      <c r="C15919">
        <v>12618.2</v>
      </c>
      <c r="D15919">
        <v>1</v>
      </c>
      <c r="E15919">
        <v>4920.03</v>
      </c>
      <c r="F15919">
        <v>86.072299999999998</v>
      </c>
    </row>
    <row r="15920" spans="1:6" x14ac:dyDescent="0.25">
      <c r="A15920">
        <v>171.3</v>
      </c>
      <c r="B15920">
        <v>175</v>
      </c>
      <c r="C15920">
        <v>12618.2</v>
      </c>
      <c r="D15920">
        <v>1.3</v>
      </c>
      <c r="E15920">
        <v>4456.42</v>
      </c>
      <c r="F15920">
        <v>78.077500000000001</v>
      </c>
    </row>
    <row r="15921" spans="1:6" x14ac:dyDescent="0.25">
      <c r="A15921">
        <v>171.3</v>
      </c>
      <c r="B15921">
        <v>175</v>
      </c>
      <c r="C15921">
        <v>12618.2</v>
      </c>
      <c r="D15921">
        <v>1.6</v>
      </c>
      <c r="E15921">
        <v>4090.49</v>
      </c>
      <c r="F15921">
        <v>74.488399999999999</v>
      </c>
    </row>
    <row r="15922" spans="1:6" x14ac:dyDescent="0.25">
      <c r="A15922">
        <v>171.3</v>
      </c>
      <c r="B15922">
        <v>175</v>
      </c>
      <c r="C15922">
        <v>12618.2</v>
      </c>
      <c r="D15922">
        <v>1.9</v>
      </c>
      <c r="E15922">
        <v>3911.67</v>
      </c>
      <c r="F15922">
        <v>88.646299999999997</v>
      </c>
    </row>
    <row r="15923" spans="1:6" x14ac:dyDescent="0.25">
      <c r="A15923">
        <v>171.3</v>
      </c>
      <c r="B15923">
        <v>175</v>
      </c>
      <c r="C15923">
        <v>12618.2</v>
      </c>
      <c r="D15923">
        <v>2.2000000000000002</v>
      </c>
      <c r="E15923">
        <v>3770.06</v>
      </c>
      <c r="F15923">
        <v>88.7102</v>
      </c>
    </row>
    <row r="15924" spans="1:6" x14ac:dyDescent="0.25">
      <c r="A15924">
        <v>171.3</v>
      </c>
      <c r="B15924">
        <v>175</v>
      </c>
      <c r="C15924">
        <v>12618.2</v>
      </c>
      <c r="D15924">
        <v>2.5</v>
      </c>
      <c r="E15924">
        <v>3628.78</v>
      </c>
      <c r="F15924">
        <v>90.121499999999997</v>
      </c>
    </row>
    <row r="15925" spans="1:6" x14ac:dyDescent="0.25">
      <c r="A15925">
        <v>171.3</v>
      </c>
      <c r="B15925">
        <v>175</v>
      </c>
      <c r="C15925">
        <v>12618.2</v>
      </c>
      <c r="D15925">
        <v>2.8</v>
      </c>
      <c r="E15925">
        <v>3576.13</v>
      </c>
      <c r="F15925">
        <v>81.687899999999999</v>
      </c>
    </row>
    <row r="15926" spans="1:6" x14ac:dyDescent="0.25">
      <c r="A15926">
        <v>171.3</v>
      </c>
      <c r="B15926">
        <v>175</v>
      </c>
      <c r="C15926">
        <v>12618.2</v>
      </c>
      <c r="D15926">
        <v>3.1</v>
      </c>
      <c r="E15926">
        <v>3454.94</v>
      </c>
      <c r="F15926">
        <v>77.115099999999998</v>
      </c>
    </row>
    <row r="15927" spans="1:6" x14ac:dyDescent="0.25">
      <c r="A15927">
        <v>171.3</v>
      </c>
      <c r="B15927">
        <v>175</v>
      </c>
      <c r="C15927">
        <v>12618.2</v>
      </c>
      <c r="D15927">
        <v>3.4</v>
      </c>
      <c r="E15927">
        <v>3498.06</v>
      </c>
      <c r="F15927">
        <v>80.956699999999998</v>
      </c>
    </row>
    <row r="15928" spans="1:6" x14ac:dyDescent="0.25">
      <c r="A15928">
        <v>171.3</v>
      </c>
      <c r="B15928">
        <v>175</v>
      </c>
      <c r="C15928">
        <v>12618.2</v>
      </c>
      <c r="D15928">
        <v>3.7</v>
      </c>
      <c r="E15928">
        <v>3360.73</v>
      </c>
      <c r="F15928">
        <v>92.319900000000004</v>
      </c>
    </row>
    <row r="15929" spans="1:6" x14ac:dyDescent="0.25">
      <c r="A15929">
        <v>171.3</v>
      </c>
      <c r="B15929">
        <v>175</v>
      </c>
      <c r="C15929">
        <v>12618.2</v>
      </c>
      <c r="D15929">
        <v>4</v>
      </c>
      <c r="E15929">
        <v>3417.62</v>
      </c>
      <c r="F15929">
        <v>79.263800000000003</v>
      </c>
    </row>
    <row r="15930" spans="1:6" x14ac:dyDescent="0.25">
      <c r="A15930">
        <v>171.3</v>
      </c>
      <c r="B15930">
        <v>175</v>
      </c>
      <c r="C15930">
        <v>14163.6</v>
      </c>
      <c r="D15930">
        <v>1</v>
      </c>
      <c r="E15930">
        <v>4920.03</v>
      </c>
      <c r="F15930">
        <v>86.072299999999998</v>
      </c>
    </row>
    <row r="15931" spans="1:6" x14ac:dyDescent="0.25">
      <c r="A15931">
        <v>171.3</v>
      </c>
      <c r="B15931">
        <v>175</v>
      </c>
      <c r="C15931">
        <v>14163.6</v>
      </c>
      <c r="D15931">
        <v>1.3</v>
      </c>
      <c r="E15931">
        <v>4456.42</v>
      </c>
      <c r="F15931">
        <v>78.077500000000001</v>
      </c>
    </row>
    <row r="15932" spans="1:6" x14ac:dyDescent="0.25">
      <c r="A15932">
        <v>171.3</v>
      </c>
      <c r="B15932">
        <v>175</v>
      </c>
      <c r="C15932">
        <v>14163.6</v>
      </c>
      <c r="D15932">
        <v>1.6</v>
      </c>
      <c r="E15932">
        <v>4090.49</v>
      </c>
      <c r="F15932">
        <v>74.488399999999999</v>
      </c>
    </row>
    <row r="15933" spans="1:6" x14ac:dyDescent="0.25">
      <c r="A15933">
        <v>171.3</v>
      </c>
      <c r="B15933">
        <v>175</v>
      </c>
      <c r="C15933">
        <v>14163.6</v>
      </c>
      <c r="D15933">
        <v>1.9</v>
      </c>
      <c r="E15933">
        <v>3911.67</v>
      </c>
      <c r="F15933">
        <v>88.646299999999997</v>
      </c>
    </row>
    <row r="15934" spans="1:6" x14ac:dyDescent="0.25">
      <c r="A15934">
        <v>171.3</v>
      </c>
      <c r="B15934">
        <v>175</v>
      </c>
      <c r="C15934">
        <v>14163.6</v>
      </c>
      <c r="D15934">
        <v>2.2000000000000002</v>
      </c>
      <c r="E15934">
        <v>3770.06</v>
      </c>
      <c r="F15934">
        <v>88.7102</v>
      </c>
    </row>
    <row r="15935" spans="1:6" x14ac:dyDescent="0.25">
      <c r="A15935">
        <v>171.3</v>
      </c>
      <c r="B15935">
        <v>175</v>
      </c>
      <c r="C15935">
        <v>14163.6</v>
      </c>
      <c r="D15935">
        <v>2.5</v>
      </c>
      <c r="E15935">
        <v>3628.78</v>
      </c>
      <c r="F15935">
        <v>90.121499999999997</v>
      </c>
    </row>
    <row r="15936" spans="1:6" x14ac:dyDescent="0.25">
      <c r="A15936">
        <v>171.3</v>
      </c>
      <c r="B15936">
        <v>175</v>
      </c>
      <c r="C15936">
        <v>14163.6</v>
      </c>
      <c r="D15936">
        <v>2.8</v>
      </c>
      <c r="E15936">
        <v>3576.13</v>
      </c>
      <c r="F15936">
        <v>81.687899999999999</v>
      </c>
    </row>
    <row r="15937" spans="1:6" x14ac:dyDescent="0.25">
      <c r="A15937">
        <v>171.3</v>
      </c>
      <c r="B15937">
        <v>175</v>
      </c>
      <c r="C15937">
        <v>14163.6</v>
      </c>
      <c r="D15937">
        <v>3.1</v>
      </c>
      <c r="E15937">
        <v>3454.94</v>
      </c>
      <c r="F15937">
        <v>77.115099999999998</v>
      </c>
    </row>
    <row r="15938" spans="1:6" x14ac:dyDescent="0.25">
      <c r="A15938">
        <v>171.3</v>
      </c>
      <c r="B15938">
        <v>175</v>
      </c>
      <c r="C15938">
        <v>14163.6</v>
      </c>
      <c r="D15938">
        <v>3.4</v>
      </c>
      <c r="E15938">
        <v>3498.06</v>
      </c>
      <c r="F15938">
        <v>80.956699999999998</v>
      </c>
    </row>
    <row r="15939" spans="1:6" x14ac:dyDescent="0.25">
      <c r="A15939">
        <v>171.3</v>
      </c>
      <c r="B15939">
        <v>175</v>
      </c>
      <c r="C15939">
        <v>14163.6</v>
      </c>
      <c r="D15939">
        <v>3.7</v>
      </c>
      <c r="E15939">
        <v>3360.73</v>
      </c>
      <c r="F15939">
        <v>92.319900000000004</v>
      </c>
    </row>
    <row r="15940" spans="1:6" x14ac:dyDescent="0.25">
      <c r="A15940">
        <v>171.3</v>
      </c>
      <c r="B15940">
        <v>175</v>
      </c>
      <c r="C15940">
        <v>14163.6</v>
      </c>
      <c r="D15940">
        <v>4</v>
      </c>
      <c r="E15940">
        <v>3417.62</v>
      </c>
      <c r="F15940">
        <v>79.263800000000003</v>
      </c>
    </row>
    <row r="15941" spans="1:6" x14ac:dyDescent="0.25">
      <c r="A15941">
        <v>171.3</v>
      </c>
      <c r="B15941">
        <v>175</v>
      </c>
      <c r="C15941">
        <v>15709.1</v>
      </c>
      <c r="D15941">
        <v>1</v>
      </c>
      <c r="E15941">
        <v>4920.03</v>
      </c>
      <c r="F15941">
        <v>86.072299999999998</v>
      </c>
    </row>
    <row r="15942" spans="1:6" x14ac:dyDescent="0.25">
      <c r="A15942">
        <v>171.3</v>
      </c>
      <c r="B15942">
        <v>175</v>
      </c>
      <c r="C15942">
        <v>15709.1</v>
      </c>
      <c r="D15942">
        <v>1.3</v>
      </c>
      <c r="E15942">
        <v>4456.42</v>
      </c>
      <c r="F15942">
        <v>78.077500000000001</v>
      </c>
    </row>
    <row r="15943" spans="1:6" x14ac:dyDescent="0.25">
      <c r="A15943">
        <v>171.3</v>
      </c>
      <c r="B15943">
        <v>175</v>
      </c>
      <c r="C15943">
        <v>15709.1</v>
      </c>
      <c r="D15943">
        <v>1.6</v>
      </c>
      <c r="E15943">
        <v>4090.49</v>
      </c>
      <c r="F15943">
        <v>74.488399999999999</v>
      </c>
    </row>
    <row r="15944" spans="1:6" x14ac:dyDescent="0.25">
      <c r="A15944">
        <v>171.3</v>
      </c>
      <c r="B15944">
        <v>175</v>
      </c>
      <c r="C15944">
        <v>15709.1</v>
      </c>
      <c r="D15944">
        <v>1.9</v>
      </c>
      <c r="E15944">
        <v>3911.67</v>
      </c>
      <c r="F15944">
        <v>88.646299999999997</v>
      </c>
    </row>
    <row r="15945" spans="1:6" x14ac:dyDescent="0.25">
      <c r="A15945">
        <v>171.3</v>
      </c>
      <c r="B15945">
        <v>175</v>
      </c>
      <c r="C15945">
        <v>15709.1</v>
      </c>
      <c r="D15945">
        <v>2.2000000000000002</v>
      </c>
      <c r="E15945">
        <v>3770.06</v>
      </c>
      <c r="F15945">
        <v>88.7102</v>
      </c>
    </row>
    <row r="15946" spans="1:6" x14ac:dyDescent="0.25">
      <c r="A15946">
        <v>171.3</v>
      </c>
      <c r="B15946">
        <v>175</v>
      </c>
      <c r="C15946">
        <v>15709.1</v>
      </c>
      <c r="D15946">
        <v>2.5</v>
      </c>
      <c r="E15946">
        <v>3628.78</v>
      </c>
      <c r="F15946">
        <v>90.121499999999997</v>
      </c>
    </row>
    <row r="15947" spans="1:6" x14ac:dyDescent="0.25">
      <c r="A15947">
        <v>171.3</v>
      </c>
      <c r="B15947">
        <v>175</v>
      </c>
      <c r="C15947">
        <v>15709.1</v>
      </c>
      <c r="D15947">
        <v>2.8</v>
      </c>
      <c r="E15947">
        <v>3576.13</v>
      </c>
      <c r="F15947">
        <v>81.687899999999999</v>
      </c>
    </row>
    <row r="15948" spans="1:6" x14ac:dyDescent="0.25">
      <c r="A15948">
        <v>171.3</v>
      </c>
      <c r="B15948">
        <v>175</v>
      </c>
      <c r="C15948">
        <v>15709.1</v>
      </c>
      <c r="D15948">
        <v>3.1</v>
      </c>
      <c r="E15948">
        <v>3454.94</v>
      </c>
      <c r="F15948">
        <v>77.115099999999998</v>
      </c>
    </row>
    <row r="15949" spans="1:6" x14ac:dyDescent="0.25">
      <c r="A15949">
        <v>171.3</v>
      </c>
      <c r="B15949">
        <v>175</v>
      </c>
      <c r="C15949">
        <v>15709.1</v>
      </c>
      <c r="D15949">
        <v>3.4</v>
      </c>
      <c r="E15949">
        <v>3498.06</v>
      </c>
      <c r="F15949">
        <v>80.956699999999998</v>
      </c>
    </row>
    <row r="15950" spans="1:6" x14ac:dyDescent="0.25">
      <c r="A15950">
        <v>171.3</v>
      </c>
      <c r="B15950">
        <v>175</v>
      </c>
      <c r="C15950">
        <v>15709.1</v>
      </c>
      <c r="D15950">
        <v>3.7</v>
      </c>
      <c r="E15950">
        <v>3360.73</v>
      </c>
      <c r="F15950">
        <v>92.319900000000004</v>
      </c>
    </row>
    <row r="15951" spans="1:6" x14ac:dyDescent="0.25">
      <c r="A15951">
        <v>171.3</v>
      </c>
      <c r="B15951">
        <v>175</v>
      </c>
      <c r="C15951">
        <v>15709.1</v>
      </c>
      <c r="D15951">
        <v>4</v>
      </c>
      <c r="E15951">
        <v>3417.62</v>
      </c>
      <c r="F15951">
        <v>79.263800000000003</v>
      </c>
    </row>
    <row r="15952" spans="1:6" x14ac:dyDescent="0.25">
      <c r="A15952">
        <v>171.3</v>
      </c>
      <c r="B15952">
        <v>175</v>
      </c>
      <c r="C15952">
        <v>17254.5</v>
      </c>
      <c r="D15952">
        <v>1</v>
      </c>
      <c r="E15952">
        <v>4920.03</v>
      </c>
      <c r="F15952">
        <v>86.072299999999998</v>
      </c>
    </row>
    <row r="15953" spans="1:6" x14ac:dyDescent="0.25">
      <c r="A15953">
        <v>171.3</v>
      </c>
      <c r="B15953">
        <v>175</v>
      </c>
      <c r="C15953">
        <v>17254.5</v>
      </c>
      <c r="D15953">
        <v>1.3</v>
      </c>
      <c r="E15953">
        <v>4456.42</v>
      </c>
      <c r="F15953">
        <v>78.077500000000001</v>
      </c>
    </row>
    <row r="15954" spans="1:6" x14ac:dyDescent="0.25">
      <c r="A15954">
        <v>171.3</v>
      </c>
      <c r="B15954">
        <v>175</v>
      </c>
      <c r="C15954">
        <v>17254.5</v>
      </c>
      <c r="D15954">
        <v>1.6</v>
      </c>
      <c r="E15954">
        <v>4090.49</v>
      </c>
      <c r="F15954">
        <v>74.488399999999999</v>
      </c>
    </row>
    <row r="15955" spans="1:6" x14ac:dyDescent="0.25">
      <c r="A15955">
        <v>171.3</v>
      </c>
      <c r="B15955">
        <v>175</v>
      </c>
      <c r="C15955">
        <v>17254.5</v>
      </c>
      <c r="D15955">
        <v>1.9</v>
      </c>
      <c r="E15955">
        <v>3911.67</v>
      </c>
      <c r="F15955">
        <v>88.646299999999997</v>
      </c>
    </row>
    <row r="15956" spans="1:6" x14ac:dyDescent="0.25">
      <c r="A15956">
        <v>171.3</v>
      </c>
      <c r="B15956">
        <v>175</v>
      </c>
      <c r="C15956">
        <v>17254.5</v>
      </c>
      <c r="D15956">
        <v>2.2000000000000002</v>
      </c>
      <c r="E15956">
        <v>3770.06</v>
      </c>
      <c r="F15956">
        <v>88.7102</v>
      </c>
    </row>
    <row r="15957" spans="1:6" x14ac:dyDescent="0.25">
      <c r="A15957">
        <v>171.3</v>
      </c>
      <c r="B15957">
        <v>175</v>
      </c>
      <c r="C15957">
        <v>17254.5</v>
      </c>
      <c r="D15957">
        <v>2.5</v>
      </c>
      <c r="E15957">
        <v>3628.78</v>
      </c>
      <c r="F15957">
        <v>90.121499999999997</v>
      </c>
    </row>
    <row r="15958" spans="1:6" x14ac:dyDescent="0.25">
      <c r="A15958">
        <v>171.3</v>
      </c>
      <c r="B15958">
        <v>175</v>
      </c>
      <c r="C15958">
        <v>17254.5</v>
      </c>
      <c r="D15958">
        <v>2.8</v>
      </c>
      <c r="E15958">
        <v>3576.13</v>
      </c>
      <c r="F15958">
        <v>81.687899999999999</v>
      </c>
    </row>
    <row r="15959" spans="1:6" x14ac:dyDescent="0.25">
      <c r="A15959">
        <v>171.3</v>
      </c>
      <c r="B15959">
        <v>175</v>
      </c>
      <c r="C15959">
        <v>17254.5</v>
      </c>
      <c r="D15959">
        <v>3.1</v>
      </c>
      <c r="E15959">
        <v>3454.94</v>
      </c>
      <c r="F15959">
        <v>77.115099999999998</v>
      </c>
    </row>
    <row r="15960" spans="1:6" x14ac:dyDescent="0.25">
      <c r="A15960">
        <v>171.3</v>
      </c>
      <c r="B15960">
        <v>175</v>
      </c>
      <c r="C15960">
        <v>17254.5</v>
      </c>
      <c r="D15960">
        <v>3.4</v>
      </c>
      <c r="E15960">
        <v>3498.06</v>
      </c>
      <c r="F15960">
        <v>80.956699999999998</v>
      </c>
    </row>
    <row r="15961" spans="1:6" x14ac:dyDescent="0.25">
      <c r="A15961">
        <v>171.3</v>
      </c>
      <c r="B15961">
        <v>175</v>
      </c>
      <c r="C15961">
        <v>17254.5</v>
      </c>
      <c r="D15961">
        <v>3.7</v>
      </c>
      <c r="E15961">
        <v>3360.73</v>
      </c>
      <c r="F15961">
        <v>92.319900000000004</v>
      </c>
    </row>
    <row r="15962" spans="1:6" x14ac:dyDescent="0.25">
      <c r="A15962">
        <v>171.3</v>
      </c>
      <c r="B15962">
        <v>175</v>
      </c>
      <c r="C15962">
        <v>17254.5</v>
      </c>
      <c r="D15962">
        <v>4</v>
      </c>
      <c r="E15962">
        <v>3417.62</v>
      </c>
      <c r="F15962">
        <v>79.263800000000003</v>
      </c>
    </row>
    <row r="15963" spans="1:6" x14ac:dyDescent="0.25">
      <c r="A15963">
        <v>171.3</v>
      </c>
      <c r="B15963">
        <v>175</v>
      </c>
      <c r="C15963">
        <v>18800</v>
      </c>
      <c r="D15963">
        <v>1</v>
      </c>
      <c r="E15963">
        <v>4920.03</v>
      </c>
      <c r="F15963">
        <v>86.072299999999998</v>
      </c>
    </row>
    <row r="15964" spans="1:6" x14ac:dyDescent="0.25">
      <c r="A15964">
        <v>171.3</v>
      </c>
      <c r="B15964">
        <v>175</v>
      </c>
      <c r="C15964">
        <v>18800</v>
      </c>
      <c r="D15964">
        <v>1.3</v>
      </c>
      <c r="E15964">
        <v>4456.42</v>
      </c>
      <c r="F15964">
        <v>78.077500000000001</v>
      </c>
    </row>
    <row r="15965" spans="1:6" x14ac:dyDescent="0.25">
      <c r="A15965">
        <v>171.3</v>
      </c>
      <c r="B15965">
        <v>175</v>
      </c>
      <c r="C15965">
        <v>18800</v>
      </c>
      <c r="D15965">
        <v>1.6</v>
      </c>
      <c r="E15965">
        <v>4090.49</v>
      </c>
      <c r="F15965">
        <v>74.488399999999999</v>
      </c>
    </row>
    <row r="15966" spans="1:6" x14ac:dyDescent="0.25">
      <c r="A15966">
        <v>171.3</v>
      </c>
      <c r="B15966">
        <v>175</v>
      </c>
      <c r="C15966">
        <v>18800</v>
      </c>
      <c r="D15966">
        <v>1.9</v>
      </c>
      <c r="E15966">
        <v>3911.67</v>
      </c>
      <c r="F15966">
        <v>88.646299999999997</v>
      </c>
    </row>
    <row r="15967" spans="1:6" x14ac:dyDescent="0.25">
      <c r="A15967">
        <v>171.3</v>
      </c>
      <c r="B15967">
        <v>175</v>
      </c>
      <c r="C15967">
        <v>18800</v>
      </c>
      <c r="D15967">
        <v>2.2000000000000002</v>
      </c>
      <c r="E15967">
        <v>3770.06</v>
      </c>
      <c r="F15967">
        <v>88.7102</v>
      </c>
    </row>
    <row r="15968" spans="1:6" x14ac:dyDescent="0.25">
      <c r="A15968">
        <v>171.3</v>
      </c>
      <c r="B15968">
        <v>175</v>
      </c>
      <c r="C15968">
        <v>18800</v>
      </c>
      <c r="D15968">
        <v>2.5</v>
      </c>
      <c r="E15968">
        <v>3628.78</v>
      </c>
      <c r="F15968">
        <v>90.121499999999997</v>
      </c>
    </row>
    <row r="15969" spans="1:6" x14ac:dyDescent="0.25">
      <c r="A15969">
        <v>171.3</v>
      </c>
      <c r="B15969">
        <v>175</v>
      </c>
      <c r="C15969">
        <v>18800</v>
      </c>
      <c r="D15969">
        <v>2.8</v>
      </c>
      <c r="E15969">
        <v>3576.13</v>
      </c>
      <c r="F15969">
        <v>81.687899999999999</v>
      </c>
    </row>
    <row r="15970" spans="1:6" x14ac:dyDescent="0.25">
      <c r="A15970">
        <v>171.3</v>
      </c>
      <c r="B15970">
        <v>175</v>
      </c>
      <c r="C15970">
        <v>18800</v>
      </c>
      <c r="D15970">
        <v>3.1</v>
      </c>
      <c r="E15970">
        <v>3454.94</v>
      </c>
      <c r="F15970">
        <v>77.115099999999998</v>
      </c>
    </row>
    <row r="15971" spans="1:6" x14ac:dyDescent="0.25">
      <c r="A15971">
        <v>171.3</v>
      </c>
      <c r="B15971">
        <v>175</v>
      </c>
      <c r="C15971">
        <v>18800</v>
      </c>
      <c r="D15971">
        <v>3.4</v>
      </c>
      <c r="E15971">
        <v>3498.06</v>
      </c>
      <c r="F15971">
        <v>80.956699999999998</v>
      </c>
    </row>
    <row r="15972" spans="1:6" x14ac:dyDescent="0.25">
      <c r="A15972">
        <v>171.3</v>
      </c>
      <c r="B15972">
        <v>175</v>
      </c>
      <c r="C15972">
        <v>18800</v>
      </c>
      <c r="D15972">
        <v>3.7</v>
      </c>
      <c r="E15972">
        <v>3360.73</v>
      </c>
      <c r="F15972">
        <v>92.319900000000004</v>
      </c>
    </row>
    <row r="15973" spans="1:6" x14ac:dyDescent="0.25">
      <c r="A15973">
        <v>171.3</v>
      </c>
      <c r="B15973">
        <v>175</v>
      </c>
      <c r="C15973">
        <v>18800</v>
      </c>
      <c r="D15973">
        <v>4</v>
      </c>
      <c r="E15973">
        <v>3417.62</v>
      </c>
      <c r="F15973">
        <v>79.263800000000003</v>
      </c>
    </row>
    <row r="15974" spans="1:6" x14ac:dyDescent="0.25">
      <c r="A15974">
        <v>171.3</v>
      </c>
      <c r="B15974">
        <v>178.63</v>
      </c>
      <c r="C15974">
        <v>1800</v>
      </c>
      <c r="D15974">
        <v>1</v>
      </c>
      <c r="E15974">
        <v>4920.03</v>
      </c>
      <c r="F15974">
        <v>86.072299999999998</v>
      </c>
    </row>
    <row r="15975" spans="1:6" x14ac:dyDescent="0.25">
      <c r="A15975">
        <v>171.3</v>
      </c>
      <c r="B15975">
        <v>178.63</v>
      </c>
      <c r="C15975">
        <v>1800</v>
      </c>
      <c r="D15975">
        <v>1.3</v>
      </c>
      <c r="E15975">
        <v>4456.42</v>
      </c>
      <c r="F15975">
        <v>78.077500000000001</v>
      </c>
    </row>
    <row r="15976" spans="1:6" x14ac:dyDescent="0.25">
      <c r="A15976">
        <v>171.3</v>
      </c>
      <c r="B15976">
        <v>178.63</v>
      </c>
      <c r="C15976">
        <v>1800</v>
      </c>
      <c r="D15976">
        <v>1.6</v>
      </c>
      <c r="E15976">
        <v>4090.49</v>
      </c>
      <c r="F15976">
        <v>74.488399999999999</v>
      </c>
    </row>
    <row r="15977" spans="1:6" x14ac:dyDescent="0.25">
      <c r="A15977">
        <v>171.3</v>
      </c>
      <c r="B15977">
        <v>178.63</v>
      </c>
      <c r="C15977">
        <v>1800</v>
      </c>
      <c r="D15977">
        <v>1.9</v>
      </c>
      <c r="E15977">
        <v>3763.97</v>
      </c>
      <c r="F15977">
        <v>88.646299999999997</v>
      </c>
    </row>
    <row r="15978" spans="1:6" x14ac:dyDescent="0.25">
      <c r="A15978">
        <v>171.3</v>
      </c>
      <c r="B15978">
        <v>178.63</v>
      </c>
      <c r="C15978">
        <v>1800</v>
      </c>
      <c r="D15978">
        <v>2.2000000000000002</v>
      </c>
      <c r="E15978">
        <v>3621.99</v>
      </c>
      <c r="F15978">
        <v>88.7102</v>
      </c>
    </row>
    <row r="15979" spans="1:6" x14ac:dyDescent="0.25">
      <c r="A15979">
        <v>171.3</v>
      </c>
      <c r="B15979">
        <v>178.63</v>
      </c>
      <c r="C15979">
        <v>1800</v>
      </c>
      <c r="D15979">
        <v>2.5</v>
      </c>
      <c r="E15979">
        <v>3487.36</v>
      </c>
      <c r="F15979">
        <v>90.121499999999997</v>
      </c>
    </row>
    <row r="15980" spans="1:6" x14ac:dyDescent="0.25">
      <c r="A15980">
        <v>171.3</v>
      </c>
      <c r="B15980">
        <v>178.63</v>
      </c>
      <c r="C15980">
        <v>1800</v>
      </c>
      <c r="D15980">
        <v>2.8</v>
      </c>
      <c r="E15980">
        <v>3380.97</v>
      </c>
      <c r="F15980">
        <v>81.687899999999999</v>
      </c>
    </row>
    <row r="15981" spans="1:6" x14ac:dyDescent="0.25">
      <c r="A15981">
        <v>171.3</v>
      </c>
      <c r="B15981">
        <v>178.63</v>
      </c>
      <c r="C15981">
        <v>1800</v>
      </c>
      <c r="D15981">
        <v>3.1</v>
      </c>
      <c r="E15981">
        <v>3240.8</v>
      </c>
      <c r="F15981">
        <v>77.115099999999998</v>
      </c>
    </row>
    <row r="15982" spans="1:6" x14ac:dyDescent="0.25">
      <c r="A15982">
        <v>171.3</v>
      </c>
      <c r="B15982">
        <v>178.63</v>
      </c>
      <c r="C15982">
        <v>1800</v>
      </c>
      <c r="D15982">
        <v>3.4</v>
      </c>
      <c r="E15982">
        <v>3181.86</v>
      </c>
      <c r="F15982">
        <v>80.956699999999998</v>
      </c>
    </row>
    <row r="15983" spans="1:6" x14ac:dyDescent="0.25">
      <c r="A15983">
        <v>171.3</v>
      </c>
      <c r="B15983">
        <v>178.63</v>
      </c>
      <c r="C15983">
        <v>1800</v>
      </c>
      <c r="D15983">
        <v>3.7</v>
      </c>
      <c r="E15983">
        <v>3060.25</v>
      </c>
      <c r="F15983">
        <v>92.319900000000004</v>
      </c>
    </row>
    <row r="15984" spans="1:6" x14ac:dyDescent="0.25">
      <c r="A15984">
        <v>171.3</v>
      </c>
      <c r="B15984">
        <v>178.63</v>
      </c>
      <c r="C15984">
        <v>1800</v>
      </c>
      <c r="D15984">
        <v>4</v>
      </c>
      <c r="E15984">
        <v>3058</v>
      </c>
      <c r="F15984">
        <v>79.263800000000003</v>
      </c>
    </row>
    <row r="15985" spans="1:6" x14ac:dyDescent="0.25">
      <c r="A15985">
        <v>171.3</v>
      </c>
      <c r="B15985">
        <v>178.63</v>
      </c>
      <c r="C15985">
        <v>3345.45</v>
      </c>
      <c r="D15985">
        <v>1</v>
      </c>
      <c r="E15985">
        <v>4920.03</v>
      </c>
      <c r="F15985">
        <v>86.072299999999998</v>
      </c>
    </row>
    <row r="15986" spans="1:6" x14ac:dyDescent="0.25">
      <c r="A15986">
        <v>171.3</v>
      </c>
      <c r="B15986">
        <v>178.63</v>
      </c>
      <c r="C15986">
        <v>3345.45</v>
      </c>
      <c r="D15986">
        <v>1.3</v>
      </c>
      <c r="E15986">
        <v>4456.42</v>
      </c>
      <c r="F15986">
        <v>78.077500000000001</v>
      </c>
    </row>
    <row r="15987" spans="1:6" x14ac:dyDescent="0.25">
      <c r="A15987">
        <v>171.3</v>
      </c>
      <c r="B15987">
        <v>178.63</v>
      </c>
      <c r="C15987">
        <v>3345.45</v>
      </c>
      <c r="D15987">
        <v>1.6</v>
      </c>
      <c r="E15987">
        <v>4090.49</v>
      </c>
      <c r="F15987">
        <v>74.488399999999999</v>
      </c>
    </row>
    <row r="15988" spans="1:6" x14ac:dyDescent="0.25">
      <c r="A15988">
        <v>171.3</v>
      </c>
      <c r="B15988">
        <v>178.63</v>
      </c>
      <c r="C15988">
        <v>3345.45</v>
      </c>
      <c r="D15988">
        <v>1.9</v>
      </c>
      <c r="E15988">
        <v>3911.67</v>
      </c>
      <c r="F15988">
        <v>88.646299999999997</v>
      </c>
    </row>
    <row r="15989" spans="1:6" x14ac:dyDescent="0.25">
      <c r="A15989">
        <v>171.3</v>
      </c>
      <c r="B15989">
        <v>178.63</v>
      </c>
      <c r="C15989">
        <v>3345.45</v>
      </c>
      <c r="D15989">
        <v>2.2000000000000002</v>
      </c>
      <c r="E15989">
        <v>3770.06</v>
      </c>
      <c r="F15989">
        <v>88.7102</v>
      </c>
    </row>
    <row r="15990" spans="1:6" x14ac:dyDescent="0.25">
      <c r="A15990">
        <v>171.3</v>
      </c>
      <c r="B15990">
        <v>178.63</v>
      </c>
      <c r="C15990">
        <v>3345.45</v>
      </c>
      <c r="D15990">
        <v>2.5</v>
      </c>
      <c r="E15990">
        <v>3628.78</v>
      </c>
      <c r="F15990">
        <v>90.121499999999997</v>
      </c>
    </row>
    <row r="15991" spans="1:6" x14ac:dyDescent="0.25">
      <c r="A15991">
        <v>171.3</v>
      </c>
      <c r="B15991">
        <v>178.63</v>
      </c>
      <c r="C15991">
        <v>3345.45</v>
      </c>
      <c r="D15991">
        <v>2.8</v>
      </c>
      <c r="E15991">
        <v>3576.13</v>
      </c>
      <c r="F15991">
        <v>81.687899999999999</v>
      </c>
    </row>
    <row r="15992" spans="1:6" x14ac:dyDescent="0.25">
      <c r="A15992">
        <v>171.3</v>
      </c>
      <c r="B15992">
        <v>178.63</v>
      </c>
      <c r="C15992">
        <v>3345.45</v>
      </c>
      <c r="D15992">
        <v>3.1</v>
      </c>
      <c r="E15992">
        <v>3454.94</v>
      </c>
      <c r="F15992">
        <v>77.115099999999998</v>
      </c>
    </row>
    <row r="15993" spans="1:6" x14ac:dyDescent="0.25">
      <c r="A15993">
        <v>171.3</v>
      </c>
      <c r="B15993">
        <v>178.63</v>
      </c>
      <c r="C15993">
        <v>3345.45</v>
      </c>
      <c r="D15993">
        <v>3.4</v>
      </c>
      <c r="E15993">
        <v>3498.06</v>
      </c>
      <c r="F15993">
        <v>80.956699999999998</v>
      </c>
    </row>
    <row r="15994" spans="1:6" x14ac:dyDescent="0.25">
      <c r="A15994">
        <v>171.3</v>
      </c>
      <c r="B15994">
        <v>178.63</v>
      </c>
      <c r="C15994">
        <v>3345.45</v>
      </c>
      <c r="D15994">
        <v>3.7</v>
      </c>
      <c r="E15994">
        <v>3360.73</v>
      </c>
      <c r="F15994">
        <v>92.319900000000004</v>
      </c>
    </row>
    <row r="15995" spans="1:6" x14ac:dyDescent="0.25">
      <c r="A15995">
        <v>171.3</v>
      </c>
      <c r="B15995">
        <v>178.63</v>
      </c>
      <c r="C15995">
        <v>3345.45</v>
      </c>
      <c r="D15995">
        <v>4</v>
      </c>
      <c r="E15995">
        <v>3417.62</v>
      </c>
      <c r="F15995">
        <v>79.263800000000003</v>
      </c>
    </row>
    <row r="15996" spans="1:6" x14ac:dyDescent="0.25">
      <c r="A15996">
        <v>171.3</v>
      </c>
      <c r="B15996">
        <v>178.63</v>
      </c>
      <c r="C15996">
        <v>4890.8999999999996</v>
      </c>
      <c r="D15996">
        <v>1</v>
      </c>
      <c r="E15996">
        <v>4920.03</v>
      </c>
      <c r="F15996">
        <v>86.072299999999998</v>
      </c>
    </row>
    <row r="15997" spans="1:6" x14ac:dyDescent="0.25">
      <c r="A15997">
        <v>171.3</v>
      </c>
      <c r="B15997">
        <v>178.63</v>
      </c>
      <c r="C15997">
        <v>4890.8999999999996</v>
      </c>
      <c r="D15997">
        <v>1.3</v>
      </c>
      <c r="E15997">
        <v>4456.42</v>
      </c>
      <c r="F15997">
        <v>78.077500000000001</v>
      </c>
    </row>
    <row r="15998" spans="1:6" x14ac:dyDescent="0.25">
      <c r="A15998">
        <v>171.3</v>
      </c>
      <c r="B15998">
        <v>178.63</v>
      </c>
      <c r="C15998">
        <v>4890.8999999999996</v>
      </c>
      <c r="D15998">
        <v>1.6</v>
      </c>
      <c r="E15998">
        <v>4090.49</v>
      </c>
      <c r="F15998">
        <v>74.488399999999999</v>
      </c>
    </row>
    <row r="15999" spans="1:6" x14ac:dyDescent="0.25">
      <c r="A15999">
        <v>171.3</v>
      </c>
      <c r="B15999">
        <v>178.63</v>
      </c>
      <c r="C15999">
        <v>4890.8999999999996</v>
      </c>
      <c r="D15999">
        <v>1.9</v>
      </c>
      <c r="E15999">
        <v>3911.67</v>
      </c>
      <c r="F15999">
        <v>88.646299999999997</v>
      </c>
    </row>
    <row r="16000" spans="1:6" x14ac:dyDescent="0.25">
      <c r="A16000">
        <v>171.3</v>
      </c>
      <c r="B16000">
        <v>178.63</v>
      </c>
      <c r="C16000">
        <v>4890.8999999999996</v>
      </c>
      <c r="D16000">
        <v>2.2000000000000002</v>
      </c>
      <c r="E16000">
        <v>3770.06</v>
      </c>
      <c r="F16000">
        <v>88.7102</v>
      </c>
    </row>
    <row r="16001" spans="1:6" x14ac:dyDescent="0.25">
      <c r="A16001">
        <v>171.3</v>
      </c>
      <c r="B16001">
        <v>178.63</v>
      </c>
      <c r="C16001">
        <v>4890.8999999999996</v>
      </c>
      <c r="D16001">
        <v>2.5</v>
      </c>
      <c r="E16001">
        <v>3628.78</v>
      </c>
      <c r="F16001">
        <v>90.121499999999997</v>
      </c>
    </row>
    <row r="16002" spans="1:6" x14ac:dyDescent="0.25">
      <c r="A16002">
        <v>171.3</v>
      </c>
      <c r="B16002">
        <v>178.63</v>
      </c>
      <c r="C16002">
        <v>4890.8999999999996</v>
      </c>
      <c r="D16002">
        <v>2.8</v>
      </c>
      <c r="E16002">
        <v>3576.13</v>
      </c>
      <c r="F16002">
        <v>81.687899999999999</v>
      </c>
    </row>
    <row r="16003" spans="1:6" x14ac:dyDescent="0.25">
      <c r="A16003">
        <v>171.3</v>
      </c>
      <c r="B16003">
        <v>178.63</v>
      </c>
      <c r="C16003">
        <v>4890.8999999999996</v>
      </c>
      <c r="D16003">
        <v>3.1</v>
      </c>
      <c r="E16003">
        <v>3454.94</v>
      </c>
      <c r="F16003">
        <v>77.115099999999998</v>
      </c>
    </row>
    <row r="16004" spans="1:6" x14ac:dyDescent="0.25">
      <c r="A16004">
        <v>171.3</v>
      </c>
      <c r="B16004">
        <v>178.63</v>
      </c>
      <c r="C16004">
        <v>4890.8999999999996</v>
      </c>
      <c r="D16004">
        <v>3.4</v>
      </c>
      <c r="E16004">
        <v>3498.06</v>
      </c>
      <c r="F16004">
        <v>80.956699999999998</v>
      </c>
    </row>
    <row r="16005" spans="1:6" x14ac:dyDescent="0.25">
      <c r="A16005">
        <v>171.3</v>
      </c>
      <c r="B16005">
        <v>178.63</v>
      </c>
      <c r="C16005">
        <v>4890.8999999999996</v>
      </c>
      <c r="D16005">
        <v>3.7</v>
      </c>
      <c r="E16005">
        <v>3360.73</v>
      </c>
      <c r="F16005">
        <v>92.319900000000004</v>
      </c>
    </row>
    <row r="16006" spans="1:6" x14ac:dyDescent="0.25">
      <c r="A16006">
        <v>171.3</v>
      </c>
      <c r="B16006">
        <v>178.63</v>
      </c>
      <c r="C16006">
        <v>4890.8999999999996</v>
      </c>
      <c r="D16006">
        <v>4</v>
      </c>
      <c r="E16006">
        <v>3417.62</v>
      </c>
      <c r="F16006">
        <v>79.263800000000003</v>
      </c>
    </row>
    <row r="16007" spans="1:6" x14ac:dyDescent="0.25">
      <c r="A16007">
        <v>171.3</v>
      </c>
      <c r="B16007">
        <v>178.63</v>
      </c>
      <c r="C16007">
        <v>6436.35</v>
      </c>
      <c r="D16007">
        <v>1</v>
      </c>
      <c r="E16007">
        <v>4920.03</v>
      </c>
      <c r="F16007">
        <v>86.072299999999998</v>
      </c>
    </row>
    <row r="16008" spans="1:6" x14ac:dyDescent="0.25">
      <c r="A16008">
        <v>171.3</v>
      </c>
      <c r="B16008">
        <v>178.63</v>
      </c>
      <c r="C16008">
        <v>6436.35</v>
      </c>
      <c r="D16008">
        <v>1.3</v>
      </c>
      <c r="E16008">
        <v>4456.42</v>
      </c>
      <c r="F16008">
        <v>78.077500000000001</v>
      </c>
    </row>
    <row r="16009" spans="1:6" x14ac:dyDescent="0.25">
      <c r="A16009">
        <v>171.3</v>
      </c>
      <c r="B16009">
        <v>178.63</v>
      </c>
      <c r="C16009">
        <v>6436.35</v>
      </c>
      <c r="D16009">
        <v>1.6</v>
      </c>
      <c r="E16009">
        <v>4090.49</v>
      </c>
      <c r="F16009">
        <v>74.488399999999999</v>
      </c>
    </row>
    <row r="16010" spans="1:6" x14ac:dyDescent="0.25">
      <c r="A16010">
        <v>171.3</v>
      </c>
      <c r="B16010">
        <v>178.63</v>
      </c>
      <c r="C16010">
        <v>6436.35</v>
      </c>
      <c r="D16010">
        <v>1.9</v>
      </c>
      <c r="E16010">
        <v>3911.67</v>
      </c>
      <c r="F16010">
        <v>88.646299999999997</v>
      </c>
    </row>
    <row r="16011" spans="1:6" x14ac:dyDescent="0.25">
      <c r="A16011">
        <v>171.3</v>
      </c>
      <c r="B16011">
        <v>178.63</v>
      </c>
      <c r="C16011">
        <v>6436.35</v>
      </c>
      <c r="D16011">
        <v>2.2000000000000002</v>
      </c>
      <c r="E16011">
        <v>3770.06</v>
      </c>
      <c r="F16011">
        <v>88.7102</v>
      </c>
    </row>
    <row r="16012" spans="1:6" x14ac:dyDescent="0.25">
      <c r="A16012">
        <v>171.3</v>
      </c>
      <c r="B16012">
        <v>178.63</v>
      </c>
      <c r="C16012">
        <v>6436.35</v>
      </c>
      <c r="D16012">
        <v>2.5</v>
      </c>
      <c r="E16012">
        <v>3628.78</v>
      </c>
      <c r="F16012">
        <v>90.121499999999997</v>
      </c>
    </row>
    <row r="16013" spans="1:6" x14ac:dyDescent="0.25">
      <c r="A16013">
        <v>171.3</v>
      </c>
      <c r="B16013">
        <v>178.63</v>
      </c>
      <c r="C16013">
        <v>6436.35</v>
      </c>
      <c r="D16013">
        <v>2.8</v>
      </c>
      <c r="E16013">
        <v>3576.13</v>
      </c>
      <c r="F16013">
        <v>81.687899999999999</v>
      </c>
    </row>
    <row r="16014" spans="1:6" x14ac:dyDescent="0.25">
      <c r="A16014">
        <v>171.3</v>
      </c>
      <c r="B16014">
        <v>178.63</v>
      </c>
      <c r="C16014">
        <v>6436.35</v>
      </c>
      <c r="D16014">
        <v>3.1</v>
      </c>
      <c r="E16014">
        <v>3454.94</v>
      </c>
      <c r="F16014">
        <v>77.115099999999998</v>
      </c>
    </row>
    <row r="16015" spans="1:6" x14ac:dyDescent="0.25">
      <c r="A16015">
        <v>171.3</v>
      </c>
      <c r="B16015">
        <v>178.63</v>
      </c>
      <c r="C16015">
        <v>6436.35</v>
      </c>
      <c r="D16015">
        <v>3.4</v>
      </c>
      <c r="E16015">
        <v>3498.06</v>
      </c>
      <c r="F16015">
        <v>80.956699999999998</v>
      </c>
    </row>
    <row r="16016" spans="1:6" x14ac:dyDescent="0.25">
      <c r="A16016">
        <v>171.3</v>
      </c>
      <c r="B16016">
        <v>178.63</v>
      </c>
      <c r="C16016">
        <v>6436.35</v>
      </c>
      <c r="D16016">
        <v>3.7</v>
      </c>
      <c r="E16016">
        <v>3360.73</v>
      </c>
      <c r="F16016">
        <v>92.319900000000004</v>
      </c>
    </row>
    <row r="16017" spans="1:6" x14ac:dyDescent="0.25">
      <c r="A16017">
        <v>171.3</v>
      </c>
      <c r="B16017">
        <v>178.63</v>
      </c>
      <c r="C16017">
        <v>6436.35</v>
      </c>
      <c r="D16017">
        <v>4</v>
      </c>
      <c r="E16017">
        <v>3417.62</v>
      </c>
      <c r="F16017">
        <v>79.263800000000003</v>
      </c>
    </row>
    <row r="16018" spans="1:6" x14ac:dyDescent="0.25">
      <c r="A16018">
        <v>171.3</v>
      </c>
      <c r="B16018">
        <v>178.63</v>
      </c>
      <c r="C16018">
        <v>7981.8</v>
      </c>
      <c r="D16018">
        <v>1</v>
      </c>
      <c r="E16018">
        <v>4920.03</v>
      </c>
      <c r="F16018">
        <v>86.072299999999998</v>
      </c>
    </row>
    <row r="16019" spans="1:6" x14ac:dyDescent="0.25">
      <c r="A16019">
        <v>171.3</v>
      </c>
      <c r="B16019">
        <v>178.63</v>
      </c>
      <c r="C16019">
        <v>7981.8</v>
      </c>
      <c r="D16019">
        <v>1.3</v>
      </c>
      <c r="E16019">
        <v>4456.42</v>
      </c>
      <c r="F16019">
        <v>78.077500000000001</v>
      </c>
    </row>
    <row r="16020" spans="1:6" x14ac:dyDescent="0.25">
      <c r="A16020">
        <v>171.3</v>
      </c>
      <c r="B16020">
        <v>178.63</v>
      </c>
      <c r="C16020">
        <v>7981.8</v>
      </c>
      <c r="D16020">
        <v>1.6</v>
      </c>
      <c r="E16020">
        <v>4090.49</v>
      </c>
      <c r="F16020">
        <v>74.488399999999999</v>
      </c>
    </row>
    <row r="16021" spans="1:6" x14ac:dyDescent="0.25">
      <c r="A16021">
        <v>171.3</v>
      </c>
      <c r="B16021">
        <v>178.63</v>
      </c>
      <c r="C16021">
        <v>7981.8</v>
      </c>
      <c r="D16021">
        <v>1.9</v>
      </c>
      <c r="E16021">
        <v>3911.67</v>
      </c>
      <c r="F16021">
        <v>88.646299999999997</v>
      </c>
    </row>
    <row r="16022" spans="1:6" x14ac:dyDescent="0.25">
      <c r="A16022">
        <v>171.3</v>
      </c>
      <c r="B16022">
        <v>178.63</v>
      </c>
      <c r="C16022">
        <v>7981.8</v>
      </c>
      <c r="D16022">
        <v>2.2000000000000002</v>
      </c>
      <c r="E16022">
        <v>3770.06</v>
      </c>
      <c r="F16022">
        <v>88.7102</v>
      </c>
    </row>
    <row r="16023" spans="1:6" x14ac:dyDescent="0.25">
      <c r="A16023">
        <v>171.3</v>
      </c>
      <c r="B16023">
        <v>178.63</v>
      </c>
      <c r="C16023">
        <v>7981.8</v>
      </c>
      <c r="D16023">
        <v>2.5</v>
      </c>
      <c r="E16023">
        <v>3628.78</v>
      </c>
      <c r="F16023">
        <v>90.121499999999997</v>
      </c>
    </row>
    <row r="16024" spans="1:6" x14ac:dyDescent="0.25">
      <c r="A16024">
        <v>171.3</v>
      </c>
      <c r="B16024">
        <v>178.63</v>
      </c>
      <c r="C16024">
        <v>7981.8</v>
      </c>
      <c r="D16024">
        <v>2.8</v>
      </c>
      <c r="E16024">
        <v>3576.13</v>
      </c>
      <c r="F16024">
        <v>81.687899999999999</v>
      </c>
    </row>
    <row r="16025" spans="1:6" x14ac:dyDescent="0.25">
      <c r="A16025">
        <v>171.3</v>
      </c>
      <c r="B16025">
        <v>178.63</v>
      </c>
      <c r="C16025">
        <v>7981.8</v>
      </c>
      <c r="D16025">
        <v>3.1</v>
      </c>
      <c r="E16025">
        <v>3454.94</v>
      </c>
      <c r="F16025">
        <v>77.115099999999998</v>
      </c>
    </row>
    <row r="16026" spans="1:6" x14ac:dyDescent="0.25">
      <c r="A16026">
        <v>171.3</v>
      </c>
      <c r="B16026">
        <v>178.63</v>
      </c>
      <c r="C16026">
        <v>7981.8</v>
      </c>
      <c r="D16026">
        <v>3.4</v>
      </c>
      <c r="E16026">
        <v>3498.06</v>
      </c>
      <c r="F16026">
        <v>80.956699999999998</v>
      </c>
    </row>
    <row r="16027" spans="1:6" x14ac:dyDescent="0.25">
      <c r="A16027">
        <v>171.3</v>
      </c>
      <c r="B16027">
        <v>178.63</v>
      </c>
      <c r="C16027">
        <v>7981.8</v>
      </c>
      <c r="D16027">
        <v>3.7</v>
      </c>
      <c r="E16027">
        <v>3360.73</v>
      </c>
      <c r="F16027">
        <v>92.319900000000004</v>
      </c>
    </row>
    <row r="16028" spans="1:6" x14ac:dyDescent="0.25">
      <c r="A16028">
        <v>171.3</v>
      </c>
      <c r="B16028">
        <v>178.63</v>
      </c>
      <c r="C16028">
        <v>7981.8</v>
      </c>
      <c r="D16028">
        <v>4</v>
      </c>
      <c r="E16028">
        <v>3417.62</v>
      </c>
      <c r="F16028">
        <v>79.263800000000003</v>
      </c>
    </row>
    <row r="16029" spans="1:6" x14ac:dyDescent="0.25">
      <c r="A16029">
        <v>171.3</v>
      </c>
      <c r="B16029">
        <v>178.63</v>
      </c>
      <c r="C16029">
        <v>9527.25</v>
      </c>
      <c r="D16029">
        <v>1</v>
      </c>
      <c r="E16029">
        <v>4920.03</v>
      </c>
      <c r="F16029">
        <v>86.072299999999998</v>
      </c>
    </row>
    <row r="16030" spans="1:6" x14ac:dyDescent="0.25">
      <c r="A16030">
        <v>171.3</v>
      </c>
      <c r="B16030">
        <v>178.63</v>
      </c>
      <c r="C16030">
        <v>9527.25</v>
      </c>
      <c r="D16030">
        <v>1.3</v>
      </c>
      <c r="E16030">
        <v>4456.42</v>
      </c>
      <c r="F16030">
        <v>78.077500000000001</v>
      </c>
    </row>
    <row r="16031" spans="1:6" x14ac:dyDescent="0.25">
      <c r="A16031">
        <v>171.3</v>
      </c>
      <c r="B16031">
        <v>178.63</v>
      </c>
      <c r="C16031">
        <v>9527.25</v>
      </c>
      <c r="D16031">
        <v>1.6</v>
      </c>
      <c r="E16031">
        <v>4090.49</v>
      </c>
      <c r="F16031">
        <v>74.488399999999999</v>
      </c>
    </row>
    <row r="16032" spans="1:6" x14ac:dyDescent="0.25">
      <c r="A16032">
        <v>171.3</v>
      </c>
      <c r="B16032">
        <v>178.63</v>
      </c>
      <c r="C16032">
        <v>9527.25</v>
      </c>
      <c r="D16032">
        <v>1.9</v>
      </c>
      <c r="E16032">
        <v>3911.67</v>
      </c>
      <c r="F16032">
        <v>88.646299999999997</v>
      </c>
    </row>
    <row r="16033" spans="1:6" x14ac:dyDescent="0.25">
      <c r="A16033">
        <v>171.3</v>
      </c>
      <c r="B16033">
        <v>178.63</v>
      </c>
      <c r="C16033">
        <v>9527.25</v>
      </c>
      <c r="D16033">
        <v>2.2000000000000002</v>
      </c>
      <c r="E16033">
        <v>3770.06</v>
      </c>
      <c r="F16033">
        <v>88.7102</v>
      </c>
    </row>
    <row r="16034" spans="1:6" x14ac:dyDescent="0.25">
      <c r="A16034">
        <v>171.3</v>
      </c>
      <c r="B16034">
        <v>178.63</v>
      </c>
      <c r="C16034">
        <v>9527.25</v>
      </c>
      <c r="D16034">
        <v>2.5</v>
      </c>
      <c r="E16034">
        <v>3628.78</v>
      </c>
      <c r="F16034">
        <v>90.121499999999997</v>
      </c>
    </row>
    <row r="16035" spans="1:6" x14ac:dyDescent="0.25">
      <c r="A16035">
        <v>171.3</v>
      </c>
      <c r="B16035">
        <v>178.63</v>
      </c>
      <c r="C16035">
        <v>9527.25</v>
      </c>
      <c r="D16035">
        <v>2.8</v>
      </c>
      <c r="E16035">
        <v>3576.13</v>
      </c>
      <c r="F16035">
        <v>81.687899999999999</v>
      </c>
    </row>
    <row r="16036" spans="1:6" x14ac:dyDescent="0.25">
      <c r="A16036">
        <v>171.3</v>
      </c>
      <c r="B16036">
        <v>178.63</v>
      </c>
      <c r="C16036">
        <v>9527.25</v>
      </c>
      <c r="D16036">
        <v>3.1</v>
      </c>
      <c r="E16036">
        <v>3454.94</v>
      </c>
      <c r="F16036">
        <v>77.115099999999998</v>
      </c>
    </row>
    <row r="16037" spans="1:6" x14ac:dyDescent="0.25">
      <c r="A16037">
        <v>171.3</v>
      </c>
      <c r="B16037">
        <v>178.63</v>
      </c>
      <c r="C16037">
        <v>9527.25</v>
      </c>
      <c r="D16037">
        <v>3.4</v>
      </c>
      <c r="E16037">
        <v>3498.06</v>
      </c>
      <c r="F16037">
        <v>80.956699999999998</v>
      </c>
    </row>
    <row r="16038" spans="1:6" x14ac:dyDescent="0.25">
      <c r="A16038">
        <v>171.3</v>
      </c>
      <c r="B16038">
        <v>178.63</v>
      </c>
      <c r="C16038">
        <v>9527.25</v>
      </c>
      <c r="D16038">
        <v>3.7</v>
      </c>
      <c r="E16038">
        <v>3360.73</v>
      </c>
      <c r="F16038">
        <v>92.319900000000004</v>
      </c>
    </row>
    <row r="16039" spans="1:6" x14ac:dyDescent="0.25">
      <c r="A16039">
        <v>171.3</v>
      </c>
      <c r="B16039">
        <v>178.63</v>
      </c>
      <c r="C16039">
        <v>9527.25</v>
      </c>
      <c r="D16039">
        <v>4</v>
      </c>
      <c r="E16039">
        <v>3417.62</v>
      </c>
      <c r="F16039">
        <v>79.263800000000003</v>
      </c>
    </row>
    <row r="16040" spans="1:6" x14ac:dyDescent="0.25">
      <c r="A16040">
        <v>171.3</v>
      </c>
      <c r="B16040">
        <v>178.63</v>
      </c>
      <c r="C16040">
        <v>11072.7</v>
      </c>
      <c r="D16040">
        <v>1</v>
      </c>
      <c r="E16040">
        <v>4920.03</v>
      </c>
      <c r="F16040">
        <v>86.072299999999998</v>
      </c>
    </row>
    <row r="16041" spans="1:6" x14ac:dyDescent="0.25">
      <c r="A16041">
        <v>171.3</v>
      </c>
      <c r="B16041">
        <v>178.63</v>
      </c>
      <c r="C16041">
        <v>11072.7</v>
      </c>
      <c r="D16041">
        <v>1.3</v>
      </c>
      <c r="E16041">
        <v>4456.42</v>
      </c>
      <c r="F16041">
        <v>78.077500000000001</v>
      </c>
    </row>
    <row r="16042" spans="1:6" x14ac:dyDescent="0.25">
      <c r="A16042">
        <v>171.3</v>
      </c>
      <c r="B16042">
        <v>178.63</v>
      </c>
      <c r="C16042">
        <v>11072.7</v>
      </c>
      <c r="D16042">
        <v>1.6</v>
      </c>
      <c r="E16042">
        <v>4090.49</v>
      </c>
      <c r="F16042">
        <v>74.488399999999999</v>
      </c>
    </row>
    <row r="16043" spans="1:6" x14ac:dyDescent="0.25">
      <c r="A16043">
        <v>171.3</v>
      </c>
      <c r="B16043">
        <v>178.63</v>
      </c>
      <c r="C16043">
        <v>11072.7</v>
      </c>
      <c r="D16043">
        <v>1.9</v>
      </c>
      <c r="E16043">
        <v>3911.67</v>
      </c>
      <c r="F16043">
        <v>88.646299999999997</v>
      </c>
    </row>
    <row r="16044" spans="1:6" x14ac:dyDescent="0.25">
      <c r="A16044">
        <v>171.3</v>
      </c>
      <c r="B16044">
        <v>178.63</v>
      </c>
      <c r="C16044">
        <v>11072.7</v>
      </c>
      <c r="D16044">
        <v>2.2000000000000002</v>
      </c>
      <c r="E16044">
        <v>3770.06</v>
      </c>
      <c r="F16044">
        <v>88.7102</v>
      </c>
    </row>
    <row r="16045" spans="1:6" x14ac:dyDescent="0.25">
      <c r="A16045">
        <v>171.3</v>
      </c>
      <c r="B16045">
        <v>178.63</v>
      </c>
      <c r="C16045">
        <v>11072.7</v>
      </c>
      <c r="D16045">
        <v>2.5</v>
      </c>
      <c r="E16045">
        <v>3628.78</v>
      </c>
      <c r="F16045">
        <v>90.121499999999997</v>
      </c>
    </row>
    <row r="16046" spans="1:6" x14ac:dyDescent="0.25">
      <c r="A16046">
        <v>171.3</v>
      </c>
      <c r="B16046">
        <v>178.63</v>
      </c>
      <c r="C16046">
        <v>11072.7</v>
      </c>
      <c r="D16046">
        <v>2.8</v>
      </c>
      <c r="E16046">
        <v>3576.13</v>
      </c>
      <c r="F16046">
        <v>81.687899999999999</v>
      </c>
    </row>
    <row r="16047" spans="1:6" x14ac:dyDescent="0.25">
      <c r="A16047">
        <v>171.3</v>
      </c>
      <c r="B16047">
        <v>178.63</v>
      </c>
      <c r="C16047">
        <v>11072.7</v>
      </c>
      <c r="D16047">
        <v>3.1</v>
      </c>
      <c r="E16047">
        <v>3454.94</v>
      </c>
      <c r="F16047">
        <v>77.115099999999998</v>
      </c>
    </row>
    <row r="16048" spans="1:6" x14ac:dyDescent="0.25">
      <c r="A16048">
        <v>171.3</v>
      </c>
      <c r="B16048">
        <v>178.63</v>
      </c>
      <c r="C16048">
        <v>11072.7</v>
      </c>
      <c r="D16048">
        <v>3.4</v>
      </c>
      <c r="E16048">
        <v>3498.06</v>
      </c>
      <c r="F16048">
        <v>80.956699999999998</v>
      </c>
    </row>
    <row r="16049" spans="1:6" x14ac:dyDescent="0.25">
      <c r="A16049">
        <v>171.3</v>
      </c>
      <c r="B16049">
        <v>178.63</v>
      </c>
      <c r="C16049">
        <v>11072.7</v>
      </c>
      <c r="D16049">
        <v>3.7</v>
      </c>
      <c r="E16049">
        <v>3360.73</v>
      </c>
      <c r="F16049">
        <v>92.319900000000004</v>
      </c>
    </row>
    <row r="16050" spans="1:6" x14ac:dyDescent="0.25">
      <c r="A16050">
        <v>171.3</v>
      </c>
      <c r="B16050">
        <v>178.63</v>
      </c>
      <c r="C16050">
        <v>11072.7</v>
      </c>
      <c r="D16050">
        <v>4</v>
      </c>
      <c r="E16050">
        <v>3417.62</v>
      </c>
      <c r="F16050">
        <v>79.263800000000003</v>
      </c>
    </row>
    <row r="16051" spans="1:6" x14ac:dyDescent="0.25">
      <c r="A16051">
        <v>171.3</v>
      </c>
      <c r="B16051">
        <v>178.63</v>
      </c>
      <c r="C16051">
        <v>12618.2</v>
      </c>
      <c r="D16051">
        <v>1</v>
      </c>
      <c r="E16051">
        <v>4920.03</v>
      </c>
      <c r="F16051">
        <v>86.072299999999998</v>
      </c>
    </row>
    <row r="16052" spans="1:6" x14ac:dyDescent="0.25">
      <c r="A16052">
        <v>171.3</v>
      </c>
      <c r="B16052">
        <v>178.63</v>
      </c>
      <c r="C16052">
        <v>12618.2</v>
      </c>
      <c r="D16052">
        <v>1.3</v>
      </c>
      <c r="E16052">
        <v>4456.42</v>
      </c>
      <c r="F16052">
        <v>78.077500000000001</v>
      </c>
    </row>
    <row r="16053" spans="1:6" x14ac:dyDescent="0.25">
      <c r="A16053">
        <v>171.3</v>
      </c>
      <c r="B16053">
        <v>178.63</v>
      </c>
      <c r="C16053">
        <v>12618.2</v>
      </c>
      <c r="D16053">
        <v>1.6</v>
      </c>
      <c r="E16053">
        <v>4090.49</v>
      </c>
      <c r="F16053">
        <v>74.488399999999999</v>
      </c>
    </row>
    <row r="16054" spans="1:6" x14ac:dyDescent="0.25">
      <c r="A16054">
        <v>171.3</v>
      </c>
      <c r="B16054">
        <v>178.63</v>
      </c>
      <c r="C16054">
        <v>12618.2</v>
      </c>
      <c r="D16054">
        <v>1.9</v>
      </c>
      <c r="E16054">
        <v>3911.67</v>
      </c>
      <c r="F16054">
        <v>88.646299999999997</v>
      </c>
    </row>
    <row r="16055" spans="1:6" x14ac:dyDescent="0.25">
      <c r="A16055">
        <v>171.3</v>
      </c>
      <c r="B16055">
        <v>178.63</v>
      </c>
      <c r="C16055">
        <v>12618.2</v>
      </c>
      <c r="D16055">
        <v>2.2000000000000002</v>
      </c>
      <c r="E16055">
        <v>3770.06</v>
      </c>
      <c r="F16055">
        <v>88.7102</v>
      </c>
    </row>
    <row r="16056" spans="1:6" x14ac:dyDescent="0.25">
      <c r="A16056">
        <v>171.3</v>
      </c>
      <c r="B16056">
        <v>178.63</v>
      </c>
      <c r="C16056">
        <v>12618.2</v>
      </c>
      <c r="D16056">
        <v>2.5</v>
      </c>
      <c r="E16056">
        <v>3628.78</v>
      </c>
      <c r="F16056">
        <v>90.121499999999997</v>
      </c>
    </row>
    <row r="16057" spans="1:6" x14ac:dyDescent="0.25">
      <c r="A16057">
        <v>171.3</v>
      </c>
      <c r="B16057">
        <v>178.63</v>
      </c>
      <c r="C16057">
        <v>12618.2</v>
      </c>
      <c r="D16057">
        <v>2.8</v>
      </c>
      <c r="E16057">
        <v>3576.13</v>
      </c>
      <c r="F16057">
        <v>81.687899999999999</v>
      </c>
    </row>
    <row r="16058" spans="1:6" x14ac:dyDescent="0.25">
      <c r="A16058">
        <v>171.3</v>
      </c>
      <c r="B16058">
        <v>178.63</v>
      </c>
      <c r="C16058">
        <v>12618.2</v>
      </c>
      <c r="D16058">
        <v>3.1</v>
      </c>
      <c r="E16058">
        <v>3454.94</v>
      </c>
      <c r="F16058">
        <v>77.115099999999998</v>
      </c>
    </row>
    <row r="16059" spans="1:6" x14ac:dyDescent="0.25">
      <c r="A16059">
        <v>171.3</v>
      </c>
      <c r="B16059">
        <v>178.63</v>
      </c>
      <c r="C16059">
        <v>12618.2</v>
      </c>
      <c r="D16059">
        <v>3.4</v>
      </c>
      <c r="E16059">
        <v>3498.06</v>
      </c>
      <c r="F16059">
        <v>80.956699999999998</v>
      </c>
    </row>
    <row r="16060" spans="1:6" x14ac:dyDescent="0.25">
      <c r="A16060">
        <v>171.3</v>
      </c>
      <c r="B16060">
        <v>178.63</v>
      </c>
      <c r="C16060">
        <v>12618.2</v>
      </c>
      <c r="D16060">
        <v>3.7</v>
      </c>
      <c r="E16060">
        <v>3360.73</v>
      </c>
      <c r="F16060">
        <v>92.319900000000004</v>
      </c>
    </row>
    <row r="16061" spans="1:6" x14ac:dyDescent="0.25">
      <c r="A16061">
        <v>171.3</v>
      </c>
      <c r="B16061">
        <v>178.63</v>
      </c>
      <c r="C16061">
        <v>12618.2</v>
      </c>
      <c r="D16061">
        <v>4</v>
      </c>
      <c r="E16061">
        <v>3417.62</v>
      </c>
      <c r="F16061">
        <v>79.263800000000003</v>
      </c>
    </row>
    <row r="16062" spans="1:6" x14ac:dyDescent="0.25">
      <c r="A16062">
        <v>171.3</v>
      </c>
      <c r="B16062">
        <v>178.63</v>
      </c>
      <c r="C16062">
        <v>14163.6</v>
      </c>
      <c r="D16062">
        <v>1</v>
      </c>
      <c r="E16062">
        <v>4920.03</v>
      </c>
      <c r="F16062">
        <v>86.072299999999998</v>
      </c>
    </row>
    <row r="16063" spans="1:6" x14ac:dyDescent="0.25">
      <c r="A16063">
        <v>171.3</v>
      </c>
      <c r="B16063">
        <v>178.63</v>
      </c>
      <c r="C16063">
        <v>14163.6</v>
      </c>
      <c r="D16063">
        <v>1.3</v>
      </c>
      <c r="E16063">
        <v>4456.42</v>
      </c>
      <c r="F16063">
        <v>78.077500000000001</v>
      </c>
    </row>
    <row r="16064" spans="1:6" x14ac:dyDescent="0.25">
      <c r="A16064">
        <v>171.3</v>
      </c>
      <c r="B16064">
        <v>178.63</v>
      </c>
      <c r="C16064">
        <v>14163.6</v>
      </c>
      <c r="D16064">
        <v>1.6</v>
      </c>
      <c r="E16064">
        <v>4090.49</v>
      </c>
      <c r="F16064">
        <v>74.488399999999999</v>
      </c>
    </row>
    <row r="16065" spans="1:6" x14ac:dyDescent="0.25">
      <c r="A16065">
        <v>171.3</v>
      </c>
      <c r="B16065">
        <v>178.63</v>
      </c>
      <c r="C16065">
        <v>14163.6</v>
      </c>
      <c r="D16065">
        <v>1.9</v>
      </c>
      <c r="E16065">
        <v>3911.67</v>
      </c>
      <c r="F16065">
        <v>88.646299999999997</v>
      </c>
    </row>
    <row r="16066" spans="1:6" x14ac:dyDescent="0.25">
      <c r="A16066">
        <v>171.3</v>
      </c>
      <c r="B16066">
        <v>178.63</v>
      </c>
      <c r="C16066">
        <v>14163.6</v>
      </c>
      <c r="D16066">
        <v>2.2000000000000002</v>
      </c>
      <c r="E16066">
        <v>3770.06</v>
      </c>
      <c r="F16066">
        <v>88.7102</v>
      </c>
    </row>
    <row r="16067" spans="1:6" x14ac:dyDescent="0.25">
      <c r="A16067">
        <v>171.3</v>
      </c>
      <c r="B16067">
        <v>178.63</v>
      </c>
      <c r="C16067">
        <v>14163.6</v>
      </c>
      <c r="D16067">
        <v>2.5</v>
      </c>
      <c r="E16067">
        <v>3628.78</v>
      </c>
      <c r="F16067">
        <v>90.121499999999997</v>
      </c>
    </row>
    <row r="16068" spans="1:6" x14ac:dyDescent="0.25">
      <c r="A16068">
        <v>171.3</v>
      </c>
      <c r="B16068">
        <v>178.63</v>
      </c>
      <c r="C16068">
        <v>14163.6</v>
      </c>
      <c r="D16068">
        <v>2.8</v>
      </c>
      <c r="E16068">
        <v>3576.13</v>
      </c>
      <c r="F16068">
        <v>81.687899999999999</v>
      </c>
    </row>
    <row r="16069" spans="1:6" x14ac:dyDescent="0.25">
      <c r="A16069">
        <v>171.3</v>
      </c>
      <c r="B16069">
        <v>178.63</v>
      </c>
      <c r="C16069">
        <v>14163.6</v>
      </c>
      <c r="D16069">
        <v>3.1</v>
      </c>
      <c r="E16069">
        <v>3454.94</v>
      </c>
      <c r="F16069">
        <v>77.115099999999998</v>
      </c>
    </row>
    <row r="16070" spans="1:6" x14ac:dyDescent="0.25">
      <c r="A16070">
        <v>171.3</v>
      </c>
      <c r="B16070">
        <v>178.63</v>
      </c>
      <c r="C16070">
        <v>14163.6</v>
      </c>
      <c r="D16070">
        <v>3.4</v>
      </c>
      <c r="E16070">
        <v>3498.06</v>
      </c>
      <c r="F16070">
        <v>80.956699999999998</v>
      </c>
    </row>
    <row r="16071" spans="1:6" x14ac:dyDescent="0.25">
      <c r="A16071">
        <v>171.3</v>
      </c>
      <c r="B16071">
        <v>178.63</v>
      </c>
      <c r="C16071">
        <v>14163.6</v>
      </c>
      <c r="D16071">
        <v>3.7</v>
      </c>
      <c r="E16071">
        <v>3360.73</v>
      </c>
      <c r="F16071">
        <v>92.319900000000004</v>
      </c>
    </row>
    <row r="16072" spans="1:6" x14ac:dyDescent="0.25">
      <c r="A16072">
        <v>171.3</v>
      </c>
      <c r="B16072">
        <v>178.63</v>
      </c>
      <c r="C16072">
        <v>14163.6</v>
      </c>
      <c r="D16072">
        <v>4</v>
      </c>
      <c r="E16072">
        <v>3417.62</v>
      </c>
      <c r="F16072">
        <v>79.263800000000003</v>
      </c>
    </row>
    <row r="16073" spans="1:6" x14ac:dyDescent="0.25">
      <c r="A16073">
        <v>171.3</v>
      </c>
      <c r="B16073">
        <v>178.63</v>
      </c>
      <c r="C16073">
        <v>15709.1</v>
      </c>
      <c r="D16073">
        <v>1</v>
      </c>
      <c r="E16073">
        <v>4920.03</v>
      </c>
      <c r="F16073">
        <v>86.072299999999998</v>
      </c>
    </row>
    <row r="16074" spans="1:6" x14ac:dyDescent="0.25">
      <c r="A16074">
        <v>171.3</v>
      </c>
      <c r="B16074">
        <v>178.63</v>
      </c>
      <c r="C16074">
        <v>15709.1</v>
      </c>
      <c r="D16074">
        <v>1.3</v>
      </c>
      <c r="E16074">
        <v>4456.42</v>
      </c>
      <c r="F16074">
        <v>78.077500000000001</v>
      </c>
    </row>
    <row r="16075" spans="1:6" x14ac:dyDescent="0.25">
      <c r="A16075">
        <v>171.3</v>
      </c>
      <c r="B16075">
        <v>178.63</v>
      </c>
      <c r="C16075">
        <v>15709.1</v>
      </c>
      <c r="D16075">
        <v>1.6</v>
      </c>
      <c r="E16075">
        <v>4090.49</v>
      </c>
      <c r="F16075">
        <v>74.488399999999999</v>
      </c>
    </row>
    <row r="16076" spans="1:6" x14ac:dyDescent="0.25">
      <c r="A16076">
        <v>171.3</v>
      </c>
      <c r="B16076">
        <v>178.63</v>
      </c>
      <c r="C16076">
        <v>15709.1</v>
      </c>
      <c r="D16076">
        <v>1.9</v>
      </c>
      <c r="E16076">
        <v>3911.67</v>
      </c>
      <c r="F16076">
        <v>88.646299999999997</v>
      </c>
    </row>
    <row r="16077" spans="1:6" x14ac:dyDescent="0.25">
      <c r="A16077">
        <v>171.3</v>
      </c>
      <c r="B16077">
        <v>178.63</v>
      </c>
      <c r="C16077">
        <v>15709.1</v>
      </c>
      <c r="D16077">
        <v>2.2000000000000002</v>
      </c>
      <c r="E16077">
        <v>3770.06</v>
      </c>
      <c r="F16077">
        <v>88.7102</v>
      </c>
    </row>
    <row r="16078" spans="1:6" x14ac:dyDescent="0.25">
      <c r="A16078">
        <v>171.3</v>
      </c>
      <c r="B16078">
        <v>178.63</v>
      </c>
      <c r="C16078">
        <v>15709.1</v>
      </c>
      <c r="D16078">
        <v>2.5</v>
      </c>
      <c r="E16078">
        <v>3628.78</v>
      </c>
      <c r="F16078">
        <v>90.121499999999997</v>
      </c>
    </row>
    <row r="16079" spans="1:6" x14ac:dyDescent="0.25">
      <c r="A16079">
        <v>171.3</v>
      </c>
      <c r="B16079">
        <v>178.63</v>
      </c>
      <c r="C16079">
        <v>15709.1</v>
      </c>
      <c r="D16079">
        <v>2.8</v>
      </c>
      <c r="E16079">
        <v>3576.13</v>
      </c>
      <c r="F16079">
        <v>81.687899999999999</v>
      </c>
    </row>
    <row r="16080" spans="1:6" x14ac:dyDescent="0.25">
      <c r="A16080">
        <v>171.3</v>
      </c>
      <c r="B16080">
        <v>178.63</v>
      </c>
      <c r="C16080">
        <v>15709.1</v>
      </c>
      <c r="D16080">
        <v>3.1</v>
      </c>
      <c r="E16080">
        <v>3454.94</v>
      </c>
      <c r="F16080">
        <v>77.115099999999998</v>
      </c>
    </row>
    <row r="16081" spans="1:6" x14ac:dyDescent="0.25">
      <c r="A16081">
        <v>171.3</v>
      </c>
      <c r="B16081">
        <v>178.63</v>
      </c>
      <c r="C16081">
        <v>15709.1</v>
      </c>
      <c r="D16081">
        <v>3.4</v>
      </c>
      <c r="E16081">
        <v>3498.06</v>
      </c>
      <c r="F16081">
        <v>80.956699999999998</v>
      </c>
    </row>
    <row r="16082" spans="1:6" x14ac:dyDescent="0.25">
      <c r="A16082">
        <v>171.3</v>
      </c>
      <c r="B16082">
        <v>178.63</v>
      </c>
      <c r="C16082">
        <v>15709.1</v>
      </c>
      <c r="D16082">
        <v>3.7</v>
      </c>
      <c r="E16082">
        <v>3360.73</v>
      </c>
      <c r="F16082">
        <v>92.319900000000004</v>
      </c>
    </row>
    <row r="16083" spans="1:6" x14ac:dyDescent="0.25">
      <c r="A16083">
        <v>171.3</v>
      </c>
      <c r="B16083">
        <v>178.63</v>
      </c>
      <c r="C16083">
        <v>15709.1</v>
      </c>
      <c r="D16083">
        <v>4</v>
      </c>
      <c r="E16083">
        <v>3417.62</v>
      </c>
      <c r="F16083">
        <v>79.263800000000003</v>
      </c>
    </row>
    <row r="16084" spans="1:6" x14ac:dyDescent="0.25">
      <c r="A16084">
        <v>171.3</v>
      </c>
      <c r="B16084">
        <v>178.63</v>
      </c>
      <c r="C16084">
        <v>17254.5</v>
      </c>
      <c r="D16084">
        <v>1</v>
      </c>
      <c r="E16084">
        <v>4920.03</v>
      </c>
      <c r="F16084">
        <v>86.072299999999998</v>
      </c>
    </row>
    <row r="16085" spans="1:6" x14ac:dyDescent="0.25">
      <c r="A16085">
        <v>171.3</v>
      </c>
      <c r="B16085">
        <v>178.63</v>
      </c>
      <c r="C16085">
        <v>17254.5</v>
      </c>
      <c r="D16085">
        <v>1.3</v>
      </c>
      <c r="E16085">
        <v>4456.42</v>
      </c>
      <c r="F16085">
        <v>78.077500000000001</v>
      </c>
    </row>
    <row r="16086" spans="1:6" x14ac:dyDescent="0.25">
      <c r="A16086">
        <v>171.3</v>
      </c>
      <c r="B16086">
        <v>178.63</v>
      </c>
      <c r="C16086">
        <v>17254.5</v>
      </c>
      <c r="D16086">
        <v>1.6</v>
      </c>
      <c r="E16086">
        <v>4090.49</v>
      </c>
      <c r="F16086">
        <v>74.488399999999999</v>
      </c>
    </row>
    <row r="16087" spans="1:6" x14ac:dyDescent="0.25">
      <c r="A16087">
        <v>171.3</v>
      </c>
      <c r="B16087">
        <v>178.63</v>
      </c>
      <c r="C16087">
        <v>17254.5</v>
      </c>
      <c r="D16087">
        <v>1.9</v>
      </c>
      <c r="E16087">
        <v>3911.67</v>
      </c>
      <c r="F16087">
        <v>88.646299999999997</v>
      </c>
    </row>
    <row r="16088" spans="1:6" x14ac:dyDescent="0.25">
      <c r="A16088">
        <v>171.3</v>
      </c>
      <c r="B16088">
        <v>178.63</v>
      </c>
      <c r="C16088">
        <v>17254.5</v>
      </c>
      <c r="D16088">
        <v>2.2000000000000002</v>
      </c>
      <c r="E16088">
        <v>3770.06</v>
      </c>
      <c r="F16088">
        <v>88.7102</v>
      </c>
    </row>
    <row r="16089" spans="1:6" x14ac:dyDescent="0.25">
      <c r="A16089">
        <v>171.3</v>
      </c>
      <c r="B16089">
        <v>178.63</v>
      </c>
      <c r="C16089">
        <v>17254.5</v>
      </c>
      <c r="D16089">
        <v>2.5</v>
      </c>
      <c r="E16089">
        <v>3628.78</v>
      </c>
      <c r="F16089">
        <v>90.121499999999997</v>
      </c>
    </row>
    <row r="16090" spans="1:6" x14ac:dyDescent="0.25">
      <c r="A16090">
        <v>171.3</v>
      </c>
      <c r="B16090">
        <v>178.63</v>
      </c>
      <c r="C16090">
        <v>17254.5</v>
      </c>
      <c r="D16090">
        <v>2.8</v>
      </c>
      <c r="E16090">
        <v>3576.13</v>
      </c>
      <c r="F16090">
        <v>81.687899999999999</v>
      </c>
    </row>
    <row r="16091" spans="1:6" x14ac:dyDescent="0.25">
      <c r="A16091">
        <v>171.3</v>
      </c>
      <c r="B16091">
        <v>178.63</v>
      </c>
      <c r="C16091">
        <v>17254.5</v>
      </c>
      <c r="D16091">
        <v>3.1</v>
      </c>
      <c r="E16091">
        <v>3454.94</v>
      </c>
      <c r="F16091">
        <v>77.115099999999998</v>
      </c>
    </row>
    <row r="16092" spans="1:6" x14ac:dyDescent="0.25">
      <c r="A16092">
        <v>171.3</v>
      </c>
      <c r="B16092">
        <v>178.63</v>
      </c>
      <c r="C16092">
        <v>17254.5</v>
      </c>
      <c r="D16092">
        <v>3.4</v>
      </c>
      <c r="E16092">
        <v>3498.06</v>
      </c>
      <c r="F16092">
        <v>80.956699999999998</v>
      </c>
    </row>
    <row r="16093" spans="1:6" x14ac:dyDescent="0.25">
      <c r="A16093">
        <v>171.3</v>
      </c>
      <c r="B16093">
        <v>178.63</v>
      </c>
      <c r="C16093">
        <v>17254.5</v>
      </c>
      <c r="D16093">
        <v>3.7</v>
      </c>
      <c r="E16093">
        <v>3360.73</v>
      </c>
      <c r="F16093">
        <v>92.319900000000004</v>
      </c>
    </row>
    <row r="16094" spans="1:6" x14ac:dyDescent="0.25">
      <c r="A16094">
        <v>171.3</v>
      </c>
      <c r="B16094">
        <v>178.63</v>
      </c>
      <c r="C16094">
        <v>17254.5</v>
      </c>
      <c r="D16094">
        <v>4</v>
      </c>
      <c r="E16094">
        <v>3417.62</v>
      </c>
      <c r="F16094">
        <v>79.263800000000003</v>
      </c>
    </row>
    <row r="16095" spans="1:6" x14ac:dyDescent="0.25">
      <c r="A16095">
        <v>171.3</v>
      </c>
      <c r="B16095">
        <v>178.63</v>
      </c>
      <c r="C16095">
        <v>18800</v>
      </c>
      <c r="D16095">
        <v>1</v>
      </c>
      <c r="E16095">
        <v>4920.03</v>
      </c>
      <c r="F16095">
        <v>86.072299999999998</v>
      </c>
    </row>
    <row r="16096" spans="1:6" x14ac:dyDescent="0.25">
      <c r="A16096">
        <v>171.3</v>
      </c>
      <c r="B16096">
        <v>178.63</v>
      </c>
      <c r="C16096">
        <v>18800</v>
      </c>
      <c r="D16096">
        <v>1.3</v>
      </c>
      <c r="E16096">
        <v>4456.42</v>
      </c>
      <c r="F16096">
        <v>78.077500000000001</v>
      </c>
    </row>
    <row r="16097" spans="1:6" x14ac:dyDescent="0.25">
      <c r="A16097">
        <v>171.3</v>
      </c>
      <c r="B16097">
        <v>178.63</v>
      </c>
      <c r="C16097">
        <v>18800</v>
      </c>
      <c r="D16097">
        <v>1.6</v>
      </c>
      <c r="E16097">
        <v>4090.49</v>
      </c>
      <c r="F16097">
        <v>74.488399999999999</v>
      </c>
    </row>
    <row r="16098" spans="1:6" x14ac:dyDescent="0.25">
      <c r="A16098">
        <v>171.3</v>
      </c>
      <c r="B16098">
        <v>178.63</v>
      </c>
      <c r="C16098">
        <v>18800</v>
      </c>
      <c r="D16098">
        <v>1.9</v>
      </c>
      <c r="E16098">
        <v>3911.67</v>
      </c>
      <c r="F16098">
        <v>88.646299999999997</v>
      </c>
    </row>
    <row r="16099" spans="1:6" x14ac:dyDescent="0.25">
      <c r="A16099">
        <v>171.3</v>
      </c>
      <c r="B16099">
        <v>178.63</v>
      </c>
      <c r="C16099">
        <v>18800</v>
      </c>
      <c r="D16099">
        <v>2.2000000000000002</v>
      </c>
      <c r="E16099">
        <v>3770.06</v>
      </c>
      <c r="F16099">
        <v>88.7102</v>
      </c>
    </row>
    <row r="16100" spans="1:6" x14ac:dyDescent="0.25">
      <c r="A16100">
        <v>171.3</v>
      </c>
      <c r="B16100">
        <v>178.63</v>
      </c>
      <c r="C16100">
        <v>18800</v>
      </c>
      <c r="D16100">
        <v>2.5</v>
      </c>
      <c r="E16100">
        <v>3628.78</v>
      </c>
      <c r="F16100">
        <v>90.121499999999997</v>
      </c>
    </row>
    <row r="16101" spans="1:6" x14ac:dyDescent="0.25">
      <c r="A16101">
        <v>171.3</v>
      </c>
      <c r="B16101">
        <v>178.63</v>
      </c>
      <c r="C16101">
        <v>18800</v>
      </c>
      <c r="D16101">
        <v>2.8</v>
      </c>
      <c r="E16101">
        <v>3576.13</v>
      </c>
      <c r="F16101">
        <v>81.687899999999999</v>
      </c>
    </row>
    <row r="16102" spans="1:6" x14ac:dyDescent="0.25">
      <c r="A16102">
        <v>171.3</v>
      </c>
      <c r="B16102">
        <v>178.63</v>
      </c>
      <c r="C16102">
        <v>18800</v>
      </c>
      <c r="D16102">
        <v>3.1</v>
      </c>
      <c r="E16102">
        <v>3454.94</v>
      </c>
      <c r="F16102">
        <v>77.115099999999998</v>
      </c>
    </row>
    <row r="16103" spans="1:6" x14ac:dyDescent="0.25">
      <c r="A16103">
        <v>171.3</v>
      </c>
      <c r="B16103">
        <v>178.63</v>
      </c>
      <c r="C16103">
        <v>18800</v>
      </c>
      <c r="D16103">
        <v>3.4</v>
      </c>
      <c r="E16103">
        <v>3498.06</v>
      </c>
      <c r="F16103">
        <v>80.956699999999998</v>
      </c>
    </row>
    <row r="16104" spans="1:6" x14ac:dyDescent="0.25">
      <c r="A16104">
        <v>171.3</v>
      </c>
      <c r="B16104">
        <v>178.63</v>
      </c>
      <c r="C16104">
        <v>18800</v>
      </c>
      <c r="D16104">
        <v>3.7</v>
      </c>
      <c r="E16104">
        <v>3360.73</v>
      </c>
      <c r="F16104">
        <v>92.319900000000004</v>
      </c>
    </row>
    <row r="16105" spans="1:6" x14ac:dyDescent="0.25">
      <c r="A16105">
        <v>171.3</v>
      </c>
      <c r="B16105">
        <v>178.63</v>
      </c>
      <c r="C16105">
        <v>18800</v>
      </c>
      <c r="D16105">
        <v>4</v>
      </c>
      <c r="E16105">
        <v>3417.62</v>
      </c>
      <c r="F16105">
        <v>79.263800000000003</v>
      </c>
    </row>
    <row r="16106" spans="1:6" x14ac:dyDescent="0.25">
      <c r="A16106">
        <v>171.3</v>
      </c>
      <c r="B16106">
        <v>182.26</v>
      </c>
      <c r="C16106">
        <v>1800</v>
      </c>
      <c r="D16106">
        <v>1</v>
      </c>
      <c r="E16106">
        <v>4920.03</v>
      </c>
      <c r="F16106">
        <v>86.072299999999998</v>
      </c>
    </row>
    <row r="16107" spans="1:6" x14ac:dyDescent="0.25">
      <c r="A16107">
        <v>171.3</v>
      </c>
      <c r="B16107">
        <v>182.26</v>
      </c>
      <c r="C16107">
        <v>1800</v>
      </c>
      <c r="D16107">
        <v>1.3</v>
      </c>
      <c r="E16107">
        <v>4456.42</v>
      </c>
      <c r="F16107">
        <v>78.077500000000001</v>
      </c>
    </row>
    <row r="16108" spans="1:6" x14ac:dyDescent="0.25">
      <c r="A16108">
        <v>171.3</v>
      </c>
      <c r="B16108">
        <v>182.26</v>
      </c>
      <c r="C16108">
        <v>1800</v>
      </c>
      <c r="D16108">
        <v>1.6</v>
      </c>
      <c r="E16108">
        <v>4090.49</v>
      </c>
      <c r="F16108">
        <v>74.488399999999999</v>
      </c>
    </row>
    <row r="16109" spans="1:6" x14ac:dyDescent="0.25">
      <c r="A16109">
        <v>171.3</v>
      </c>
      <c r="B16109">
        <v>182.26</v>
      </c>
      <c r="C16109">
        <v>1800</v>
      </c>
      <c r="D16109">
        <v>1.9</v>
      </c>
      <c r="E16109">
        <v>3763.97</v>
      </c>
      <c r="F16109">
        <v>88.646299999999997</v>
      </c>
    </row>
    <row r="16110" spans="1:6" x14ac:dyDescent="0.25">
      <c r="A16110">
        <v>171.3</v>
      </c>
      <c r="B16110">
        <v>182.26</v>
      </c>
      <c r="C16110">
        <v>1800</v>
      </c>
      <c r="D16110">
        <v>2.2000000000000002</v>
      </c>
      <c r="E16110">
        <v>3621.99</v>
      </c>
      <c r="F16110">
        <v>88.7102</v>
      </c>
    </row>
    <row r="16111" spans="1:6" x14ac:dyDescent="0.25">
      <c r="A16111">
        <v>171.3</v>
      </c>
      <c r="B16111">
        <v>182.26</v>
      </c>
      <c r="C16111">
        <v>1800</v>
      </c>
      <c r="D16111">
        <v>2.5</v>
      </c>
      <c r="E16111">
        <v>3369.2</v>
      </c>
      <c r="F16111">
        <v>90.121499999999997</v>
      </c>
    </row>
    <row r="16112" spans="1:6" x14ac:dyDescent="0.25">
      <c r="A16112">
        <v>171.3</v>
      </c>
      <c r="B16112">
        <v>182.26</v>
      </c>
      <c r="C16112">
        <v>1800</v>
      </c>
      <c r="D16112">
        <v>2.8</v>
      </c>
      <c r="E16112">
        <v>3250.65</v>
      </c>
      <c r="F16112">
        <v>81.687899999999999</v>
      </c>
    </row>
    <row r="16113" spans="1:6" x14ac:dyDescent="0.25">
      <c r="A16113">
        <v>171.3</v>
      </c>
      <c r="B16113">
        <v>182.26</v>
      </c>
      <c r="C16113">
        <v>1800</v>
      </c>
      <c r="D16113">
        <v>3.1</v>
      </c>
      <c r="E16113">
        <v>3243.49</v>
      </c>
      <c r="F16113">
        <v>77.115099999999998</v>
      </c>
    </row>
    <row r="16114" spans="1:6" x14ac:dyDescent="0.25">
      <c r="A16114">
        <v>171.3</v>
      </c>
      <c r="B16114">
        <v>182.26</v>
      </c>
      <c r="C16114">
        <v>1800</v>
      </c>
      <c r="D16114">
        <v>3.4</v>
      </c>
      <c r="E16114">
        <v>3181.86</v>
      </c>
      <c r="F16114">
        <v>80.956699999999998</v>
      </c>
    </row>
    <row r="16115" spans="1:6" x14ac:dyDescent="0.25">
      <c r="A16115">
        <v>171.3</v>
      </c>
      <c r="B16115">
        <v>182.26</v>
      </c>
      <c r="C16115">
        <v>1800</v>
      </c>
      <c r="D16115">
        <v>3.7</v>
      </c>
      <c r="E16115">
        <v>3060.25</v>
      </c>
      <c r="F16115">
        <v>92.319900000000004</v>
      </c>
    </row>
    <row r="16116" spans="1:6" x14ac:dyDescent="0.25">
      <c r="A16116">
        <v>171.3</v>
      </c>
      <c r="B16116">
        <v>182.26</v>
      </c>
      <c r="C16116">
        <v>1800</v>
      </c>
      <c r="D16116">
        <v>4</v>
      </c>
      <c r="E16116">
        <v>3074.71</v>
      </c>
      <c r="F16116">
        <v>79.263800000000003</v>
      </c>
    </row>
    <row r="16117" spans="1:6" x14ac:dyDescent="0.25">
      <c r="A16117">
        <v>171.3</v>
      </c>
      <c r="B16117">
        <v>182.26</v>
      </c>
      <c r="C16117">
        <v>3345.45</v>
      </c>
      <c r="D16117">
        <v>1</v>
      </c>
      <c r="E16117">
        <v>4920.03</v>
      </c>
      <c r="F16117">
        <v>86.072299999999998</v>
      </c>
    </row>
    <row r="16118" spans="1:6" x14ac:dyDescent="0.25">
      <c r="A16118">
        <v>171.3</v>
      </c>
      <c r="B16118">
        <v>182.26</v>
      </c>
      <c r="C16118">
        <v>3345.45</v>
      </c>
      <c r="D16118">
        <v>1.3</v>
      </c>
      <c r="E16118">
        <v>4456.42</v>
      </c>
      <c r="F16118">
        <v>78.077500000000001</v>
      </c>
    </row>
    <row r="16119" spans="1:6" x14ac:dyDescent="0.25">
      <c r="A16119">
        <v>171.3</v>
      </c>
      <c r="B16119">
        <v>182.26</v>
      </c>
      <c r="C16119">
        <v>3345.45</v>
      </c>
      <c r="D16119">
        <v>1.6</v>
      </c>
      <c r="E16119">
        <v>4090.49</v>
      </c>
      <c r="F16119">
        <v>74.488399999999999</v>
      </c>
    </row>
    <row r="16120" spans="1:6" x14ac:dyDescent="0.25">
      <c r="A16120">
        <v>171.3</v>
      </c>
      <c r="B16120">
        <v>182.26</v>
      </c>
      <c r="C16120">
        <v>3345.45</v>
      </c>
      <c r="D16120">
        <v>1.9</v>
      </c>
      <c r="E16120">
        <v>3911.67</v>
      </c>
      <c r="F16120">
        <v>88.646299999999997</v>
      </c>
    </row>
    <row r="16121" spans="1:6" x14ac:dyDescent="0.25">
      <c r="A16121">
        <v>171.3</v>
      </c>
      <c r="B16121">
        <v>182.26</v>
      </c>
      <c r="C16121">
        <v>3345.45</v>
      </c>
      <c r="D16121">
        <v>2.2000000000000002</v>
      </c>
      <c r="E16121">
        <v>3770.06</v>
      </c>
      <c r="F16121">
        <v>88.7102</v>
      </c>
    </row>
    <row r="16122" spans="1:6" x14ac:dyDescent="0.25">
      <c r="A16122">
        <v>171.3</v>
      </c>
      <c r="B16122">
        <v>182.26</v>
      </c>
      <c r="C16122">
        <v>3345.45</v>
      </c>
      <c r="D16122">
        <v>2.5</v>
      </c>
      <c r="E16122">
        <v>3628.78</v>
      </c>
      <c r="F16122">
        <v>90.121499999999997</v>
      </c>
    </row>
    <row r="16123" spans="1:6" x14ac:dyDescent="0.25">
      <c r="A16123">
        <v>171.3</v>
      </c>
      <c r="B16123">
        <v>182.26</v>
      </c>
      <c r="C16123">
        <v>3345.45</v>
      </c>
      <c r="D16123">
        <v>2.8</v>
      </c>
      <c r="E16123">
        <v>3576.13</v>
      </c>
      <c r="F16123">
        <v>81.687899999999999</v>
      </c>
    </row>
    <row r="16124" spans="1:6" x14ac:dyDescent="0.25">
      <c r="A16124">
        <v>171.3</v>
      </c>
      <c r="B16124">
        <v>182.26</v>
      </c>
      <c r="C16124">
        <v>3345.45</v>
      </c>
      <c r="D16124">
        <v>3.1</v>
      </c>
      <c r="E16124">
        <v>3454.94</v>
      </c>
      <c r="F16124">
        <v>77.115099999999998</v>
      </c>
    </row>
    <row r="16125" spans="1:6" x14ac:dyDescent="0.25">
      <c r="A16125">
        <v>171.3</v>
      </c>
      <c r="B16125">
        <v>182.26</v>
      </c>
      <c r="C16125">
        <v>3345.45</v>
      </c>
      <c r="D16125">
        <v>3.4</v>
      </c>
      <c r="E16125">
        <v>3498.06</v>
      </c>
      <c r="F16125">
        <v>80.956699999999998</v>
      </c>
    </row>
    <row r="16126" spans="1:6" x14ac:dyDescent="0.25">
      <c r="A16126">
        <v>171.3</v>
      </c>
      <c r="B16126">
        <v>182.26</v>
      </c>
      <c r="C16126">
        <v>3345.45</v>
      </c>
      <c r="D16126">
        <v>3.7</v>
      </c>
      <c r="E16126">
        <v>3360.73</v>
      </c>
      <c r="F16126">
        <v>92.319900000000004</v>
      </c>
    </row>
    <row r="16127" spans="1:6" x14ac:dyDescent="0.25">
      <c r="A16127">
        <v>171.3</v>
      </c>
      <c r="B16127">
        <v>182.26</v>
      </c>
      <c r="C16127">
        <v>3345.45</v>
      </c>
      <c r="D16127">
        <v>4</v>
      </c>
      <c r="E16127">
        <v>3417.62</v>
      </c>
      <c r="F16127">
        <v>79.263800000000003</v>
      </c>
    </row>
    <row r="16128" spans="1:6" x14ac:dyDescent="0.25">
      <c r="A16128">
        <v>171.3</v>
      </c>
      <c r="B16128">
        <v>182.26</v>
      </c>
      <c r="C16128">
        <v>4890.8999999999996</v>
      </c>
      <c r="D16128">
        <v>1</v>
      </c>
      <c r="E16128">
        <v>4920.03</v>
      </c>
      <c r="F16128">
        <v>86.072299999999998</v>
      </c>
    </row>
    <row r="16129" spans="1:6" x14ac:dyDescent="0.25">
      <c r="A16129">
        <v>171.3</v>
      </c>
      <c r="B16129">
        <v>182.26</v>
      </c>
      <c r="C16129">
        <v>4890.8999999999996</v>
      </c>
      <c r="D16129">
        <v>1.3</v>
      </c>
      <c r="E16129">
        <v>4456.42</v>
      </c>
      <c r="F16129">
        <v>78.077500000000001</v>
      </c>
    </row>
    <row r="16130" spans="1:6" x14ac:dyDescent="0.25">
      <c r="A16130">
        <v>171.3</v>
      </c>
      <c r="B16130">
        <v>182.26</v>
      </c>
      <c r="C16130">
        <v>4890.8999999999996</v>
      </c>
      <c r="D16130">
        <v>1.6</v>
      </c>
      <c r="E16130">
        <v>4090.49</v>
      </c>
      <c r="F16130">
        <v>74.488399999999999</v>
      </c>
    </row>
    <row r="16131" spans="1:6" x14ac:dyDescent="0.25">
      <c r="A16131">
        <v>171.3</v>
      </c>
      <c r="B16131">
        <v>182.26</v>
      </c>
      <c r="C16131">
        <v>4890.8999999999996</v>
      </c>
      <c r="D16131">
        <v>1.9</v>
      </c>
      <c r="E16131">
        <v>3911.67</v>
      </c>
      <c r="F16131">
        <v>88.646299999999997</v>
      </c>
    </row>
    <row r="16132" spans="1:6" x14ac:dyDescent="0.25">
      <c r="A16132">
        <v>171.3</v>
      </c>
      <c r="B16132">
        <v>182.26</v>
      </c>
      <c r="C16132">
        <v>4890.8999999999996</v>
      </c>
      <c r="D16132">
        <v>2.2000000000000002</v>
      </c>
      <c r="E16132">
        <v>3770.06</v>
      </c>
      <c r="F16132">
        <v>88.7102</v>
      </c>
    </row>
    <row r="16133" spans="1:6" x14ac:dyDescent="0.25">
      <c r="A16133">
        <v>171.3</v>
      </c>
      <c r="B16133">
        <v>182.26</v>
      </c>
      <c r="C16133">
        <v>4890.8999999999996</v>
      </c>
      <c r="D16133">
        <v>2.5</v>
      </c>
      <c r="E16133">
        <v>3628.78</v>
      </c>
      <c r="F16133">
        <v>90.121499999999997</v>
      </c>
    </row>
    <row r="16134" spans="1:6" x14ac:dyDescent="0.25">
      <c r="A16134">
        <v>171.3</v>
      </c>
      <c r="B16134">
        <v>182.26</v>
      </c>
      <c r="C16134">
        <v>4890.8999999999996</v>
      </c>
      <c r="D16134">
        <v>2.8</v>
      </c>
      <c r="E16134">
        <v>3576.13</v>
      </c>
      <c r="F16134">
        <v>81.687899999999999</v>
      </c>
    </row>
    <row r="16135" spans="1:6" x14ac:dyDescent="0.25">
      <c r="A16135">
        <v>171.3</v>
      </c>
      <c r="B16135">
        <v>182.26</v>
      </c>
      <c r="C16135">
        <v>4890.8999999999996</v>
      </c>
      <c r="D16135">
        <v>3.1</v>
      </c>
      <c r="E16135">
        <v>3454.94</v>
      </c>
      <c r="F16135">
        <v>77.115099999999998</v>
      </c>
    </row>
    <row r="16136" spans="1:6" x14ac:dyDescent="0.25">
      <c r="A16136">
        <v>171.3</v>
      </c>
      <c r="B16136">
        <v>182.26</v>
      </c>
      <c r="C16136">
        <v>4890.8999999999996</v>
      </c>
      <c r="D16136">
        <v>3.4</v>
      </c>
      <c r="E16136">
        <v>3498.06</v>
      </c>
      <c r="F16136">
        <v>80.956699999999998</v>
      </c>
    </row>
    <row r="16137" spans="1:6" x14ac:dyDescent="0.25">
      <c r="A16137">
        <v>171.3</v>
      </c>
      <c r="B16137">
        <v>182.26</v>
      </c>
      <c r="C16137">
        <v>4890.8999999999996</v>
      </c>
      <c r="D16137">
        <v>3.7</v>
      </c>
      <c r="E16137">
        <v>3360.73</v>
      </c>
      <c r="F16137">
        <v>92.319900000000004</v>
      </c>
    </row>
    <row r="16138" spans="1:6" x14ac:dyDescent="0.25">
      <c r="A16138">
        <v>171.3</v>
      </c>
      <c r="B16138">
        <v>182.26</v>
      </c>
      <c r="C16138">
        <v>4890.8999999999996</v>
      </c>
      <c r="D16138">
        <v>4</v>
      </c>
      <c r="E16138">
        <v>3417.62</v>
      </c>
      <c r="F16138">
        <v>79.263800000000003</v>
      </c>
    </row>
    <row r="16139" spans="1:6" x14ac:dyDescent="0.25">
      <c r="A16139">
        <v>171.3</v>
      </c>
      <c r="B16139">
        <v>182.26</v>
      </c>
      <c r="C16139">
        <v>6436.35</v>
      </c>
      <c r="D16139">
        <v>1</v>
      </c>
      <c r="E16139">
        <v>4920.03</v>
      </c>
      <c r="F16139">
        <v>86.072299999999998</v>
      </c>
    </row>
    <row r="16140" spans="1:6" x14ac:dyDescent="0.25">
      <c r="A16140">
        <v>171.3</v>
      </c>
      <c r="B16140">
        <v>182.26</v>
      </c>
      <c r="C16140">
        <v>6436.35</v>
      </c>
      <c r="D16140">
        <v>1.3</v>
      </c>
      <c r="E16140">
        <v>4456.42</v>
      </c>
      <c r="F16140">
        <v>78.077500000000001</v>
      </c>
    </row>
    <row r="16141" spans="1:6" x14ac:dyDescent="0.25">
      <c r="A16141">
        <v>171.3</v>
      </c>
      <c r="B16141">
        <v>182.26</v>
      </c>
      <c r="C16141">
        <v>6436.35</v>
      </c>
      <c r="D16141">
        <v>1.6</v>
      </c>
      <c r="E16141">
        <v>4090.49</v>
      </c>
      <c r="F16141">
        <v>74.488399999999999</v>
      </c>
    </row>
    <row r="16142" spans="1:6" x14ac:dyDescent="0.25">
      <c r="A16142">
        <v>171.3</v>
      </c>
      <c r="B16142">
        <v>182.26</v>
      </c>
      <c r="C16142">
        <v>6436.35</v>
      </c>
      <c r="D16142">
        <v>1.9</v>
      </c>
      <c r="E16142">
        <v>3911.67</v>
      </c>
      <c r="F16142">
        <v>88.646299999999997</v>
      </c>
    </row>
    <row r="16143" spans="1:6" x14ac:dyDescent="0.25">
      <c r="A16143">
        <v>171.3</v>
      </c>
      <c r="B16143">
        <v>182.26</v>
      </c>
      <c r="C16143">
        <v>6436.35</v>
      </c>
      <c r="D16143">
        <v>2.2000000000000002</v>
      </c>
      <c r="E16143">
        <v>3770.06</v>
      </c>
      <c r="F16143">
        <v>88.7102</v>
      </c>
    </row>
    <row r="16144" spans="1:6" x14ac:dyDescent="0.25">
      <c r="A16144">
        <v>171.3</v>
      </c>
      <c r="B16144">
        <v>182.26</v>
      </c>
      <c r="C16144">
        <v>6436.35</v>
      </c>
      <c r="D16144">
        <v>2.5</v>
      </c>
      <c r="E16144">
        <v>3628.78</v>
      </c>
      <c r="F16144">
        <v>90.121499999999997</v>
      </c>
    </row>
    <row r="16145" spans="1:6" x14ac:dyDescent="0.25">
      <c r="A16145">
        <v>171.3</v>
      </c>
      <c r="B16145">
        <v>182.26</v>
      </c>
      <c r="C16145">
        <v>6436.35</v>
      </c>
      <c r="D16145">
        <v>2.8</v>
      </c>
      <c r="E16145">
        <v>3576.13</v>
      </c>
      <c r="F16145">
        <v>81.687899999999999</v>
      </c>
    </row>
    <row r="16146" spans="1:6" x14ac:dyDescent="0.25">
      <c r="A16146">
        <v>171.3</v>
      </c>
      <c r="B16146">
        <v>182.26</v>
      </c>
      <c r="C16146">
        <v>6436.35</v>
      </c>
      <c r="D16146">
        <v>3.1</v>
      </c>
      <c r="E16146">
        <v>3454.94</v>
      </c>
      <c r="F16146">
        <v>77.115099999999998</v>
      </c>
    </row>
    <row r="16147" spans="1:6" x14ac:dyDescent="0.25">
      <c r="A16147">
        <v>171.3</v>
      </c>
      <c r="B16147">
        <v>182.26</v>
      </c>
      <c r="C16147">
        <v>6436.35</v>
      </c>
      <c r="D16147">
        <v>3.4</v>
      </c>
      <c r="E16147">
        <v>3498.06</v>
      </c>
      <c r="F16147">
        <v>80.956699999999998</v>
      </c>
    </row>
    <row r="16148" spans="1:6" x14ac:dyDescent="0.25">
      <c r="A16148">
        <v>171.3</v>
      </c>
      <c r="B16148">
        <v>182.26</v>
      </c>
      <c r="C16148">
        <v>6436.35</v>
      </c>
      <c r="D16148">
        <v>3.7</v>
      </c>
      <c r="E16148">
        <v>3360.73</v>
      </c>
      <c r="F16148">
        <v>92.319900000000004</v>
      </c>
    </row>
    <row r="16149" spans="1:6" x14ac:dyDescent="0.25">
      <c r="A16149">
        <v>171.3</v>
      </c>
      <c r="B16149">
        <v>182.26</v>
      </c>
      <c r="C16149">
        <v>6436.35</v>
      </c>
      <c r="D16149">
        <v>4</v>
      </c>
      <c r="E16149">
        <v>3417.62</v>
      </c>
      <c r="F16149">
        <v>79.263800000000003</v>
      </c>
    </row>
    <row r="16150" spans="1:6" x14ac:dyDescent="0.25">
      <c r="A16150">
        <v>171.3</v>
      </c>
      <c r="B16150">
        <v>182.26</v>
      </c>
      <c r="C16150">
        <v>7981.8</v>
      </c>
      <c r="D16150">
        <v>1</v>
      </c>
      <c r="E16150">
        <v>4920.03</v>
      </c>
      <c r="F16150">
        <v>86.072299999999998</v>
      </c>
    </row>
    <row r="16151" spans="1:6" x14ac:dyDescent="0.25">
      <c r="A16151">
        <v>171.3</v>
      </c>
      <c r="B16151">
        <v>182.26</v>
      </c>
      <c r="C16151">
        <v>7981.8</v>
      </c>
      <c r="D16151">
        <v>1.3</v>
      </c>
      <c r="E16151">
        <v>4456.42</v>
      </c>
      <c r="F16151">
        <v>78.077500000000001</v>
      </c>
    </row>
    <row r="16152" spans="1:6" x14ac:dyDescent="0.25">
      <c r="A16152">
        <v>171.3</v>
      </c>
      <c r="B16152">
        <v>182.26</v>
      </c>
      <c r="C16152">
        <v>7981.8</v>
      </c>
      <c r="D16152">
        <v>1.6</v>
      </c>
      <c r="E16152">
        <v>4090.49</v>
      </c>
      <c r="F16152">
        <v>74.488399999999999</v>
      </c>
    </row>
    <row r="16153" spans="1:6" x14ac:dyDescent="0.25">
      <c r="A16153">
        <v>171.3</v>
      </c>
      <c r="B16153">
        <v>182.26</v>
      </c>
      <c r="C16153">
        <v>7981.8</v>
      </c>
      <c r="D16153">
        <v>1.9</v>
      </c>
      <c r="E16153">
        <v>3911.67</v>
      </c>
      <c r="F16153">
        <v>88.646299999999997</v>
      </c>
    </row>
    <row r="16154" spans="1:6" x14ac:dyDescent="0.25">
      <c r="A16154">
        <v>171.3</v>
      </c>
      <c r="B16154">
        <v>182.26</v>
      </c>
      <c r="C16154">
        <v>7981.8</v>
      </c>
      <c r="D16154">
        <v>2.2000000000000002</v>
      </c>
      <c r="E16154">
        <v>3770.06</v>
      </c>
      <c r="F16154">
        <v>88.7102</v>
      </c>
    </row>
    <row r="16155" spans="1:6" x14ac:dyDescent="0.25">
      <c r="A16155">
        <v>171.3</v>
      </c>
      <c r="B16155">
        <v>182.26</v>
      </c>
      <c r="C16155">
        <v>7981.8</v>
      </c>
      <c r="D16155">
        <v>2.5</v>
      </c>
      <c r="E16155">
        <v>3628.78</v>
      </c>
      <c r="F16155">
        <v>90.121499999999997</v>
      </c>
    </row>
    <row r="16156" spans="1:6" x14ac:dyDescent="0.25">
      <c r="A16156">
        <v>171.3</v>
      </c>
      <c r="B16156">
        <v>182.26</v>
      </c>
      <c r="C16156">
        <v>7981.8</v>
      </c>
      <c r="D16156">
        <v>2.8</v>
      </c>
      <c r="E16156">
        <v>3576.13</v>
      </c>
      <c r="F16156">
        <v>81.687899999999999</v>
      </c>
    </row>
    <row r="16157" spans="1:6" x14ac:dyDescent="0.25">
      <c r="A16157">
        <v>171.3</v>
      </c>
      <c r="B16157">
        <v>182.26</v>
      </c>
      <c r="C16157">
        <v>7981.8</v>
      </c>
      <c r="D16157">
        <v>3.1</v>
      </c>
      <c r="E16157">
        <v>3454.94</v>
      </c>
      <c r="F16157">
        <v>77.115099999999998</v>
      </c>
    </row>
    <row r="16158" spans="1:6" x14ac:dyDescent="0.25">
      <c r="A16158">
        <v>171.3</v>
      </c>
      <c r="B16158">
        <v>182.26</v>
      </c>
      <c r="C16158">
        <v>7981.8</v>
      </c>
      <c r="D16158">
        <v>3.4</v>
      </c>
      <c r="E16158">
        <v>3498.06</v>
      </c>
      <c r="F16158">
        <v>80.956699999999998</v>
      </c>
    </row>
    <row r="16159" spans="1:6" x14ac:dyDescent="0.25">
      <c r="A16159">
        <v>171.3</v>
      </c>
      <c r="B16159">
        <v>182.26</v>
      </c>
      <c r="C16159">
        <v>7981.8</v>
      </c>
      <c r="D16159">
        <v>3.7</v>
      </c>
      <c r="E16159">
        <v>3360.73</v>
      </c>
      <c r="F16159">
        <v>92.319900000000004</v>
      </c>
    </row>
    <row r="16160" spans="1:6" x14ac:dyDescent="0.25">
      <c r="A16160">
        <v>171.3</v>
      </c>
      <c r="B16160">
        <v>182.26</v>
      </c>
      <c r="C16160">
        <v>7981.8</v>
      </c>
      <c r="D16160">
        <v>4</v>
      </c>
      <c r="E16160">
        <v>3417.62</v>
      </c>
      <c r="F16160">
        <v>79.263800000000003</v>
      </c>
    </row>
    <row r="16161" spans="1:6" x14ac:dyDescent="0.25">
      <c r="A16161">
        <v>171.3</v>
      </c>
      <c r="B16161">
        <v>182.26</v>
      </c>
      <c r="C16161">
        <v>9527.25</v>
      </c>
      <c r="D16161">
        <v>1</v>
      </c>
      <c r="E16161">
        <v>4920.03</v>
      </c>
      <c r="F16161">
        <v>86.072299999999998</v>
      </c>
    </row>
    <row r="16162" spans="1:6" x14ac:dyDescent="0.25">
      <c r="A16162">
        <v>171.3</v>
      </c>
      <c r="B16162">
        <v>182.26</v>
      </c>
      <c r="C16162">
        <v>9527.25</v>
      </c>
      <c r="D16162">
        <v>1.3</v>
      </c>
      <c r="E16162">
        <v>4456.42</v>
      </c>
      <c r="F16162">
        <v>78.077500000000001</v>
      </c>
    </row>
    <row r="16163" spans="1:6" x14ac:dyDescent="0.25">
      <c r="A16163">
        <v>171.3</v>
      </c>
      <c r="B16163">
        <v>182.26</v>
      </c>
      <c r="C16163">
        <v>9527.25</v>
      </c>
      <c r="D16163">
        <v>1.6</v>
      </c>
      <c r="E16163">
        <v>4090.49</v>
      </c>
      <c r="F16163">
        <v>74.488399999999999</v>
      </c>
    </row>
    <row r="16164" spans="1:6" x14ac:dyDescent="0.25">
      <c r="A16164">
        <v>171.3</v>
      </c>
      <c r="B16164">
        <v>182.26</v>
      </c>
      <c r="C16164">
        <v>9527.25</v>
      </c>
      <c r="D16164">
        <v>1.9</v>
      </c>
      <c r="E16164">
        <v>3911.67</v>
      </c>
      <c r="F16164">
        <v>88.646299999999997</v>
      </c>
    </row>
    <row r="16165" spans="1:6" x14ac:dyDescent="0.25">
      <c r="A16165">
        <v>171.3</v>
      </c>
      <c r="B16165">
        <v>182.26</v>
      </c>
      <c r="C16165">
        <v>9527.25</v>
      </c>
      <c r="D16165">
        <v>2.2000000000000002</v>
      </c>
      <c r="E16165">
        <v>3770.06</v>
      </c>
      <c r="F16165">
        <v>88.7102</v>
      </c>
    </row>
    <row r="16166" spans="1:6" x14ac:dyDescent="0.25">
      <c r="A16166">
        <v>171.3</v>
      </c>
      <c r="B16166">
        <v>182.26</v>
      </c>
      <c r="C16166">
        <v>9527.25</v>
      </c>
      <c r="D16166">
        <v>2.5</v>
      </c>
      <c r="E16166">
        <v>3628.78</v>
      </c>
      <c r="F16166">
        <v>90.121499999999997</v>
      </c>
    </row>
    <row r="16167" spans="1:6" x14ac:dyDescent="0.25">
      <c r="A16167">
        <v>171.3</v>
      </c>
      <c r="B16167">
        <v>182.26</v>
      </c>
      <c r="C16167">
        <v>9527.25</v>
      </c>
      <c r="D16167">
        <v>2.8</v>
      </c>
      <c r="E16167">
        <v>3576.13</v>
      </c>
      <c r="F16167">
        <v>81.687899999999999</v>
      </c>
    </row>
    <row r="16168" spans="1:6" x14ac:dyDescent="0.25">
      <c r="A16168">
        <v>171.3</v>
      </c>
      <c r="B16168">
        <v>182.26</v>
      </c>
      <c r="C16168">
        <v>9527.25</v>
      </c>
      <c r="D16168">
        <v>3.1</v>
      </c>
      <c r="E16168">
        <v>3454.94</v>
      </c>
      <c r="F16168">
        <v>77.115099999999998</v>
      </c>
    </row>
    <row r="16169" spans="1:6" x14ac:dyDescent="0.25">
      <c r="A16169">
        <v>171.3</v>
      </c>
      <c r="B16169">
        <v>182.26</v>
      </c>
      <c r="C16169">
        <v>9527.25</v>
      </c>
      <c r="D16169">
        <v>3.4</v>
      </c>
      <c r="E16169">
        <v>3498.06</v>
      </c>
      <c r="F16169">
        <v>80.956699999999998</v>
      </c>
    </row>
    <row r="16170" spans="1:6" x14ac:dyDescent="0.25">
      <c r="A16170">
        <v>171.3</v>
      </c>
      <c r="B16170">
        <v>182.26</v>
      </c>
      <c r="C16170">
        <v>9527.25</v>
      </c>
      <c r="D16170">
        <v>3.7</v>
      </c>
      <c r="E16170">
        <v>3360.73</v>
      </c>
      <c r="F16170">
        <v>92.319900000000004</v>
      </c>
    </row>
    <row r="16171" spans="1:6" x14ac:dyDescent="0.25">
      <c r="A16171">
        <v>171.3</v>
      </c>
      <c r="B16171">
        <v>182.26</v>
      </c>
      <c r="C16171">
        <v>9527.25</v>
      </c>
      <c r="D16171">
        <v>4</v>
      </c>
      <c r="E16171">
        <v>3417.62</v>
      </c>
      <c r="F16171">
        <v>79.263800000000003</v>
      </c>
    </row>
    <row r="16172" spans="1:6" x14ac:dyDescent="0.25">
      <c r="A16172">
        <v>171.3</v>
      </c>
      <c r="B16172">
        <v>182.26</v>
      </c>
      <c r="C16172">
        <v>11072.7</v>
      </c>
      <c r="D16172">
        <v>1</v>
      </c>
      <c r="E16172">
        <v>4920.03</v>
      </c>
      <c r="F16172">
        <v>86.072299999999998</v>
      </c>
    </row>
    <row r="16173" spans="1:6" x14ac:dyDescent="0.25">
      <c r="A16173">
        <v>171.3</v>
      </c>
      <c r="B16173">
        <v>182.26</v>
      </c>
      <c r="C16173">
        <v>11072.7</v>
      </c>
      <c r="D16173">
        <v>1.3</v>
      </c>
      <c r="E16173">
        <v>4456.42</v>
      </c>
      <c r="F16173">
        <v>78.077500000000001</v>
      </c>
    </row>
    <row r="16174" spans="1:6" x14ac:dyDescent="0.25">
      <c r="A16174">
        <v>171.3</v>
      </c>
      <c r="B16174">
        <v>182.26</v>
      </c>
      <c r="C16174">
        <v>11072.7</v>
      </c>
      <c r="D16174">
        <v>1.6</v>
      </c>
      <c r="E16174">
        <v>4090.49</v>
      </c>
      <c r="F16174">
        <v>74.488399999999999</v>
      </c>
    </row>
    <row r="16175" spans="1:6" x14ac:dyDescent="0.25">
      <c r="A16175">
        <v>171.3</v>
      </c>
      <c r="B16175">
        <v>182.26</v>
      </c>
      <c r="C16175">
        <v>11072.7</v>
      </c>
      <c r="D16175">
        <v>1.9</v>
      </c>
      <c r="E16175">
        <v>3911.67</v>
      </c>
      <c r="F16175">
        <v>88.646299999999997</v>
      </c>
    </row>
    <row r="16176" spans="1:6" x14ac:dyDescent="0.25">
      <c r="A16176">
        <v>171.3</v>
      </c>
      <c r="B16176">
        <v>182.26</v>
      </c>
      <c r="C16176">
        <v>11072.7</v>
      </c>
      <c r="D16176">
        <v>2.2000000000000002</v>
      </c>
      <c r="E16176">
        <v>3770.06</v>
      </c>
      <c r="F16176">
        <v>88.7102</v>
      </c>
    </row>
    <row r="16177" spans="1:6" x14ac:dyDescent="0.25">
      <c r="A16177">
        <v>171.3</v>
      </c>
      <c r="B16177">
        <v>182.26</v>
      </c>
      <c r="C16177">
        <v>11072.7</v>
      </c>
      <c r="D16177">
        <v>2.5</v>
      </c>
      <c r="E16177">
        <v>3628.78</v>
      </c>
      <c r="F16177">
        <v>90.121499999999997</v>
      </c>
    </row>
    <row r="16178" spans="1:6" x14ac:dyDescent="0.25">
      <c r="A16178">
        <v>171.3</v>
      </c>
      <c r="B16178">
        <v>182.26</v>
      </c>
      <c r="C16178">
        <v>11072.7</v>
      </c>
      <c r="D16178">
        <v>2.8</v>
      </c>
      <c r="E16178">
        <v>3576.13</v>
      </c>
      <c r="F16178">
        <v>81.687899999999999</v>
      </c>
    </row>
    <row r="16179" spans="1:6" x14ac:dyDescent="0.25">
      <c r="A16179">
        <v>171.3</v>
      </c>
      <c r="B16179">
        <v>182.26</v>
      </c>
      <c r="C16179">
        <v>11072.7</v>
      </c>
      <c r="D16179">
        <v>3.1</v>
      </c>
      <c r="E16179">
        <v>3454.94</v>
      </c>
      <c r="F16179">
        <v>77.115099999999998</v>
      </c>
    </row>
    <row r="16180" spans="1:6" x14ac:dyDescent="0.25">
      <c r="A16180">
        <v>171.3</v>
      </c>
      <c r="B16180">
        <v>182.26</v>
      </c>
      <c r="C16180">
        <v>11072.7</v>
      </c>
      <c r="D16180">
        <v>3.4</v>
      </c>
      <c r="E16180">
        <v>3498.06</v>
      </c>
      <c r="F16180">
        <v>80.956699999999998</v>
      </c>
    </row>
    <row r="16181" spans="1:6" x14ac:dyDescent="0.25">
      <c r="A16181">
        <v>171.3</v>
      </c>
      <c r="B16181">
        <v>182.26</v>
      </c>
      <c r="C16181">
        <v>11072.7</v>
      </c>
      <c r="D16181">
        <v>3.7</v>
      </c>
      <c r="E16181">
        <v>3360.73</v>
      </c>
      <c r="F16181">
        <v>92.319900000000004</v>
      </c>
    </row>
    <row r="16182" spans="1:6" x14ac:dyDescent="0.25">
      <c r="A16182">
        <v>171.3</v>
      </c>
      <c r="B16182">
        <v>182.26</v>
      </c>
      <c r="C16182">
        <v>11072.7</v>
      </c>
      <c r="D16182">
        <v>4</v>
      </c>
      <c r="E16182">
        <v>3417.62</v>
      </c>
      <c r="F16182">
        <v>79.263800000000003</v>
      </c>
    </row>
    <row r="16183" spans="1:6" x14ac:dyDescent="0.25">
      <c r="A16183">
        <v>171.3</v>
      </c>
      <c r="B16183">
        <v>182.26</v>
      </c>
      <c r="C16183">
        <v>12618.2</v>
      </c>
      <c r="D16183">
        <v>1</v>
      </c>
      <c r="E16183">
        <v>4920.03</v>
      </c>
      <c r="F16183">
        <v>86.072299999999998</v>
      </c>
    </row>
    <row r="16184" spans="1:6" x14ac:dyDescent="0.25">
      <c r="A16184">
        <v>171.3</v>
      </c>
      <c r="B16184">
        <v>182.26</v>
      </c>
      <c r="C16184">
        <v>12618.2</v>
      </c>
      <c r="D16184">
        <v>1.3</v>
      </c>
      <c r="E16184">
        <v>4456.42</v>
      </c>
      <c r="F16184">
        <v>78.077500000000001</v>
      </c>
    </row>
    <row r="16185" spans="1:6" x14ac:dyDescent="0.25">
      <c r="A16185">
        <v>171.3</v>
      </c>
      <c r="B16185">
        <v>182.26</v>
      </c>
      <c r="C16185">
        <v>12618.2</v>
      </c>
      <c r="D16185">
        <v>1.6</v>
      </c>
      <c r="E16185">
        <v>4090.49</v>
      </c>
      <c r="F16185">
        <v>74.488399999999999</v>
      </c>
    </row>
    <row r="16186" spans="1:6" x14ac:dyDescent="0.25">
      <c r="A16186">
        <v>171.3</v>
      </c>
      <c r="B16186">
        <v>182.26</v>
      </c>
      <c r="C16186">
        <v>12618.2</v>
      </c>
      <c r="D16186">
        <v>1.9</v>
      </c>
      <c r="E16186">
        <v>3911.67</v>
      </c>
      <c r="F16186">
        <v>88.646299999999997</v>
      </c>
    </row>
    <row r="16187" spans="1:6" x14ac:dyDescent="0.25">
      <c r="A16187">
        <v>171.3</v>
      </c>
      <c r="B16187">
        <v>182.26</v>
      </c>
      <c r="C16187">
        <v>12618.2</v>
      </c>
      <c r="D16187">
        <v>2.2000000000000002</v>
      </c>
      <c r="E16187">
        <v>3770.06</v>
      </c>
      <c r="F16187">
        <v>88.7102</v>
      </c>
    </row>
    <row r="16188" spans="1:6" x14ac:dyDescent="0.25">
      <c r="A16188">
        <v>171.3</v>
      </c>
      <c r="B16188">
        <v>182.26</v>
      </c>
      <c r="C16188">
        <v>12618.2</v>
      </c>
      <c r="D16188">
        <v>2.5</v>
      </c>
      <c r="E16188">
        <v>3628.78</v>
      </c>
      <c r="F16188">
        <v>90.121499999999997</v>
      </c>
    </row>
    <row r="16189" spans="1:6" x14ac:dyDescent="0.25">
      <c r="A16189">
        <v>171.3</v>
      </c>
      <c r="B16189">
        <v>182.26</v>
      </c>
      <c r="C16189">
        <v>12618.2</v>
      </c>
      <c r="D16189">
        <v>2.8</v>
      </c>
      <c r="E16189">
        <v>3576.13</v>
      </c>
      <c r="F16189">
        <v>81.687899999999999</v>
      </c>
    </row>
    <row r="16190" spans="1:6" x14ac:dyDescent="0.25">
      <c r="A16190">
        <v>171.3</v>
      </c>
      <c r="B16190">
        <v>182.26</v>
      </c>
      <c r="C16190">
        <v>12618.2</v>
      </c>
      <c r="D16190">
        <v>3.1</v>
      </c>
      <c r="E16190">
        <v>3454.94</v>
      </c>
      <c r="F16190">
        <v>77.115099999999998</v>
      </c>
    </row>
    <row r="16191" spans="1:6" x14ac:dyDescent="0.25">
      <c r="A16191">
        <v>171.3</v>
      </c>
      <c r="B16191">
        <v>182.26</v>
      </c>
      <c r="C16191">
        <v>12618.2</v>
      </c>
      <c r="D16191">
        <v>3.4</v>
      </c>
      <c r="E16191">
        <v>3498.06</v>
      </c>
      <c r="F16191">
        <v>80.956699999999998</v>
      </c>
    </row>
    <row r="16192" spans="1:6" x14ac:dyDescent="0.25">
      <c r="A16192">
        <v>171.3</v>
      </c>
      <c r="B16192">
        <v>182.26</v>
      </c>
      <c r="C16192">
        <v>12618.2</v>
      </c>
      <c r="D16192">
        <v>3.7</v>
      </c>
      <c r="E16192">
        <v>3360.73</v>
      </c>
      <c r="F16192">
        <v>92.319900000000004</v>
      </c>
    </row>
    <row r="16193" spans="1:6" x14ac:dyDescent="0.25">
      <c r="A16193">
        <v>171.3</v>
      </c>
      <c r="B16193">
        <v>182.26</v>
      </c>
      <c r="C16193">
        <v>12618.2</v>
      </c>
      <c r="D16193">
        <v>4</v>
      </c>
      <c r="E16193">
        <v>3417.62</v>
      </c>
      <c r="F16193">
        <v>79.263800000000003</v>
      </c>
    </row>
    <row r="16194" spans="1:6" x14ac:dyDescent="0.25">
      <c r="A16194">
        <v>171.3</v>
      </c>
      <c r="B16194">
        <v>182.26</v>
      </c>
      <c r="C16194">
        <v>14163.6</v>
      </c>
      <c r="D16194">
        <v>1</v>
      </c>
      <c r="E16194">
        <v>4920.03</v>
      </c>
      <c r="F16194">
        <v>86.072299999999998</v>
      </c>
    </row>
    <row r="16195" spans="1:6" x14ac:dyDescent="0.25">
      <c r="A16195">
        <v>171.3</v>
      </c>
      <c r="B16195">
        <v>182.26</v>
      </c>
      <c r="C16195">
        <v>14163.6</v>
      </c>
      <c r="D16195">
        <v>1.3</v>
      </c>
      <c r="E16195">
        <v>4456.42</v>
      </c>
      <c r="F16195">
        <v>78.077500000000001</v>
      </c>
    </row>
    <row r="16196" spans="1:6" x14ac:dyDescent="0.25">
      <c r="A16196">
        <v>171.3</v>
      </c>
      <c r="B16196">
        <v>182.26</v>
      </c>
      <c r="C16196">
        <v>14163.6</v>
      </c>
      <c r="D16196">
        <v>1.6</v>
      </c>
      <c r="E16196">
        <v>4090.49</v>
      </c>
      <c r="F16196">
        <v>74.488399999999999</v>
      </c>
    </row>
    <row r="16197" spans="1:6" x14ac:dyDescent="0.25">
      <c r="A16197">
        <v>171.3</v>
      </c>
      <c r="B16197">
        <v>182.26</v>
      </c>
      <c r="C16197">
        <v>14163.6</v>
      </c>
      <c r="D16197">
        <v>1.9</v>
      </c>
      <c r="E16197">
        <v>3911.67</v>
      </c>
      <c r="F16197">
        <v>88.646299999999997</v>
      </c>
    </row>
    <row r="16198" spans="1:6" x14ac:dyDescent="0.25">
      <c r="A16198">
        <v>171.3</v>
      </c>
      <c r="B16198">
        <v>182.26</v>
      </c>
      <c r="C16198">
        <v>14163.6</v>
      </c>
      <c r="D16198">
        <v>2.2000000000000002</v>
      </c>
      <c r="E16198">
        <v>3770.06</v>
      </c>
      <c r="F16198">
        <v>88.7102</v>
      </c>
    </row>
    <row r="16199" spans="1:6" x14ac:dyDescent="0.25">
      <c r="A16199">
        <v>171.3</v>
      </c>
      <c r="B16199">
        <v>182.26</v>
      </c>
      <c r="C16199">
        <v>14163.6</v>
      </c>
      <c r="D16199">
        <v>2.5</v>
      </c>
      <c r="E16199">
        <v>3628.78</v>
      </c>
      <c r="F16199">
        <v>90.121499999999997</v>
      </c>
    </row>
    <row r="16200" spans="1:6" x14ac:dyDescent="0.25">
      <c r="A16200">
        <v>171.3</v>
      </c>
      <c r="B16200">
        <v>182.26</v>
      </c>
      <c r="C16200">
        <v>14163.6</v>
      </c>
      <c r="D16200">
        <v>2.8</v>
      </c>
      <c r="E16200">
        <v>3576.13</v>
      </c>
      <c r="F16200">
        <v>81.687899999999999</v>
      </c>
    </row>
    <row r="16201" spans="1:6" x14ac:dyDescent="0.25">
      <c r="A16201">
        <v>171.3</v>
      </c>
      <c r="B16201">
        <v>182.26</v>
      </c>
      <c r="C16201">
        <v>14163.6</v>
      </c>
      <c r="D16201">
        <v>3.1</v>
      </c>
      <c r="E16201">
        <v>3454.94</v>
      </c>
      <c r="F16201">
        <v>77.115099999999998</v>
      </c>
    </row>
    <row r="16202" spans="1:6" x14ac:dyDescent="0.25">
      <c r="A16202">
        <v>171.3</v>
      </c>
      <c r="B16202">
        <v>182.26</v>
      </c>
      <c r="C16202">
        <v>14163.6</v>
      </c>
      <c r="D16202">
        <v>3.4</v>
      </c>
      <c r="E16202">
        <v>3498.06</v>
      </c>
      <c r="F16202">
        <v>80.956699999999998</v>
      </c>
    </row>
    <row r="16203" spans="1:6" x14ac:dyDescent="0.25">
      <c r="A16203">
        <v>171.3</v>
      </c>
      <c r="B16203">
        <v>182.26</v>
      </c>
      <c r="C16203">
        <v>14163.6</v>
      </c>
      <c r="D16203">
        <v>3.7</v>
      </c>
      <c r="E16203">
        <v>3360.73</v>
      </c>
      <c r="F16203">
        <v>92.319900000000004</v>
      </c>
    </row>
    <row r="16204" spans="1:6" x14ac:dyDescent="0.25">
      <c r="A16204">
        <v>171.3</v>
      </c>
      <c r="B16204">
        <v>182.26</v>
      </c>
      <c r="C16204">
        <v>14163.6</v>
      </c>
      <c r="D16204">
        <v>4</v>
      </c>
      <c r="E16204">
        <v>3417.62</v>
      </c>
      <c r="F16204">
        <v>79.263800000000003</v>
      </c>
    </row>
    <row r="16205" spans="1:6" x14ac:dyDescent="0.25">
      <c r="A16205">
        <v>171.3</v>
      </c>
      <c r="B16205">
        <v>182.26</v>
      </c>
      <c r="C16205">
        <v>15709.1</v>
      </c>
      <c r="D16205">
        <v>1</v>
      </c>
      <c r="E16205">
        <v>4920.03</v>
      </c>
      <c r="F16205">
        <v>86.072299999999998</v>
      </c>
    </row>
    <row r="16206" spans="1:6" x14ac:dyDescent="0.25">
      <c r="A16206">
        <v>171.3</v>
      </c>
      <c r="B16206">
        <v>182.26</v>
      </c>
      <c r="C16206">
        <v>15709.1</v>
      </c>
      <c r="D16206">
        <v>1.3</v>
      </c>
      <c r="E16206">
        <v>4456.42</v>
      </c>
      <c r="F16206">
        <v>78.077500000000001</v>
      </c>
    </row>
    <row r="16207" spans="1:6" x14ac:dyDescent="0.25">
      <c r="A16207">
        <v>171.3</v>
      </c>
      <c r="B16207">
        <v>182.26</v>
      </c>
      <c r="C16207">
        <v>15709.1</v>
      </c>
      <c r="D16207">
        <v>1.6</v>
      </c>
      <c r="E16207">
        <v>4090.49</v>
      </c>
      <c r="F16207">
        <v>74.488399999999999</v>
      </c>
    </row>
    <row r="16208" spans="1:6" x14ac:dyDescent="0.25">
      <c r="A16208">
        <v>171.3</v>
      </c>
      <c r="B16208">
        <v>182.26</v>
      </c>
      <c r="C16208">
        <v>15709.1</v>
      </c>
      <c r="D16208">
        <v>1.9</v>
      </c>
      <c r="E16208">
        <v>3911.67</v>
      </c>
      <c r="F16208">
        <v>88.646299999999997</v>
      </c>
    </row>
    <row r="16209" spans="1:6" x14ac:dyDescent="0.25">
      <c r="A16209">
        <v>171.3</v>
      </c>
      <c r="B16209">
        <v>182.26</v>
      </c>
      <c r="C16209">
        <v>15709.1</v>
      </c>
      <c r="D16209">
        <v>2.2000000000000002</v>
      </c>
      <c r="E16209">
        <v>3770.06</v>
      </c>
      <c r="F16209">
        <v>88.7102</v>
      </c>
    </row>
    <row r="16210" spans="1:6" x14ac:dyDescent="0.25">
      <c r="A16210">
        <v>171.3</v>
      </c>
      <c r="B16210">
        <v>182.26</v>
      </c>
      <c r="C16210">
        <v>15709.1</v>
      </c>
      <c r="D16210">
        <v>2.5</v>
      </c>
      <c r="E16210">
        <v>3628.78</v>
      </c>
      <c r="F16210">
        <v>90.121499999999997</v>
      </c>
    </row>
    <row r="16211" spans="1:6" x14ac:dyDescent="0.25">
      <c r="A16211">
        <v>171.3</v>
      </c>
      <c r="B16211">
        <v>182.26</v>
      </c>
      <c r="C16211">
        <v>15709.1</v>
      </c>
      <c r="D16211">
        <v>2.8</v>
      </c>
      <c r="E16211">
        <v>3576.13</v>
      </c>
      <c r="F16211">
        <v>81.687899999999999</v>
      </c>
    </row>
    <row r="16212" spans="1:6" x14ac:dyDescent="0.25">
      <c r="A16212">
        <v>171.3</v>
      </c>
      <c r="B16212">
        <v>182.26</v>
      </c>
      <c r="C16212">
        <v>15709.1</v>
      </c>
      <c r="D16212">
        <v>3.1</v>
      </c>
      <c r="E16212">
        <v>3454.94</v>
      </c>
      <c r="F16212">
        <v>77.115099999999998</v>
      </c>
    </row>
    <row r="16213" spans="1:6" x14ac:dyDescent="0.25">
      <c r="A16213">
        <v>171.3</v>
      </c>
      <c r="B16213">
        <v>182.26</v>
      </c>
      <c r="C16213">
        <v>15709.1</v>
      </c>
      <c r="D16213">
        <v>3.4</v>
      </c>
      <c r="E16213">
        <v>3498.06</v>
      </c>
      <c r="F16213">
        <v>80.956699999999998</v>
      </c>
    </row>
    <row r="16214" spans="1:6" x14ac:dyDescent="0.25">
      <c r="A16214">
        <v>171.3</v>
      </c>
      <c r="B16214">
        <v>182.26</v>
      </c>
      <c r="C16214">
        <v>15709.1</v>
      </c>
      <c r="D16214">
        <v>3.7</v>
      </c>
      <c r="E16214">
        <v>3360.73</v>
      </c>
      <c r="F16214">
        <v>92.319900000000004</v>
      </c>
    </row>
    <row r="16215" spans="1:6" x14ac:dyDescent="0.25">
      <c r="A16215">
        <v>171.3</v>
      </c>
      <c r="B16215">
        <v>182.26</v>
      </c>
      <c r="C16215">
        <v>15709.1</v>
      </c>
      <c r="D16215">
        <v>4</v>
      </c>
      <c r="E16215">
        <v>3417.62</v>
      </c>
      <c r="F16215">
        <v>79.263800000000003</v>
      </c>
    </row>
    <row r="16216" spans="1:6" x14ac:dyDescent="0.25">
      <c r="A16216">
        <v>171.3</v>
      </c>
      <c r="B16216">
        <v>182.26</v>
      </c>
      <c r="C16216">
        <v>17254.5</v>
      </c>
      <c r="D16216">
        <v>1</v>
      </c>
      <c r="E16216">
        <v>4920.03</v>
      </c>
      <c r="F16216">
        <v>86.072299999999998</v>
      </c>
    </row>
    <row r="16217" spans="1:6" x14ac:dyDescent="0.25">
      <c r="A16217">
        <v>171.3</v>
      </c>
      <c r="B16217">
        <v>182.26</v>
      </c>
      <c r="C16217">
        <v>17254.5</v>
      </c>
      <c r="D16217">
        <v>1.3</v>
      </c>
      <c r="E16217">
        <v>4456.42</v>
      </c>
      <c r="F16217">
        <v>78.077500000000001</v>
      </c>
    </row>
    <row r="16218" spans="1:6" x14ac:dyDescent="0.25">
      <c r="A16218">
        <v>171.3</v>
      </c>
      <c r="B16218">
        <v>182.26</v>
      </c>
      <c r="C16218">
        <v>17254.5</v>
      </c>
      <c r="D16218">
        <v>1.6</v>
      </c>
      <c r="E16218">
        <v>4090.49</v>
      </c>
      <c r="F16218">
        <v>74.488399999999999</v>
      </c>
    </row>
    <row r="16219" spans="1:6" x14ac:dyDescent="0.25">
      <c r="A16219">
        <v>171.3</v>
      </c>
      <c r="B16219">
        <v>182.26</v>
      </c>
      <c r="C16219">
        <v>17254.5</v>
      </c>
      <c r="D16219">
        <v>1.9</v>
      </c>
      <c r="E16219">
        <v>3911.67</v>
      </c>
      <c r="F16219">
        <v>88.646299999999997</v>
      </c>
    </row>
    <row r="16220" spans="1:6" x14ac:dyDescent="0.25">
      <c r="A16220">
        <v>171.3</v>
      </c>
      <c r="B16220">
        <v>182.26</v>
      </c>
      <c r="C16220">
        <v>17254.5</v>
      </c>
      <c r="D16220">
        <v>2.2000000000000002</v>
      </c>
      <c r="E16220">
        <v>3770.06</v>
      </c>
      <c r="F16220">
        <v>88.7102</v>
      </c>
    </row>
    <row r="16221" spans="1:6" x14ac:dyDescent="0.25">
      <c r="A16221">
        <v>171.3</v>
      </c>
      <c r="B16221">
        <v>182.26</v>
      </c>
      <c r="C16221">
        <v>17254.5</v>
      </c>
      <c r="D16221">
        <v>2.5</v>
      </c>
      <c r="E16221">
        <v>3628.78</v>
      </c>
      <c r="F16221">
        <v>90.121499999999997</v>
      </c>
    </row>
    <row r="16222" spans="1:6" x14ac:dyDescent="0.25">
      <c r="A16222">
        <v>171.3</v>
      </c>
      <c r="B16222">
        <v>182.26</v>
      </c>
      <c r="C16222">
        <v>17254.5</v>
      </c>
      <c r="D16222">
        <v>2.8</v>
      </c>
      <c r="E16222">
        <v>3576.13</v>
      </c>
      <c r="F16222">
        <v>81.687899999999999</v>
      </c>
    </row>
    <row r="16223" spans="1:6" x14ac:dyDescent="0.25">
      <c r="A16223">
        <v>171.3</v>
      </c>
      <c r="B16223">
        <v>182.26</v>
      </c>
      <c r="C16223">
        <v>17254.5</v>
      </c>
      <c r="D16223">
        <v>3.1</v>
      </c>
      <c r="E16223">
        <v>3454.94</v>
      </c>
      <c r="F16223">
        <v>77.115099999999998</v>
      </c>
    </row>
    <row r="16224" spans="1:6" x14ac:dyDescent="0.25">
      <c r="A16224">
        <v>171.3</v>
      </c>
      <c r="B16224">
        <v>182.26</v>
      </c>
      <c r="C16224">
        <v>17254.5</v>
      </c>
      <c r="D16224">
        <v>3.4</v>
      </c>
      <c r="E16224">
        <v>3498.06</v>
      </c>
      <c r="F16224">
        <v>80.956699999999998</v>
      </c>
    </row>
    <row r="16225" spans="1:6" x14ac:dyDescent="0.25">
      <c r="A16225">
        <v>171.3</v>
      </c>
      <c r="B16225">
        <v>182.26</v>
      </c>
      <c r="C16225">
        <v>17254.5</v>
      </c>
      <c r="D16225">
        <v>3.7</v>
      </c>
      <c r="E16225">
        <v>3360.73</v>
      </c>
      <c r="F16225">
        <v>92.319900000000004</v>
      </c>
    </row>
    <row r="16226" spans="1:6" x14ac:dyDescent="0.25">
      <c r="A16226">
        <v>171.3</v>
      </c>
      <c r="B16226">
        <v>182.26</v>
      </c>
      <c r="C16226">
        <v>17254.5</v>
      </c>
      <c r="D16226">
        <v>4</v>
      </c>
      <c r="E16226">
        <v>3417.62</v>
      </c>
      <c r="F16226">
        <v>79.263800000000003</v>
      </c>
    </row>
    <row r="16227" spans="1:6" x14ac:dyDescent="0.25">
      <c r="A16227">
        <v>171.3</v>
      </c>
      <c r="B16227">
        <v>182.26</v>
      </c>
      <c r="C16227">
        <v>18800</v>
      </c>
      <c r="D16227">
        <v>1</v>
      </c>
      <c r="E16227">
        <v>4920.03</v>
      </c>
      <c r="F16227">
        <v>86.072299999999998</v>
      </c>
    </row>
    <row r="16228" spans="1:6" x14ac:dyDescent="0.25">
      <c r="A16228">
        <v>171.3</v>
      </c>
      <c r="B16228">
        <v>182.26</v>
      </c>
      <c r="C16228">
        <v>18800</v>
      </c>
      <c r="D16228">
        <v>1.3</v>
      </c>
      <c r="E16228">
        <v>4456.42</v>
      </c>
      <c r="F16228">
        <v>78.077500000000001</v>
      </c>
    </row>
    <row r="16229" spans="1:6" x14ac:dyDescent="0.25">
      <c r="A16229">
        <v>171.3</v>
      </c>
      <c r="B16229">
        <v>182.26</v>
      </c>
      <c r="C16229">
        <v>18800</v>
      </c>
      <c r="D16229">
        <v>1.6</v>
      </c>
      <c r="E16229">
        <v>4090.49</v>
      </c>
      <c r="F16229">
        <v>74.488399999999999</v>
      </c>
    </row>
    <row r="16230" spans="1:6" x14ac:dyDescent="0.25">
      <c r="A16230">
        <v>171.3</v>
      </c>
      <c r="B16230">
        <v>182.26</v>
      </c>
      <c r="C16230">
        <v>18800</v>
      </c>
      <c r="D16230">
        <v>1.9</v>
      </c>
      <c r="E16230">
        <v>3911.67</v>
      </c>
      <c r="F16230">
        <v>88.646299999999997</v>
      </c>
    </row>
    <row r="16231" spans="1:6" x14ac:dyDescent="0.25">
      <c r="A16231">
        <v>171.3</v>
      </c>
      <c r="B16231">
        <v>182.26</v>
      </c>
      <c r="C16231">
        <v>18800</v>
      </c>
      <c r="D16231">
        <v>2.2000000000000002</v>
      </c>
      <c r="E16231">
        <v>3770.06</v>
      </c>
      <c r="F16231">
        <v>88.7102</v>
      </c>
    </row>
    <row r="16232" spans="1:6" x14ac:dyDescent="0.25">
      <c r="A16232">
        <v>171.3</v>
      </c>
      <c r="B16232">
        <v>182.26</v>
      </c>
      <c r="C16232">
        <v>18800</v>
      </c>
      <c r="D16232">
        <v>2.5</v>
      </c>
      <c r="E16232">
        <v>3628.78</v>
      </c>
      <c r="F16232">
        <v>90.121499999999997</v>
      </c>
    </row>
    <row r="16233" spans="1:6" x14ac:dyDescent="0.25">
      <c r="A16233">
        <v>171.3</v>
      </c>
      <c r="B16233">
        <v>182.26</v>
      </c>
      <c r="C16233">
        <v>18800</v>
      </c>
      <c r="D16233">
        <v>2.8</v>
      </c>
      <c r="E16233">
        <v>3576.13</v>
      </c>
      <c r="F16233">
        <v>81.687899999999999</v>
      </c>
    </row>
    <row r="16234" spans="1:6" x14ac:dyDescent="0.25">
      <c r="A16234">
        <v>171.3</v>
      </c>
      <c r="B16234">
        <v>182.26</v>
      </c>
      <c r="C16234">
        <v>18800</v>
      </c>
      <c r="D16234">
        <v>3.1</v>
      </c>
      <c r="E16234">
        <v>3454.94</v>
      </c>
      <c r="F16234">
        <v>77.115099999999998</v>
      </c>
    </row>
    <row r="16235" spans="1:6" x14ac:dyDescent="0.25">
      <c r="A16235">
        <v>171.3</v>
      </c>
      <c r="B16235">
        <v>182.26</v>
      </c>
      <c r="C16235">
        <v>18800</v>
      </c>
      <c r="D16235">
        <v>3.4</v>
      </c>
      <c r="E16235">
        <v>3498.06</v>
      </c>
      <c r="F16235">
        <v>80.956699999999998</v>
      </c>
    </row>
    <row r="16236" spans="1:6" x14ac:dyDescent="0.25">
      <c r="A16236">
        <v>171.3</v>
      </c>
      <c r="B16236">
        <v>182.26</v>
      </c>
      <c r="C16236">
        <v>18800</v>
      </c>
      <c r="D16236">
        <v>3.7</v>
      </c>
      <c r="E16236">
        <v>3360.73</v>
      </c>
      <c r="F16236">
        <v>92.319900000000004</v>
      </c>
    </row>
    <row r="16237" spans="1:6" x14ac:dyDescent="0.25">
      <c r="A16237">
        <v>171.3</v>
      </c>
      <c r="B16237">
        <v>182.26</v>
      </c>
      <c r="C16237">
        <v>18800</v>
      </c>
      <c r="D16237">
        <v>4</v>
      </c>
      <c r="E16237">
        <v>3417.62</v>
      </c>
      <c r="F16237">
        <v>79.263800000000003</v>
      </c>
    </row>
    <row r="16238" spans="1:6" x14ac:dyDescent="0.25">
      <c r="A16238">
        <v>171.3</v>
      </c>
      <c r="B16238">
        <v>185.89</v>
      </c>
      <c r="C16238">
        <v>1800</v>
      </c>
      <c r="D16238">
        <v>1</v>
      </c>
      <c r="E16238">
        <v>4920.03</v>
      </c>
      <c r="F16238">
        <v>86.072299999999998</v>
      </c>
    </row>
    <row r="16239" spans="1:6" x14ac:dyDescent="0.25">
      <c r="A16239">
        <v>171.3</v>
      </c>
      <c r="B16239">
        <v>185.89</v>
      </c>
      <c r="C16239">
        <v>1800</v>
      </c>
      <c r="D16239">
        <v>1.3</v>
      </c>
      <c r="E16239">
        <v>4456.42</v>
      </c>
      <c r="F16239">
        <v>78.077500000000001</v>
      </c>
    </row>
    <row r="16240" spans="1:6" x14ac:dyDescent="0.25">
      <c r="A16240">
        <v>171.3</v>
      </c>
      <c r="B16240">
        <v>185.89</v>
      </c>
      <c r="C16240">
        <v>1800</v>
      </c>
      <c r="D16240">
        <v>1.6</v>
      </c>
      <c r="E16240">
        <v>4090.49</v>
      </c>
      <c r="F16240">
        <v>74.488399999999999</v>
      </c>
    </row>
    <row r="16241" spans="1:6" x14ac:dyDescent="0.25">
      <c r="A16241">
        <v>171.3</v>
      </c>
      <c r="B16241">
        <v>185.89</v>
      </c>
      <c r="C16241">
        <v>1800</v>
      </c>
      <c r="D16241">
        <v>1.9</v>
      </c>
      <c r="E16241">
        <v>3763.97</v>
      </c>
      <c r="F16241">
        <v>88.646299999999997</v>
      </c>
    </row>
    <row r="16242" spans="1:6" x14ac:dyDescent="0.25">
      <c r="A16242">
        <v>171.3</v>
      </c>
      <c r="B16242">
        <v>185.89</v>
      </c>
      <c r="C16242">
        <v>1800</v>
      </c>
      <c r="D16242">
        <v>2.2000000000000002</v>
      </c>
      <c r="E16242">
        <v>3621.99</v>
      </c>
      <c r="F16242">
        <v>88.7102</v>
      </c>
    </row>
    <row r="16243" spans="1:6" x14ac:dyDescent="0.25">
      <c r="A16243">
        <v>171.3</v>
      </c>
      <c r="B16243">
        <v>185.89</v>
      </c>
      <c r="C16243">
        <v>1800</v>
      </c>
      <c r="D16243">
        <v>2.5</v>
      </c>
      <c r="E16243">
        <v>3369.2</v>
      </c>
      <c r="F16243">
        <v>90.121499999999997</v>
      </c>
    </row>
    <row r="16244" spans="1:6" x14ac:dyDescent="0.25">
      <c r="A16244">
        <v>171.3</v>
      </c>
      <c r="B16244">
        <v>185.89</v>
      </c>
      <c r="C16244">
        <v>1800</v>
      </c>
      <c r="D16244">
        <v>2.8</v>
      </c>
      <c r="E16244">
        <v>3250.65</v>
      </c>
      <c r="F16244">
        <v>81.687899999999999</v>
      </c>
    </row>
    <row r="16245" spans="1:6" x14ac:dyDescent="0.25">
      <c r="A16245">
        <v>171.3</v>
      </c>
      <c r="B16245">
        <v>185.89</v>
      </c>
      <c r="C16245">
        <v>1800</v>
      </c>
      <c r="D16245">
        <v>3.1</v>
      </c>
      <c r="E16245">
        <v>3243.49</v>
      </c>
      <c r="F16245">
        <v>77.115099999999998</v>
      </c>
    </row>
    <row r="16246" spans="1:6" x14ac:dyDescent="0.25">
      <c r="A16246">
        <v>171.3</v>
      </c>
      <c r="B16246">
        <v>185.89</v>
      </c>
      <c r="C16246">
        <v>1800</v>
      </c>
      <c r="D16246">
        <v>3.4</v>
      </c>
      <c r="E16246">
        <v>3181.86</v>
      </c>
      <c r="F16246">
        <v>80.956699999999998</v>
      </c>
    </row>
    <row r="16247" spans="1:6" x14ac:dyDescent="0.25">
      <c r="A16247">
        <v>171.3</v>
      </c>
      <c r="B16247">
        <v>185.89</v>
      </c>
      <c r="C16247">
        <v>1800</v>
      </c>
      <c r="D16247">
        <v>3.7</v>
      </c>
      <c r="E16247">
        <v>3060.25</v>
      </c>
      <c r="F16247">
        <v>92.319900000000004</v>
      </c>
    </row>
    <row r="16248" spans="1:6" x14ac:dyDescent="0.25">
      <c r="A16248">
        <v>171.3</v>
      </c>
      <c r="B16248">
        <v>185.89</v>
      </c>
      <c r="C16248">
        <v>1800</v>
      </c>
      <c r="D16248">
        <v>4</v>
      </c>
      <c r="E16248">
        <v>2974.12</v>
      </c>
      <c r="F16248">
        <v>79.263800000000003</v>
      </c>
    </row>
    <row r="16249" spans="1:6" x14ac:dyDescent="0.25">
      <c r="A16249">
        <v>171.3</v>
      </c>
      <c r="B16249">
        <v>185.89</v>
      </c>
      <c r="C16249">
        <v>3345.45</v>
      </c>
      <c r="D16249">
        <v>1</v>
      </c>
      <c r="E16249">
        <v>4920.03</v>
      </c>
      <c r="F16249">
        <v>86.072299999999998</v>
      </c>
    </row>
    <row r="16250" spans="1:6" x14ac:dyDescent="0.25">
      <c r="A16250">
        <v>171.3</v>
      </c>
      <c r="B16250">
        <v>185.89</v>
      </c>
      <c r="C16250">
        <v>3345.45</v>
      </c>
      <c r="D16250">
        <v>1.3</v>
      </c>
      <c r="E16250">
        <v>4456.42</v>
      </c>
      <c r="F16250">
        <v>78.077500000000001</v>
      </c>
    </row>
    <row r="16251" spans="1:6" x14ac:dyDescent="0.25">
      <c r="A16251">
        <v>171.3</v>
      </c>
      <c r="B16251">
        <v>185.89</v>
      </c>
      <c r="C16251">
        <v>3345.45</v>
      </c>
      <c r="D16251">
        <v>1.6</v>
      </c>
      <c r="E16251">
        <v>4090.49</v>
      </c>
      <c r="F16251">
        <v>74.488399999999999</v>
      </c>
    </row>
    <row r="16252" spans="1:6" x14ac:dyDescent="0.25">
      <c r="A16252">
        <v>171.3</v>
      </c>
      <c r="B16252">
        <v>185.89</v>
      </c>
      <c r="C16252">
        <v>3345.45</v>
      </c>
      <c r="D16252">
        <v>1.9</v>
      </c>
      <c r="E16252">
        <v>3911.67</v>
      </c>
      <c r="F16252">
        <v>88.646299999999997</v>
      </c>
    </row>
    <row r="16253" spans="1:6" x14ac:dyDescent="0.25">
      <c r="A16253">
        <v>171.3</v>
      </c>
      <c r="B16253">
        <v>185.89</v>
      </c>
      <c r="C16253">
        <v>3345.45</v>
      </c>
      <c r="D16253">
        <v>2.2000000000000002</v>
      </c>
      <c r="E16253">
        <v>3770.06</v>
      </c>
      <c r="F16253">
        <v>88.7102</v>
      </c>
    </row>
    <row r="16254" spans="1:6" x14ac:dyDescent="0.25">
      <c r="A16254">
        <v>171.3</v>
      </c>
      <c r="B16254">
        <v>185.89</v>
      </c>
      <c r="C16254">
        <v>3345.45</v>
      </c>
      <c r="D16254">
        <v>2.5</v>
      </c>
      <c r="E16254">
        <v>3628.78</v>
      </c>
      <c r="F16254">
        <v>90.121499999999997</v>
      </c>
    </row>
    <row r="16255" spans="1:6" x14ac:dyDescent="0.25">
      <c r="A16255">
        <v>171.3</v>
      </c>
      <c r="B16255">
        <v>185.89</v>
      </c>
      <c r="C16255">
        <v>3345.45</v>
      </c>
      <c r="D16255">
        <v>2.8</v>
      </c>
      <c r="E16255">
        <v>3576.13</v>
      </c>
      <c r="F16255">
        <v>81.687899999999999</v>
      </c>
    </row>
    <row r="16256" spans="1:6" x14ac:dyDescent="0.25">
      <c r="A16256">
        <v>171.3</v>
      </c>
      <c r="B16256">
        <v>185.89</v>
      </c>
      <c r="C16256">
        <v>3345.45</v>
      </c>
      <c r="D16256">
        <v>3.1</v>
      </c>
      <c r="E16256">
        <v>3454.94</v>
      </c>
      <c r="F16256">
        <v>77.115099999999998</v>
      </c>
    </row>
    <row r="16257" spans="1:6" x14ac:dyDescent="0.25">
      <c r="A16257">
        <v>171.3</v>
      </c>
      <c r="B16257">
        <v>185.89</v>
      </c>
      <c r="C16257">
        <v>3345.45</v>
      </c>
      <c r="D16257">
        <v>3.4</v>
      </c>
      <c r="E16257">
        <v>3498.06</v>
      </c>
      <c r="F16257">
        <v>80.956699999999998</v>
      </c>
    </row>
    <row r="16258" spans="1:6" x14ac:dyDescent="0.25">
      <c r="A16258">
        <v>171.3</v>
      </c>
      <c r="B16258">
        <v>185.89</v>
      </c>
      <c r="C16258">
        <v>3345.45</v>
      </c>
      <c r="D16258">
        <v>3.7</v>
      </c>
      <c r="E16258">
        <v>3360.73</v>
      </c>
      <c r="F16258">
        <v>92.319900000000004</v>
      </c>
    </row>
    <row r="16259" spans="1:6" x14ac:dyDescent="0.25">
      <c r="A16259">
        <v>171.3</v>
      </c>
      <c r="B16259">
        <v>185.89</v>
      </c>
      <c r="C16259">
        <v>3345.45</v>
      </c>
      <c r="D16259">
        <v>4</v>
      </c>
      <c r="E16259">
        <v>3417.62</v>
      </c>
      <c r="F16259">
        <v>79.263800000000003</v>
      </c>
    </row>
    <row r="16260" spans="1:6" x14ac:dyDescent="0.25">
      <c r="A16260">
        <v>171.3</v>
      </c>
      <c r="B16260">
        <v>185.89</v>
      </c>
      <c r="C16260">
        <v>4890.8999999999996</v>
      </c>
      <c r="D16260">
        <v>1</v>
      </c>
      <c r="E16260">
        <v>4920.03</v>
      </c>
      <c r="F16260">
        <v>86.072299999999998</v>
      </c>
    </row>
    <row r="16261" spans="1:6" x14ac:dyDescent="0.25">
      <c r="A16261">
        <v>171.3</v>
      </c>
      <c r="B16261">
        <v>185.89</v>
      </c>
      <c r="C16261">
        <v>4890.8999999999996</v>
      </c>
      <c r="D16261">
        <v>1.3</v>
      </c>
      <c r="E16261">
        <v>4456.42</v>
      </c>
      <c r="F16261">
        <v>78.077500000000001</v>
      </c>
    </row>
    <row r="16262" spans="1:6" x14ac:dyDescent="0.25">
      <c r="A16262">
        <v>171.3</v>
      </c>
      <c r="B16262">
        <v>185.89</v>
      </c>
      <c r="C16262">
        <v>4890.8999999999996</v>
      </c>
      <c r="D16262">
        <v>1.6</v>
      </c>
      <c r="E16262">
        <v>4090.49</v>
      </c>
      <c r="F16262">
        <v>74.488399999999999</v>
      </c>
    </row>
    <row r="16263" spans="1:6" x14ac:dyDescent="0.25">
      <c r="A16263">
        <v>171.3</v>
      </c>
      <c r="B16263">
        <v>185.89</v>
      </c>
      <c r="C16263">
        <v>4890.8999999999996</v>
      </c>
      <c r="D16263">
        <v>1.9</v>
      </c>
      <c r="E16263">
        <v>3911.67</v>
      </c>
      <c r="F16263">
        <v>88.646299999999997</v>
      </c>
    </row>
    <row r="16264" spans="1:6" x14ac:dyDescent="0.25">
      <c r="A16264">
        <v>171.3</v>
      </c>
      <c r="B16264">
        <v>185.89</v>
      </c>
      <c r="C16264">
        <v>4890.8999999999996</v>
      </c>
      <c r="D16264">
        <v>2.2000000000000002</v>
      </c>
      <c r="E16264">
        <v>3770.06</v>
      </c>
      <c r="F16264">
        <v>88.7102</v>
      </c>
    </row>
    <row r="16265" spans="1:6" x14ac:dyDescent="0.25">
      <c r="A16265">
        <v>171.3</v>
      </c>
      <c r="B16265">
        <v>185.89</v>
      </c>
      <c r="C16265">
        <v>4890.8999999999996</v>
      </c>
      <c r="D16265">
        <v>2.5</v>
      </c>
      <c r="E16265">
        <v>3628.78</v>
      </c>
      <c r="F16265">
        <v>90.121499999999997</v>
      </c>
    </row>
    <row r="16266" spans="1:6" x14ac:dyDescent="0.25">
      <c r="A16266">
        <v>171.3</v>
      </c>
      <c r="B16266">
        <v>185.89</v>
      </c>
      <c r="C16266">
        <v>4890.8999999999996</v>
      </c>
      <c r="D16266">
        <v>2.8</v>
      </c>
      <c r="E16266">
        <v>3576.13</v>
      </c>
      <c r="F16266">
        <v>81.687899999999999</v>
      </c>
    </row>
    <row r="16267" spans="1:6" x14ac:dyDescent="0.25">
      <c r="A16267">
        <v>171.3</v>
      </c>
      <c r="B16267">
        <v>185.89</v>
      </c>
      <c r="C16267">
        <v>4890.8999999999996</v>
      </c>
      <c r="D16267">
        <v>3.1</v>
      </c>
      <c r="E16267">
        <v>3454.94</v>
      </c>
      <c r="F16267">
        <v>77.115099999999998</v>
      </c>
    </row>
    <row r="16268" spans="1:6" x14ac:dyDescent="0.25">
      <c r="A16268">
        <v>171.3</v>
      </c>
      <c r="B16268">
        <v>185.89</v>
      </c>
      <c r="C16268">
        <v>4890.8999999999996</v>
      </c>
      <c r="D16268">
        <v>3.4</v>
      </c>
      <c r="E16268">
        <v>3498.06</v>
      </c>
      <c r="F16268">
        <v>80.956699999999998</v>
      </c>
    </row>
    <row r="16269" spans="1:6" x14ac:dyDescent="0.25">
      <c r="A16269">
        <v>171.3</v>
      </c>
      <c r="B16269">
        <v>185.89</v>
      </c>
      <c r="C16269">
        <v>4890.8999999999996</v>
      </c>
      <c r="D16269">
        <v>3.7</v>
      </c>
      <c r="E16269">
        <v>3360.73</v>
      </c>
      <c r="F16269">
        <v>92.319900000000004</v>
      </c>
    </row>
    <row r="16270" spans="1:6" x14ac:dyDescent="0.25">
      <c r="A16270">
        <v>171.3</v>
      </c>
      <c r="B16270">
        <v>185.89</v>
      </c>
      <c r="C16270">
        <v>4890.8999999999996</v>
      </c>
      <c r="D16270">
        <v>4</v>
      </c>
      <c r="E16270">
        <v>3417.62</v>
      </c>
      <c r="F16270">
        <v>79.263800000000003</v>
      </c>
    </row>
    <row r="16271" spans="1:6" x14ac:dyDescent="0.25">
      <c r="A16271">
        <v>171.3</v>
      </c>
      <c r="B16271">
        <v>185.89</v>
      </c>
      <c r="C16271">
        <v>6436.35</v>
      </c>
      <c r="D16271">
        <v>1</v>
      </c>
      <c r="E16271">
        <v>4920.03</v>
      </c>
      <c r="F16271">
        <v>86.072299999999998</v>
      </c>
    </row>
    <row r="16272" spans="1:6" x14ac:dyDescent="0.25">
      <c r="A16272">
        <v>171.3</v>
      </c>
      <c r="B16272">
        <v>185.89</v>
      </c>
      <c r="C16272">
        <v>6436.35</v>
      </c>
      <c r="D16272">
        <v>1.3</v>
      </c>
      <c r="E16272">
        <v>4456.42</v>
      </c>
      <c r="F16272">
        <v>78.077500000000001</v>
      </c>
    </row>
    <row r="16273" spans="1:6" x14ac:dyDescent="0.25">
      <c r="A16273">
        <v>171.3</v>
      </c>
      <c r="B16273">
        <v>185.89</v>
      </c>
      <c r="C16273">
        <v>6436.35</v>
      </c>
      <c r="D16273">
        <v>1.6</v>
      </c>
      <c r="E16273">
        <v>4090.49</v>
      </c>
      <c r="F16273">
        <v>74.488399999999999</v>
      </c>
    </row>
    <row r="16274" spans="1:6" x14ac:dyDescent="0.25">
      <c r="A16274">
        <v>171.3</v>
      </c>
      <c r="B16274">
        <v>185.89</v>
      </c>
      <c r="C16274">
        <v>6436.35</v>
      </c>
      <c r="D16274">
        <v>1.9</v>
      </c>
      <c r="E16274">
        <v>3911.67</v>
      </c>
      <c r="F16274">
        <v>88.646299999999997</v>
      </c>
    </row>
    <row r="16275" spans="1:6" x14ac:dyDescent="0.25">
      <c r="A16275">
        <v>171.3</v>
      </c>
      <c r="B16275">
        <v>185.89</v>
      </c>
      <c r="C16275">
        <v>6436.35</v>
      </c>
      <c r="D16275">
        <v>2.2000000000000002</v>
      </c>
      <c r="E16275">
        <v>3770.06</v>
      </c>
      <c r="F16275">
        <v>88.7102</v>
      </c>
    </row>
    <row r="16276" spans="1:6" x14ac:dyDescent="0.25">
      <c r="A16276">
        <v>171.3</v>
      </c>
      <c r="B16276">
        <v>185.89</v>
      </c>
      <c r="C16276">
        <v>6436.35</v>
      </c>
      <c r="D16276">
        <v>2.5</v>
      </c>
      <c r="E16276">
        <v>3628.78</v>
      </c>
      <c r="F16276">
        <v>90.121499999999997</v>
      </c>
    </row>
    <row r="16277" spans="1:6" x14ac:dyDescent="0.25">
      <c r="A16277">
        <v>171.3</v>
      </c>
      <c r="B16277">
        <v>185.89</v>
      </c>
      <c r="C16277">
        <v>6436.35</v>
      </c>
      <c r="D16277">
        <v>2.8</v>
      </c>
      <c r="E16277">
        <v>3576.13</v>
      </c>
      <c r="F16277">
        <v>81.687899999999999</v>
      </c>
    </row>
    <row r="16278" spans="1:6" x14ac:dyDescent="0.25">
      <c r="A16278">
        <v>171.3</v>
      </c>
      <c r="B16278">
        <v>185.89</v>
      </c>
      <c r="C16278">
        <v>6436.35</v>
      </c>
      <c r="D16278">
        <v>3.1</v>
      </c>
      <c r="E16278">
        <v>3454.94</v>
      </c>
      <c r="F16278">
        <v>77.115099999999998</v>
      </c>
    </row>
    <row r="16279" spans="1:6" x14ac:dyDescent="0.25">
      <c r="A16279">
        <v>171.3</v>
      </c>
      <c r="B16279">
        <v>185.89</v>
      </c>
      <c r="C16279">
        <v>6436.35</v>
      </c>
      <c r="D16279">
        <v>3.4</v>
      </c>
      <c r="E16279">
        <v>3498.06</v>
      </c>
      <c r="F16279">
        <v>80.956699999999998</v>
      </c>
    </row>
    <row r="16280" spans="1:6" x14ac:dyDescent="0.25">
      <c r="A16280">
        <v>171.3</v>
      </c>
      <c r="B16280">
        <v>185.89</v>
      </c>
      <c r="C16280">
        <v>6436.35</v>
      </c>
      <c r="D16280">
        <v>3.7</v>
      </c>
      <c r="E16280">
        <v>3360.73</v>
      </c>
      <c r="F16280">
        <v>92.319900000000004</v>
      </c>
    </row>
    <row r="16281" spans="1:6" x14ac:dyDescent="0.25">
      <c r="A16281">
        <v>171.3</v>
      </c>
      <c r="B16281">
        <v>185.89</v>
      </c>
      <c r="C16281">
        <v>6436.35</v>
      </c>
      <c r="D16281">
        <v>4</v>
      </c>
      <c r="E16281">
        <v>3417.62</v>
      </c>
      <c r="F16281">
        <v>79.263800000000003</v>
      </c>
    </row>
    <row r="16282" spans="1:6" x14ac:dyDescent="0.25">
      <c r="A16282">
        <v>171.3</v>
      </c>
      <c r="B16282">
        <v>185.89</v>
      </c>
      <c r="C16282">
        <v>7981.8</v>
      </c>
      <c r="D16282">
        <v>1</v>
      </c>
      <c r="E16282">
        <v>4920.03</v>
      </c>
      <c r="F16282">
        <v>86.072299999999998</v>
      </c>
    </row>
    <row r="16283" spans="1:6" x14ac:dyDescent="0.25">
      <c r="A16283">
        <v>171.3</v>
      </c>
      <c r="B16283">
        <v>185.89</v>
      </c>
      <c r="C16283">
        <v>7981.8</v>
      </c>
      <c r="D16283">
        <v>1.3</v>
      </c>
      <c r="E16283">
        <v>4456.42</v>
      </c>
      <c r="F16283">
        <v>78.077500000000001</v>
      </c>
    </row>
    <row r="16284" spans="1:6" x14ac:dyDescent="0.25">
      <c r="A16284">
        <v>171.3</v>
      </c>
      <c r="B16284">
        <v>185.89</v>
      </c>
      <c r="C16284">
        <v>7981.8</v>
      </c>
      <c r="D16284">
        <v>1.6</v>
      </c>
      <c r="E16284">
        <v>4090.49</v>
      </c>
      <c r="F16284">
        <v>74.488399999999999</v>
      </c>
    </row>
    <row r="16285" spans="1:6" x14ac:dyDescent="0.25">
      <c r="A16285">
        <v>171.3</v>
      </c>
      <c r="B16285">
        <v>185.89</v>
      </c>
      <c r="C16285">
        <v>7981.8</v>
      </c>
      <c r="D16285">
        <v>1.9</v>
      </c>
      <c r="E16285">
        <v>3911.67</v>
      </c>
      <c r="F16285">
        <v>88.646299999999997</v>
      </c>
    </row>
    <row r="16286" spans="1:6" x14ac:dyDescent="0.25">
      <c r="A16286">
        <v>171.3</v>
      </c>
      <c r="B16286">
        <v>185.89</v>
      </c>
      <c r="C16286">
        <v>7981.8</v>
      </c>
      <c r="D16286">
        <v>2.2000000000000002</v>
      </c>
      <c r="E16286">
        <v>3770.06</v>
      </c>
      <c r="F16286">
        <v>88.7102</v>
      </c>
    </row>
    <row r="16287" spans="1:6" x14ac:dyDescent="0.25">
      <c r="A16287">
        <v>171.3</v>
      </c>
      <c r="B16287">
        <v>185.89</v>
      </c>
      <c r="C16287">
        <v>7981.8</v>
      </c>
      <c r="D16287">
        <v>2.5</v>
      </c>
      <c r="E16287">
        <v>3628.78</v>
      </c>
      <c r="F16287">
        <v>90.121499999999997</v>
      </c>
    </row>
    <row r="16288" spans="1:6" x14ac:dyDescent="0.25">
      <c r="A16288">
        <v>171.3</v>
      </c>
      <c r="B16288">
        <v>185.89</v>
      </c>
      <c r="C16288">
        <v>7981.8</v>
      </c>
      <c r="D16288">
        <v>2.8</v>
      </c>
      <c r="E16288">
        <v>3576.13</v>
      </c>
      <c r="F16288">
        <v>81.687899999999999</v>
      </c>
    </row>
    <row r="16289" spans="1:6" x14ac:dyDescent="0.25">
      <c r="A16289">
        <v>171.3</v>
      </c>
      <c r="B16289">
        <v>185.89</v>
      </c>
      <c r="C16289">
        <v>7981.8</v>
      </c>
      <c r="D16289">
        <v>3.1</v>
      </c>
      <c r="E16289">
        <v>3454.94</v>
      </c>
      <c r="F16289">
        <v>77.115099999999998</v>
      </c>
    </row>
    <row r="16290" spans="1:6" x14ac:dyDescent="0.25">
      <c r="A16290">
        <v>171.3</v>
      </c>
      <c r="B16290">
        <v>185.89</v>
      </c>
      <c r="C16290">
        <v>7981.8</v>
      </c>
      <c r="D16290">
        <v>3.4</v>
      </c>
      <c r="E16290">
        <v>3498.06</v>
      </c>
      <c r="F16290">
        <v>80.956699999999998</v>
      </c>
    </row>
    <row r="16291" spans="1:6" x14ac:dyDescent="0.25">
      <c r="A16291">
        <v>171.3</v>
      </c>
      <c r="B16291">
        <v>185.89</v>
      </c>
      <c r="C16291">
        <v>7981.8</v>
      </c>
      <c r="D16291">
        <v>3.7</v>
      </c>
      <c r="E16291">
        <v>3360.73</v>
      </c>
      <c r="F16291">
        <v>92.319900000000004</v>
      </c>
    </row>
    <row r="16292" spans="1:6" x14ac:dyDescent="0.25">
      <c r="A16292">
        <v>171.3</v>
      </c>
      <c r="B16292">
        <v>185.89</v>
      </c>
      <c r="C16292">
        <v>7981.8</v>
      </c>
      <c r="D16292">
        <v>4</v>
      </c>
      <c r="E16292">
        <v>3417.62</v>
      </c>
      <c r="F16292">
        <v>79.263800000000003</v>
      </c>
    </row>
    <row r="16293" spans="1:6" x14ac:dyDescent="0.25">
      <c r="A16293">
        <v>171.3</v>
      </c>
      <c r="B16293">
        <v>185.89</v>
      </c>
      <c r="C16293">
        <v>9527.25</v>
      </c>
      <c r="D16293">
        <v>1</v>
      </c>
      <c r="E16293">
        <v>4920.03</v>
      </c>
      <c r="F16293">
        <v>86.072299999999998</v>
      </c>
    </row>
    <row r="16294" spans="1:6" x14ac:dyDescent="0.25">
      <c r="A16294">
        <v>171.3</v>
      </c>
      <c r="B16294">
        <v>185.89</v>
      </c>
      <c r="C16294">
        <v>9527.25</v>
      </c>
      <c r="D16294">
        <v>1.3</v>
      </c>
      <c r="E16294">
        <v>4456.42</v>
      </c>
      <c r="F16294">
        <v>78.077500000000001</v>
      </c>
    </row>
    <row r="16295" spans="1:6" x14ac:dyDescent="0.25">
      <c r="A16295">
        <v>171.3</v>
      </c>
      <c r="B16295">
        <v>185.89</v>
      </c>
      <c r="C16295">
        <v>9527.25</v>
      </c>
      <c r="D16295">
        <v>1.6</v>
      </c>
      <c r="E16295">
        <v>4090.49</v>
      </c>
      <c r="F16295">
        <v>74.488399999999999</v>
      </c>
    </row>
    <row r="16296" spans="1:6" x14ac:dyDescent="0.25">
      <c r="A16296">
        <v>171.3</v>
      </c>
      <c r="B16296">
        <v>185.89</v>
      </c>
      <c r="C16296">
        <v>9527.25</v>
      </c>
      <c r="D16296">
        <v>1.9</v>
      </c>
      <c r="E16296">
        <v>3911.67</v>
      </c>
      <c r="F16296">
        <v>88.646299999999997</v>
      </c>
    </row>
    <row r="16297" spans="1:6" x14ac:dyDescent="0.25">
      <c r="A16297">
        <v>171.3</v>
      </c>
      <c r="B16297">
        <v>185.89</v>
      </c>
      <c r="C16297">
        <v>9527.25</v>
      </c>
      <c r="D16297">
        <v>2.2000000000000002</v>
      </c>
      <c r="E16297">
        <v>3770.06</v>
      </c>
      <c r="F16297">
        <v>88.7102</v>
      </c>
    </row>
    <row r="16298" spans="1:6" x14ac:dyDescent="0.25">
      <c r="A16298">
        <v>171.3</v>
      </c>
      <c r="B16298">
        <v>185.89</v>
      </c>
      <c r="C16298">
        <v>9527.25</v>
      </c>
      <c r="D16298">
        <v>2.5</v>
      </c>
      <c r="E16298">
        <v>3628.78</v>
      </c>
      <c r="F16298">
        <v>90.121499999999997</v>
      </c>
    </row>
    <row r="16299" spans="1:6" x14ac:dyDescent="0.25">
      <c r="A16299">
        <v>171.3</v>
      </c>
      <c r="B16299">
        <v>185.89</v>
      </c>
      <c r="C16299">
        <v>9527.25</v>
      </c>
      <c r="D16299">
        <v>2.8</v>
      </c>
      <c r="E16299">
        <v>3576.13</v>
      </c>
      <c r="F16299">
        <v>81.687899999999999</v>
      </c>
    </row>
    <row r="16300" spans="1:6" x14ac:dyDescent="0.25">
      <c r="A16300">
        <v>171.3</v>
      </c>
      <c r="B16300">
        <v>185.89</v>
      </c>
      <c r="C16300">
        <v>9527.25</v>
      </c>
      <c r="D16300">
        <v>3.1</v>
      </c>
      <c r="E16300">
        <v>3454.94</v>
      </c>
      <c r="F16300">
        <v>77.115099999999998</v>
      </c>
    </row>
    <row r="16301" spans="1:6" x14ac:dyDescent="0.25">
      <c r="A16301">
        <v>171.3</v>
      </c>
      <c r="B16301">
        <v>185.89</v>
      </c>
      <c r="C16301">
        <v>9527.25</v>
      </c>
      <c r="D16301">
        <v>3.4</v>
      </c>
      <c r="E16301">
        <v>3498.06</v>
      </c>
      <c r="F16301">
        <v>80.956699999999998</v>
      </c>
    </row>
    <row r="16302" spans="1:6" x14ac:dyDescent="0.25">
      <c r="A16302">
        <v>171.3</v>
      </c>
      <c r="B16302">
        <v>185.89</v>
      </c>
      <c r="C16302">
        <v>9527.25</v>
      </c>
      <c r="D16302">
        <v>3.7</v>
      </c>
      <c r="E16302">
        <v>3360.73</v>
      </c>
      <c r="F16302">
        <v>92.319900000000004</v>
      </c>
    </row>
    <row r="16303" spans="1:6" x14ac:dyDescent="0.25">
      <c r="A16303">
        <v>171.3</v>
      </c>
      <c r="B16303">
        <v>185.89</v>
      </c>
      <c r="C16303">
        <v>9527.25</v>
      </c>
      <c r="D16303">
        <v>4</v>
      </c>
      <c r="E16303">
        <v>3417.62</v>
      </c>
      <c r="F16303">
        <v>79.263800000000003</v>
      </c>
    </row>
    <row r="16304" spans="1:6" x14ac:dyDescent="0.25">
      <c r="A16304">
        <v>171.3</v>
      </c>
      <c r="B16304">
        <v>185.89</v>
      </c>
      <c r="C16304">
        <v>11072.7</v>
      </c>
      <c r="D16304">
        <v>1</v>
      </c>
      <c r="E16304">
        <v>4920.03</v>
      </c>
      <c r="F16304">
        <v>86.072299999999998</v>
      </c>
    </row>
    <row r="16305" spans="1:6" x14ac:dyDescent="0.25">
      <c r="A16305">
        <v>171.3</v>
      </c>
      <c r="B16305">
        <v>185.89</v>
      </c>
      <c r="C16305">
        <v>11072.7</v>
      </c>
      <c r="D16305">
        <v>1.3</v>
      </c>
      <c r="E16305">
        <v>4456.42</v>
      </c>
      <c r="F16305">
        <v>78.077500000000001</v>
      </c>
    </row>
    <row r="16306" spans="1:6" x14ac:dyDescent="0.25">
      <c r="A16306">
        <v>171.3</v>
      </c>
      <c r="B16306">
        <v>185.89</v>
      </c>
      <c r="C16306">
        <v>11072.7</v>
      </c>
      <c r="D16306">
        <v>1.6</v>
      </c>
      <c r="E16306">
        <v>4090.49</v>
      </c>
      <c r="F16306">
        <v>74.488399999999999</v>
      </c>
    </row>
    <row r="16307" spans="1:6" x14ac:dyDescent="0.25">
      <c r="A16307">
        <v>171.3</v>
      </c>
      <c r="B16307">
        <v>185.89</v>
      </c>
      <c r="C16307">
        <v>11072.7</v>
      </c>
      <c r="D16307">
        <v>1.9</v>
      </c>
      <c r="E16307">
        <v>3911.67</v>
      </c>
      <c r="F16307">
        <v>88.646299999999997</v>
      </c>
    </row>
    <row r="16308" spans="1:6" x14ac:dyDescent="0.25">
      <c r="A16308">
        <v>171.3</v>
      </c>
      <c r="B16308">
        <v>185.89</v>
      </c>
      <c r="C16308">
        <v>11072.7</v>
      </c>
      <c r="D16308">
        <v>2.2000000000000002</v>
      </c>
      <c r="E16308">
        <v>3770.06</v>
      </c>
      <c r="F16308">
        <v>88.7102</v>
      </c>
    </row>
    <row r="16309" spans="1:6" x14ac:dyDescent="0.25">
      <c r="A16309">
        <v>171.3</v>
      </c>
      <c r="B16309">
        <v>185.89</v>
      </c>
      <c r="C16309">
        <v>11072.7</v>
      </c>
      <c r="D16309">
        <v>2.5</v>
      </c>
      <c r="E16309">
        <v>3628.78</v>
      </c>
      <c r="F16309">
        <v>90.121499999999997</v>
      </c>
    </row>
    <row r="16310" spans="1:6" x14ac:dyDescent="0.25">
      <c r="A16310">
        <v>171.3</v>
      </c>
      <c r="B16310">
        <v>185.89</v>
      </c>
      <c r="C16310">
        <v>11072.7</v>
      </c>
      <c r="D16310">
        <v>2.8</v>
      </c>
      <c r="E16310">
        <v>3576.13</v>
      </c>
      <c r="F16310">
        <v>81.687899999999999</v>
      </c>
    </row>
    <row r="16311" spans="1:6" x14ac:dyDescent="0.25">
      <c r="A16311">
        <v>171.3</v>
      </c>
      <c r="B16311">
        <v>185.89</v>
      </c>
      <c r="C16311">
        <v>11072.7</v>
      </c>
      <c r="D16311">
        <v>3.1</v>
      </c>
      <c r="E16311">
        <v>3454.94</v>
      </c>
      <c r="F16311">
        <v>77.115099999999998</v>
      </c>
    </row>
    <row r="16312" spans="1:6" x14ac:dyDescent="0.25">
      <c r="A16312">
        <v>171.3</v>
      </c>
      <c r="B16312">
        <v>185.89</v>
      </c>
      <c r="C16312">
        <v>11072.7</v>
      </c>
      <c r="D16312">
        <v>3.4</v>
      </c>
      <c r="E16312">
        <v>3498.06</v>
      </c>
      <c r="F16312">
        <v>80.956699999999998</v>
      </c>
    </row>
    <row r="16313" spans="1:6" x14ac:dyDescent="0.25">
      <c r="A16313">
        <v>171.3</v>
      </c>
      <c r="B16313">
        <v>185.89</v>
      </c>
      <c r="C16313">
        <v>11072.7</v>
      </c>
      <c r="D16313">
        <v>3.7</v>
      </c>
      <c r="E16313">
        <v>3360.73</v>
      </c>
      <c r="F16313">
        <v>92.319900000000004</v>
      </c>
    </row>
    <row r="16314" spans="1:6" x14ac:dyDescent="0.25">
      <c r="A16314">
        <v>171.3</v>
      </c>
      <c r="B16314">
        <v>185.89</v>
      </c>
      <c r="C16314">
        <v>11072.7</v>
      </c>
      <c r="D16314">
        <v>4</v>
      </c>
      <c r="E16314">
        <v>3417.62</v>
      </c>
      <c r="F16314">
        <v>79.263800000000003</v>
      </c>
    </row>
    <row r="16315" spans="1:6" x14ac:dyDescent="0.25">
      <c r="A16315">
        <v>171.3</v>
      </c>
      <c r="B16315">
        <v>185.89</v>
      </c>
      <c r="C16315">
        <v>12618.2</v>
      </c>
      <c r="D16315">
        <v>1</v>
      </c>
      <c r="E16315">
        <v>4920.03</v>
      </c>
      <c r="F16315">
        <v>86.072299999999998</v>
      </c>
    </row>
    <row r="16316" spans="1:6" x14ac:dyDescent="0.25">
      <c r="A16316">
        <v>171.3</v>
      </c>
      <c r="B16316">
        <v>185.89</v>
      </c>
      <c r="C16316">
        <v>12618.2</v>
      </c>
      <c r="D16316">
        <v>1.3</v>
      </c>
      <c r="E16316">
        <v>4456.42</v>
      </c>
      <c r="F16316">
        <v>78.077500000000001</v>
      </c>
    </row>
    <row r="16317" spans="1:6" x14ac:dyDescent="0.25">
      <c r="A16317">
        <v>171.3</v>
      </c>
      <c r="B16317">
        <v>185.89</v>
      </c>
      <c r="C16317">
        <v>12618.2</v>
      </c>
      <c r="D16317">
        <v>1.6</v>
      </c>
      <c r="E16317">
        <v>4090.49</v>
      </c>
      <c r="F16317">
        <v>74.488399999999999</v>
      </c>
    </row>
    <row r="16318" spans="1:6" x14ac:dyDescent="0.25">
      <c r="A16318">
        <v>171.3</v>
      </c>
      <c r="B16318">
        <v>185.89</v>
      </c>
      <c r="C16318">
        <v>12618.2</v>
      </c>
      <c r="D16318">
        <v>1.9</v>
      </c>
      <c r="E16318">
        <v>3911.67</v>
      </c>
      <c r="F16318">
        <v>88.646299999999997</v>
      </c>
    </row>
    <row r="16319" spans="1:6" x14ac:dyDescent="0.25">
      <c r="A16319">
        <v>171.3</v>
      </c>
      <c r="B16319">
        <v>185.89</v>
      </c>
      <c r="C16319">
        <v>12618.2</v>
      </c>
      <c r="D16319">
        <v>2.2000000000000002</v>
      </c>
      <c r="E16319">
        <v>3770.06</v>
      </c>
      <c r="F16319">
        <v>88.7102</v>
      </c>
    </row>
    <row r="16320" spans="1:6" x14ac:dyDescent="0.25">
      <c r="A16320">
        <v>171.3</v>
      </c>
      <c r="B16320">
        <v>185.89</v>
      </c>
      <c r="C16320">
        <v>12618.2</v>
      </c>
      <c r="D16320">
        <v>2.5</v>
      </c>
      <c r="E16320">
        <v>3628.78</v>
      </c>
      <c r="F16320">
        <v>90.121499999999997</v>
      </c>
    </row>
    <row r="16321" spans="1:6" x14ac:dyDescent="0.25">
      <c r="A16321">
        <v>171.3</v>
      </c>
      <c r="B16321">
        <v>185.89</v>
      </c>
      <c r="C16321">
        <v>12618.2</v>
      </c>
      <c r="D16321">
        <v>2.8</v>
      </c>
      <c r="E16321">
        <v>3576.13</v>
      </c>
      <c r="F16321">
        <v>81.687899999999999</v>
      </c>
    </row>
    <row r="16322" spans="1:6" x14ac:dyDescent="0.25">
      <c r="A16322">
        <v>171.3</v>
      </c>
      <c r="B16322">
        <v>185.89</v>
      </c>
      <c r="C16322">
        <v>12618.2</v>
      </c>
      <c r="D16322">
        <v>3.1</v>
      </c>
      <c r="E16322">
        <v>3454.94</v>
      </c>
      <c r="F16322">
        <v>77.115099999999998</v>
      </c>
    </row>
    <row r="16323" spans="1:6" x14ac:dyDescent="0.25">
      <c r="A16323">
        <v>171.3</v>
      </c>
      <c r="B16323">
        <v>185.89</v>
      </c>
      <c r="C16323">
        <v>12618.2</v>
      </c>
      <c r="D16323">
        <v>3.4</v>
      </c>
      <c r="E16323">
        <v>3498.06</v>
      </c>
      <c r="F16323">
        <v>80.956699999999998</v>
      </c>
    </row>
    <row r="16324" spans="1:6" x14ac:dyDescent="0.25">
      <c r="A16324">
        <v>171.3</v>
      </c>
      <c r="B16324">
        <v>185.89</v>
      </c>
      <c r="C16324">
        <v>12618.2</v>
      </c>
      <c r="D16324">
        <v>3.7</v>
      </c>
      <c r="E16324">
        <v>3360.73</v>
      </c>
      <c r="F16324">
        <v>92.319900000000004</v>
      </c>
    </row>
    <row r="16325" spans="1:6" x14ac:dyDescent="0.25">
      <c r="A16325">
        <v>171.3</v>
      </c>
      <c r="B16325">
        <v>185.89</v>
      </c>
      <c r="C16325">
        <v>12618.2</v>
      </c>
      <c r="D16325">
        <v>4</v>
      </c>
      <c r="E16325">
        <v>3417.62</v>
      </c>
      <c r="F16325">
        <v>79.263800000000003</v>
      </c>
    </row>
    <row r="16326" spans="1:6" x14ac:dyDescent="0.25">
      <c r="A16326">
        <v>171.3</v>
      </c>
      <c r="B16326">
        <v>185.89</v>
      </c>
      <c r="C16326">
        <v>14163.6</v>
      </c>
      <c r="D16326">
        <v>1</v>
      </c>
      <c r="E16326">
        <v>4920.03</v>
      </c>
      <c r="F16326">
        <v>86.072299999999998</v>
      </c>
    </row>
    <row r="16327" spans="1:6" x14ac:dyDescent="0.25">
      <c r="A16327">
        <v>171.3</v>
      </c>
      <c r="B16327">
        <v>185.89</v>
      </c>
      <c r="C16327">
        <v>14163.6</v>
      </c>
      <c r="D16327">
        <v>1.3</v>
      </c>
      <c r="E16327">
        <v>4456.42</v>
      </c>
      <c r="F16327">
        <v>78.077500000000001</v>
      </c>
    </row>
    <row r="16328" spans="1:6" x14ac:dyDescent="0.25">
      <c r="A16328">
        <v>171.3</v>
      </c>
      <c r="B16328">
        <v>185.89</v>
      </c>
      <c r="C16328">
        <v>14163.6</v>
      </c>
      <c r="D16328">
        <v>1.6</v>
      </c>
      <c r="E16328">
        <v>4090.49</v>
      </c>
      <c r="F16328">
        <v>74.488399999999999</v>
      </c>
    </row>
    <row r="16329" spans="1:6" x14ac:dyDescent="0.25">
      <c r="A16329">
        <v>171.3</v>
      </c>
      <c r="B16329">
        <v>185.89</v>
      </c>
      <c r="C16329">
        <v>14163.6</v>
      </c>
      <c r="D16329">
        <v>1.9</v>
      </c>
      <c r="E16329">
        <v>3911.67</v>
      </c>
      <c r="F16329">
        <v>88.646299999999997</v>
      </c>
    </row>
    <row r="16330" spans="1:6" x14ac:dyDescent="0.25">
      <c r="A16330">
        <v>171.3</v>
      </c>
      <c r="B16330">
        <v>185.89</v>
      </c>
      <c r="C16330">
        <v>14163.6</v>
      </c>
      <c r="D16330">
        <v>2.2000000000000002</v>
      </c>
      <c r="E16330">
        <v>3770.06</v>
      </c>
      <c r="F16330">
        <v>88.7102</v>
      </c>
    </row>
    <row r="16331" spans="1:6" x14ac:dyDescent="0.25">
      <c r="A16331">
        <v>171.3</v>
      </c>
      <c r="B16331">
        <v>185.89</v>
      </c>
      <c r="C16331">
        <v>14163.6</v>
      </c>
      <c r="D16331">
        <v>2.5</v>
      </c>
      <c r="E16331">
        <v>3628.78</v>
      </c>
      <c r="F16331">
        <v>90.121499999999997</v>
      </c>
    </row>
    <row r="16332" spans="1:6" x14ac:dyDescent="0.25">
      <c r="A16332">
        <v>171.3</v>
      </c>
      <c r="B16332">
        <v>185.89</v>
      </c>
      <c r="C16332">
        <v>14163.6</v>
      </c>
      <c r="D16332">
        <v>2.8</v>
      </c>
      <c r="E16332">
        <v>3576.13</v>
      </c>
      <c r="F16332">
        <v>81.687899999999999</v>
      </c>
    </row>
    <row r="16333" spans="1:6" x14ac:dyDescent="0.25">
      <c r="A16333">
        <v>171.3</v>
      </c>
      <c r="B16333">
        <v>185.89</v>
      </c>
      <c r="C16333">
        <v>14163.6</v>
      </c>
      <c r="D16333">
        <v>3.1</v>
      </c>
      <c r="E16333">
        <v>3454.94</v>
      </c>
      <c r="F16333">
        <v>77.115099999999998</v>
      </c>
    </row>
    <row r="16334" spans="1:6" x14ac:dyDescent="0.25">
      <c r="A16334">
        <v>171.3</v>
      </c>
      <c r="B16334">
        <v>185.89</v>
      </c>
      <c r="C16334">
        <v>14163.6</v>
      </c>
      <c r="D16334">
        <v>3.4</v>
      </c>
      <c r="E16334">
        <v>3498.06</v>
      </c>
      <c r="F16334">
        <v>80.956699999999998</v>
      </c>
    </row>
    <row r="16335" spans="1:6" x14ac:dyDescent="0.25">
      <c r="A16335">
        <v>171.3</v>
      </c>
      <c r="B16335">
        <v>185.89</v>
      </c>
      <c r="C16335">
        <v>14163.6</v>
      </c>
      <c r="D16335">
        <v>3.7</v>
      </c>
      <c r="E16335">
        <v>3360.73</v>
      </c>
      <c r="F16335">
        <v>92.319900000000004</v>
      </c>
    </row>
    <row r="16336" spans="1:6" x14ac:dyDescent="0.25">
      <c r="A16336">
        <v>171.3</v>
      </c>
      <c r="B16336">
        <v>185.89</v>
      </c>
      <c r="C16336">
        <v>14163.6</v>
      </c>
      <c r="D16336">
        <v>4</v>
      </c>
      <c r="E16336">
        <v>3417.62</v>
      </c>
      <c r="F16336">
        <v>79.263800000000003</v>
      </c>
    </row>
    <row r="16337" spans="1:6" x14ac:dyDescent="0.25">
      <c r="A16337">
        <v>171.3</v>
      </c>
      <c r="B16337">
        <v>185.89</v>
      </c>
      <c r="C16337">
        <v>15709.1</v>
      </c>
      <c r="D16337">
        <v>1</v>
      </c>
      <c r="E16337">
        <v>4920.03</v>
      </c>
      <c r="F16337">
        <v>86.072299999999998</v>
      </c>
    </row>
    <row r="16338" spans="1:6" x14ac:dyDescent="0.25">
      <c r="A16338">
        <v>171.3</v>
      </c>
      <c r="B16338">
        <v>185.89</v>
      </c>
      <c r="C16338">
        <v>15709.1</v>
      </c>
      <c r="D16338">
        <v>1.3</v>
      </c>
      <c r="E16338">
        <v>4456.42</v>
      </c>
      <c r="F16338">
        <v>78.077500000000001</v>
      </c>
    </row>
    <row r="16339" spans="1:6" x14ac:dyDescent="0.25">
      <c r="A16339">
        <v>171.3</v>
      </c>
      <c r="B16339">
        <v>185.89</v>
      </c>
      <c r="C16339">
        <v>15709.1</v>
      </c>
      <c r="D16339">
        <v>1.6</v>
      </c>
      <c r="E16339">
        <v>4090.49</v>
      </c>
      <c r="F16339">
        <v>74.488399999999999</v>
      </c>
    </row>
    <row r="16340" spans="1:6" x14ac:dyDescent="0.25">
      <c r="A16340">
        <v>171.3</v>
      </c>
      <c r="B16340">
        <v>185.89</v>
      </c>
      <c r="C16340">
        <v>15709.1</v>
      </c>
      <c r="D16340">
        <v>1.9</v>
      </c>
      <c r="E16340">
        <v>3911.67</v>
      </c>
      <c r="F16340">
        <v>88.646299999999997</v>
      </c>
    </row>
    <row r="16341" spans="1:6" x14ac:dyDescent="0.25">
      <c r="A16341">
        <v>171.3</v>
      </c>
      <c r="B16341">
        <v>185.89</v>
      </c>
      <c r="C16341">
        <v>15709.1</v>
      </c>
      <c r="D16341">
        <v>2.2000000000000002</v>
      </c>
      <c r="E16341">
        <v>3770.06</v>
      </c>
      <c r="F16341">
        <v>88.7102</v>
      </c>
    </row>
    <row r="16342" spans="1:6" x14ac:dyDescent="0.25">
      <c r="A16342">
        <v>171.3</v>
      </c>
      <c r="B16342">
        <v>185.89</v>
      </c>
      <c r="C16342">
        <v>15709.1</v>
      </c>
      <c r="D16342">
        <v>2.5</v>
      </c>
      <c r="E16342">
        <v>3628.78</v>
      </c>
      <c r="F16342">
        <v>90.121499999999997</v>
      </c>
    </row>
    <row r="16343" spans="1:6" x14ac:dyDescent="0.25">
      <c r="A16343">
        <v>171.3</v>
      </c>
      <c r="B16343">
        <v>185.89</v>
      </c>
      <c r="C16343">
        <v>15709.1</v>
      </c>
      <c r="D16343">
        <v>2.8</v>
      </c>
      <c r="E16343">
        <v>3576.13</v>
      </c>
      <c r="F16343">
        <v>81.687899999999999</v>
      </c>
    </row>
    <row r="16344" spans="1:6" x14ac:dyDescent="0.25">
      <c r="A16344">
        <v>171.3</v>
      </c>
      <c r="B16344">
        <v>185.89</v>
      </c>
      <c r="C16344">
        <v>15709.1</v>
      </c>
      <c r="D16344">
        <v>3.1</v>
      </c>
      <c r="E16344">
        <v>3454.94</v>
      </c>
      <c r="F16344">
        <v>77.115099999999998</v>
      </c>
    </row>
    <row r="16345" spans="1:6" x14ac:dyDescent="0.25">
      <c r="A16345">
        <v>171.3</v>
      </c>
      <c r="B16345">
        <v>185.89</v>
      </c>
      <c r="C16345">
        <v>15709.1</v>
      </c>
      <c r="D16345">
        <v>3.4</v>
      </c>
      <c r="E16345">
        <v>3498.06</v>
      </c>
      <c r="F16345">
        <v>80.956699999999998</v>
      </c>
    </row>
    <row r="16346" spans="1:6" x14ac:dyDescent="0.25">
      <c r="A16346">
        <v>171.3</v>
      </c>
      <c r="B16346">
        <v>185.89</v>
      </c>
      <c r="C16346">
        <v>15709.1</v>
      </c>
      <c r="D16346">
        <v>3.7</v>
      </c>
      <c r="E16346">
        <v>3360.73</v>
      </c>
      <c r="F16346">
        <v>92.319900000000004</v>
      </c>
    </row>
    <row r="16347" spans="1:6" x14ac:dyDescent="0.25">
      <c r="A16347">
        <v>171.3</v>
      </c>
      <c r="B16347">
        <v>185.89</v>
      </c>
      <c r="C16347">
        <v>15709.1</v>
      </c>
      <c r="D16347">
        <v>4</v>
      </c>
      <c r="E16347">
        <v>3417.62</v>
      </c>
      <c r="F16347">
        <v>79.263800000000003</v>
      </c>
    </row>
    <row r="16348" spans="1:6" x14ac:dyDescent="0.25">
      <c r="A16348">
        <v>171.3</v>
      </c>
      <c r="B16348">
        <v>185.89</v>
      </c>
      <c r="C16348">
        <v>17254.5</v>
      </c>
      <c r="D16348">
        <v>1</v>
      </c>
      <c r="E16348">
        <v>4920.03</v>
      </c>
      <c r="F16348">
        <v>86.072299999999998</v>
      </c>
    </row>
    <row r="16349" spans="1:6" x14ac:dyDescent="0.25">
      <c r="A16349">
        <v>171.3</v>
      </c>
      <c r="B16349">
        <v>185.89</v>
      </c>
      <c r="C16349">
        <v>17254.5</v>
      </c>
      <c r="D16349">
        <v>1.3</v>
      </c>
      <c r="E16349">
        <v>4456.42</v>
      </c>
      <c r="F16349">
        <v>78.077500000000001</v>
      </c>
    </row>
    <row r="16350" spans="1:6" x14ac:dyDescent="0.25">
      <c r="A16350">
        <v>171.3</v>
      </c>
      <c r="B16350">
        <v>185.89</v>
      </c>
      <c r="C16350">
        <v>17254.5</v>
      </c>
      <c r="D16350">
        <v>1.6</v>
      </c>
      <c r="E16350">
        <v>4090.49</v>
      </c>
      <c r="F16350">
        <v>74.488399999999999</v>
      </c>
    </row>
    <row r="16351" spans="1:6" x14ac:dyDescent="0.25">
      <c r="A16351">
        <v>171.3</v>
      </c>
      <c r="B16351">
        <v>185.89</v>
      </c>
      <c r="C16351">
        <v>17254.5</v>
      </c>
      <c r="D16351">
        <v>1.9</v>
      </c>
      <c r="E16351">
        <v>3911.67</v>
      </c>
      <c r="F16351">
        <v>88.646299999999997</v>
      </c>
    </row>
    <row r="16352" spans="1:6" x14ac:dyDescent="0.25">
      <c r="A16352">
        <v>171.3</v>
      </c>
      <c r="B16352">
        <v>185.89</v>
      </c>
      <c r="C16352">
        <v>17254.5</v>
      </c>
      <c r="D16352">
        <v>2.2000000000000002</v>
      </c>
      <c r="E16352">
        <v>3770.06</v>
      </c>
      <c r="F16352">
        <v>88.7102</v>
      </c>
    </row>
    <row r="16353" spans="1:6" x14ac:dyDescent="0.25">
      <c r="A16353">
        <v>171.3</v>
      </c>
      <c r="B16353">
        <v>185.89</v>
      </c>
      <c r="C16353">
        <v>17254.5</v>
      </c>
      <c r="D16353">
        <v>2.5</v>
      </c>
      <c r="E16353">
        <v>3628.78</v>
      </c>
      <c r="F16353">
        <v>90.121499999999997</v>
      </c>
    </row>
    <row r="16354" spans="1:6" x14ac:dyDescent="0.25">
      <c r="A16354">
        <v>171.3</v>
      </c>
      <c r="B16354">
        <v>185.89</v>
      </c>
      <c r="C16354">
        <v>17254.5</v>
      </c>
      <c r="D16354">
        <v>2.8</v>
      </c>
      <c r="E16354">
        <v>3576.13</v>
      </c>
      <c r="F16354">
        <v>81.687899999999999</v>
      </c>
    </row>
    <row r="16355" spans="1:6" x14ac:dyDescent="0.25">
      <c r="A16355">
        <v>171.3</v>
      </c>
      <c r="B16355">
        <v>185.89</v>
      </c>
      <c r="C16355">
        <v>17254.5</v>
      </c>
      <c r="D16355">
        <v>3.1</v>
      </c>
      <c r="E16355">
        <v>3454.94</v>
      </c>
      <c r="F16355">
        <v>77.115099999999998</v>
      </c>
    </row>
    <row r="16356" spans="1:6" x14ac:dyDescent="0.25">
      <c r="A16356">
        <v>171.3</v>
      </c>
      <c r="B16356">
        <v>185.89</v>
      </c>
      <c r="C16356">
        <v>17254.5</v>
      </c>
      <c r="D16356">
        <v>3.4</v>
      </c>
      <c r="E16356">
        <v>3498.06</v>
      </c>
      <c r="F16356">
        <v>80.956699999999998</v>
      </c>
    </row>
    <row r="16357" spans="1:6" x14ac:dyDescent="0.25">
      <c r="A16357">
        <v>171.3</v>
      </c>
      <c r="B16357">
        <v>185.89</v>
      </c>
      <c r="C16357">
        <v>17254.5</v>
      </c>
      <c r="D16357">
        <v>3.7</v>
      </c>
      <c r="E16357">
        <v>3360.73</v>
      </c>
      <c r="F16357">
        <v>92.319900000000004</v>
      </c>
    </row>
    <row r="16358" spans="1:6" x14ac:dyDescent="0.25">
      <c r="A16358">
        <v>171.3</v>
      </c>
      <c r="B16358">
        <v>185.89</v>
      </c>
      <c r="C16358">
        <v>17254.5</v>
      </c>
      <c r="D16358">
        <v>4</v>
      </c>
      <c r="E16358">
        <v>3417.62</v>
      </c>
      <c r="F16358">
        <v>79.263800000000003</v>
      </c>
    </row>
    <row r="16359" spans="1:6" x14ac:dyDescent="0.25">
      <c r="A16359">
        <v>171.3</v>
      </c>
      <c r="B16359">
        <v>185.89</v>
      </c>
      <c r="C16359">
        <v>18800</v>
      </c>
      <c r="D16359">
        <v>1</v>
      </c>
      <c r="E16359">
        <v>4920.03</v>
      </c>
      <c r="F16359">
        <v>86.072299999999998</v>
      </c>
    </row>
    <row r="16360" spans="1:6" x14ac:dyDescent="0.25">
      <c r="A16360">
        <v>171.3</v>
      </c>
      <c r="B16360">
        <v>185.89</v>
      </c>
      <c r="C16360">
        <v>18800</v>
      </c>
      <c r="D16360">
        <v>1.3</v>
      </c>
      <c r="E16360">
        <v>4456.42</v>
      </c>
      <c r="F16360">
        <v>78.077500000000001</v>
      </c>
    </row>
    <row r="16361" spans="1:6" x14ac:dyDescent="0.25">
      <c r="A16361">
        <v>171.3</v>
      </c>
      <c r="B16361">
        <v>185.89</v>
      </c>
      <c r="C16361">
        <v>18800</v>
      </c>
      <c r="D16361">
        <v>1.6</v>
      </c>
      <c r="E16361">
        <v>4090.49</v>
      </c>
      <c r="F16361">
        <v>74.488399999999999</v>
      </c>
    </row>
    <row r="16362" spans="1:6" x14ac:dyDescent="0.25">
      <c r="A16362">
        <v>171.3</v>
      </c>
      <c r="B16362">
        <v>185.89</v>
      </c>
      <c r="C16362">
        <v>18800</v>
      </c>
      <c r="D16362">
        <v>1.9</v>
      </c>
      <c r="E16362">
        <v>3911.67</v>
      </c>
      <c r="F16362">
        <v>88.646299999999997</v>
      </c>
    </row>
    <row r="16363" spans="1:6" x14ac:dyDescent="0.25">
      <c r="A16363">
        <v>171.3</v>
      </c>
      <c r="B16363">
        <v>185.89</v>
      </c>
      <c r="C16363">
        <v>18800</v>
      </c>
      <c r="D16363">
        <v>2.2000000000000002</v>
      </c>
      <c r="E16363">
        <v>3770.06</v>
      </c>
      <c r="F16363">
        <v>88.7102</v>
      </c>
    </row>
    <row r="16364" spans="1:6" x14ac:dyDescent="0.25">
      <c r="A16364">
        <v>171.3</v>
      </c>
      <c r="B16364">
        <v>185.89</v>
      </c>
      <c r="C16364">
        <v>18800</v>
      </c>
      <c r="D16364">
        <v>2.5</v>
      </c>
      <c r="E16364">
        <v>3628.78</v>
      </c>
      <c r="F16364">
        <v>90.121499999999997</v>
      </c>
    </row>
    <row r="16365" spans="1:6" x14ac:dyDescent="0.25">
      <c r="A16365">
        <v>171.3</v>
      </c>
      <c r="B16365">
        <v>185.89</v>
      </c>
      <c r="C16365">
        <v>18800</v>
      </c>
      <c r="D16365">
        <v>2.8</v>
      </c>
      <c r="E16365">
        <v>3576.13</v>
      </c>
      <c r="F16365">
        <v>81.687899999999999</v>
      </c>
    </row>
    <row r="16366" spans="1:6" x14ac:dyDescent="0.25">
      <c r="A16366">
        <v>171.3</v>
      </c>
      <c r="B16366">
        <v>185.89</v>
      </c>
      <c r="C16366">
        <v>18800</v>
      </c>
      <c r="D16366">
        <v>3.1</v>
      </c>
      <c r="E16366">
        <v>3454.94</v>
      </c>
      <c r="F16366">
        <v>77.115099999999998</v>
      </c>
    </row>
    <row r="16367" spans="1:6" x14ac:dyDescent="0.25">
      <c r="A16367">
        <v>171.3</v>
      </c>
      <c r="B16367">
        <v>185.89</v>
      </c>
      <c r="C16367">
        <v>18800</v>
      </c>
      <c r="D16367">
        <v>3.4</v>
      </c>
      <c r="E16367">
        <v>3498.06</v>
      </c>
      <c r="F16367">
        <v>80.956699999999998</v>
      </c>
    </row>
    <row r="16368" spans="1:6" x14ac:dyDescent="0.25">
      <c r="A16368">
        <v>171.3</v>
      </c>
      <c r="B16368">
        <v>185.89</v>
      </c>
      <c r="C16368">
        <v>18800</v>
      </c>
      <c r="D16368">
        <v>3.7</v>
      </c>
      <c r="E16368">
        <v>3360.73</v>
      </c>
      <c r="F16368">
        <v>92.319900000000004</v>
      </c>
    </row>
    <row r="16369" spans="1:6" x14ac:dyDescent="0.25">
      <c r="A16369">
        <v>171.3</v>
      </c>
      <c r="B16369">
        <v>185.89</v>
      </c>
      <c r="C16369">
        <v>18800</v>
      </c>
      <c r="D16369">
        <v>4</v>
      </c>
      <c r="E16369">
        <v>3417.62</v>
      </c>
      <c r="F16369">
        <v>79.263800000000003</v>
      </c>
    </row>
    <row r="16370" spans="1:6" x14ac:dyDescent="0.25">
      <c r="A16370">
        <v>171.3</v>
      </c>
      <c r="B16370">
        <v>189.52</v>
      </c>
      <c r="C16370">
        <v>1800</v>
      </c>
      <c r="D16370">
        <v>1</v>
      </c>
      <c r="E16370">
        <v>4920.03</v>
      </c>
      <c r="F16370">
        <v>86.072299999999998</v>
      </c>
    </row>
    <row r="16371" spans="1:6" x14ac:dyDescent="0.25">
      <c r="A16371">
        <v>171.3</v>
      </c>
      <c r="B16371">
        <v>189.52</v>
      </c>
      <c r="C16371">
        <v>1800</v>
      </c>
      <c r="D16371">
        <v>1.3</v>
      </c>
      <c r="E16371">
        <v>4456.42</v>
      </c>
      <c r="F16371">
        <v>78.077500000000001</v>
      </c>
    </row>
    <row r="16372" spans="1:6" x14ac:dyDescent="0.25">
      <c r="A16372">
        <v>171.3</v>
      </c>
      <c r="B16372">
        <v>189.52</v>
      </c>
      <c r="C16372">
        <v>1800</v>
      </c>
      <c r="D16372">
        <v>1.6</v>
      </c>
      <c r="E16372">
        <v>4090.49</v>
      </c>
      <c r="F16372">
        <v>74.488399999999999</v>
      </c>
    </row>
    <row r="16373" spans="1:6" x14ac:dyDescent="0.25">
      <c r="A16373">
        <v>171.3</v>
      </c>
      <c r="B16373">
        <v>189.52</v>
      </c>
      <c r="C16373">
        <v>1800</v>
      </c>
      <c r="D16373">
        <v>1.9</v>
      </c>
      <c r="E16373">
        <v>3763.97</v>
      </c>
      <c r="F16373">
        <v>88.646299999999997</v>
      </c>
    </row>
    <row r="16374" spans="1:6" x14ac:dyDescent="0.25">
      <c r="A16374">
        <v>171.3</v>
      </c>
      <c r="B16374">
        <v>189.52</v>
      </c>
      <c r="C16374">
        <v>1800</v>
      </c>
      <c r="D16374">
        <v>2.2000000000000002</v>
      </c>
      <c r="E16374">
        <v>3621.99</v>
      </c>
      <c r="F16374">
        <v>88.7102</v>
      </c>
    </row>
    <row r="16375" spans="1:6" x14ac:dyDescent="0.25">
      <c r="A16375">
        <v>171.3</v>
      </c>
      <c r="B16375">
        <v>189.52</v>
      </c>
      <c r="C16375">
        <v>1800</v>
      </c>
      <c r="D16375">
        <v>2.5</v>
      </c>
      <c r="E16375">
        <v>3369.2</v>
      </c>
      <c r="F16375">
        <v>90.121499999999997</v>
      </c>
    </row>
    <row r="16376" spans="1:6" x14ac:dyDescent="0.25">
      <c r="A16376">
        <v>171.3</v>
      </c>
      <c r="B16376">
        <v>189.52</v>
      </c>
      <c r="C16376">
        <v>1800</v>
      </c>
      <c r="D16376">
        <v>2.8</v>
      </c>
      <c r="E16376">
        <v>3250.65</v>
      </c>
      <c r="F16376">
        <v>81.687899999999999</v>
      </c>
    </row>
    <row r="16377" spans="1:6" x14ac:dyDescent="0.25">
      <c r="A16377">
        <v>171.3</v>
      </c>
      <c r="B16377">
        <v>189.52</v>
      </c>
      <c r="C16377">
        <v>1800</v>
      </c>
      <c r="D16377">
        <v>3.1</v>
      </c>
      <c r="E16377">
        <v>3243.49</v>
      </c>
      <c r="F16377">
        <v>77.115099999999998</v>
      </c>
    </row>
    <row r="16378" spans="1:6" x14ac:dyDescent="0.25">
      <c r="A16378">
        <v>171.3</v>
      </c>
      <c r="B16378">
        <v>189.52</v>
      </c>
      <c r="C16378">
        <v>1800</v>
      </c>
      <c r="D16378">
        <v>3.4</v>
      </c>
      <c r="E16378">
        <v>3181.86</v>
      </c>
      <c r="F16378">
        <v>80.956699999999998</v>
      </c>
    </row>
    <row r="16379" spans="1:6" x14ac:dyDescent="0.25">
      <c r="A16379">
        <v>171.3</v>
      </c>
      <c r="B16379">
        <v>189.52</v>
      </c>
      <c r="C16379">
        <v>1800</v>
      </c>
      <c r="D16379">
        <v>3.7</v>
      </c>
      <c r="E16379">
        <v>3060.25</v>
      </c>
      <c r="F16379">
        <v>92.319900000000004</v>
      </c>
    </row>
    <row r="16380" spans="1:6" x14ac:dyDescent="0.25">
      <c r="A16380">
        <v>171.3</v>
      </c>
      <c r="B16380">
        <v>189.52</v>
      </c>
      <c r="C16380">
        <v>1800</v>
      </c>
      <c r="D16380">
        <v>4</v>
      </c>
      <c r="E16380">
        <v>2974.12</v>
      </c>
      <c r="F16380">
        <v>79.263800000000003</v>
      </c>
    </row>
    <row r="16381" spans="1:6" x14ac:dyDescent="0.25">
      <c r="A16381">
        <v>171.3</v>
      </c>
      <c r="B16381">
        <v>189.52</v>
      </c>
      <c r="C16381">
        <v>3345.45</v>
      </c>
      <c r="D16381">
        <v>1</v>
      </c>
      <c r="E16381">
        <v>4920.03</v>
      </c>
      <c r="F16381">
        <v>86.072299999999998</v>
      </c>
    </row>
    <row r="16382" spans="1:6" x14ac:dyDescent="0.25">
      <c r="A16382">
        <v>171.3</v>
      </c>
      <c r="B16382">
        <v>189.52</v>
      </c>
      <c r="C16382">
        <v>3345.45</v>
      </c>
      <c r="D16382">
        <v>1.3</v>
      </c>
      <c r="E16382">
        <v>4456.42</v>
      </c>
      <c r="F16382">
        <v>78.077500000000001</v>
      </c>
    </row>
    <row r="16383" spans="1:6" x14ac:dyDescent="0.25">
      <c r="A16383">
        <v>171.3</v>
      </c>
      <c r="B16383">
        <v>189.52</v>
      </c>
      <c r="C16383">
        <v>3345.45</v>
      </c>
      <c r="D16383">
        <v>1.6</v>
      </c>
      <c r="E16383">
        <v>4090.49</v>
      </c>
      <c r="F16383">
        <v>74.488399999999999</v>
      </c>
    </row>
    <row r="16384" spans="1:6" x14ac:dyDescent="0.25">
      <c r="A16384">
        <v>171.3</v>
      </c>
      <c r="B16384">
        <v>189.52</v>
      </c>
      <c r="C16384">
        <v>3345.45</v>
      </c>
      <c r="D16384">
        <v>1.9</v>
      </c>
      <c r="E16384">
        <v>3911.67</v>
      </c>
      <c r="F16384">
        <v>88.646299999999997</v>
      </c>
    </row>
    <row r="16385" spans="1:6" x14ac:dyDescent="0.25">
      <c r="A16385">
        <v>171.3</v>
      </c>
      <c r="B16385">
        <v>189.52</v>
      </c>
      <c r="C16385">
        <v>3345.45</v>
      </c>
      <c r="D16385">
        <v>2.2000000000000002</v>
      </c>
      <c r="E16385">
        <v>3770.06</v>
      </c>
      <c r="F16385">
        <v>88.7102</v>
      </c>
    </row>
    <row r="16386" spans="1:6" x14ac:dyDescent="0.25">
      <c r="A16386">
        <v>171.3</v>
      </c>
      <c r="B16386">
        <v>189.52</v>
      </c>
      <c r="C16386">
        <v>3345.45</v>
      </c>
      <c r="D16386">
        <v>2.5</v>
      </c>
      <c r="E16386">
        <v>3628.78</v>
      </c>
      <c r="F16386">
        <v>90.121499999999997</v>
      </c>
    </row>
    <row r="16387" spans="1:6" x14ac:dyDescent="0.25">
      <c r="A16387">
        <v>171.3</v>
      </c>
      <c r="B16387">
        <v>189.52</v>
      </c>
      <c r="C16387">
        <v>3345.45</v>
      </c>
      <c r="D16387">
        <v>2.8</v>
      </c>
      <c r="E16387">
        <v>3576.13</v>
      </c>
      <c r="F16387">
        <v>81.687899999999999</v>
      </c>
    </row>
    <row r="16388" spans="1:6" x14ac:dyDescent="0.25">
      <c r="A16388">
        <v>171.3</v>
      </c>
      <c r="B16388">
        <v>189.52</v>
      </c>
      <c r="C16388">
        <v>3345.45</v>
      </c>
      <c r="D16388">
        <v>3.1</v>
      </c>
      <c r="E16388">
        <v>3454.94</v>
      </c>
      <c r="F16388">
        <v>77.115099999999998</v>
      </c>
    </row>
    <row r="16389" spans="1:6" x14ac:dyDescent="0.25">
      <c r="A16389">
        <v>171.3</v>
      </c>
      <c r="B16389">
        <v>189.52</v>
      </c>
      <c r="C16389">
        <v>3345.45</v>
      </c>
      <c r="D16389">
        <v>3.4</v>
      </c>
      <c r="E16389">
        <v>3498.06</v>
      </c>
      <c r="F16389">
        <v>80.956699999999998</v>
      </c>
    </row>
    <row r="16390" spans="1:6" x14ac:dyDescent="0.25">
      <c r="A16390">
        <v>171.3</v>
      </c>
      <c r="B16390">
        <v>189.52</v>
      </c>
      <c r="C16390">
        <v>3345.45</v>
      </c>
      <c r="D16390">
        <v>3.7</v>
      </c>
      <c r="E16390">
        <v>3360.73</v>
      </c>
      <c r="F16390">
        <v>92.319900000000004</v>
      </c>
    </row>
    <row r="16391" spans="1:6" x14ac:dyDescent="0.25">
      <c r="A16391">
        <v>171.3</v>
      </c>
      <c r="B16391">
        <v>189.52</v>
      </c>
      <c r="C16391">
        <v>3345.45</v>
      </c>
      <c r="D16391">
        <v>4</v>
      </c>
      <c r="E16391">
        <v>3417.62</v>
      </c>
      <c r="F16391">
        <v>79.263800000000003</v>
      </c>
    </row>
    <row r="16392" spans="1:6" x14ac:dyDescent="0.25">
      <c r="A16392">
        <v>171.3</v>
      </c>
      <c r="B16392">
        <v>189.52</v>
      </c>
      <c r="C16392">
        <v>4890.8999999999996</v>
      </c>
      <c r="D16392">
        <v>1</v>
      </c>
      <c r="E16392">
        <v>4920.03</v>
      </c>
      <c r="F16392">
        <v>86.072299999999998</v>
      </c>
    </row>
    <row r="16393" spans="1:6" x14ac:dyDescent="0.25">
      <c r="A16393">
        <v>171.3</v>
      </c>
      <c r="B16393">
        <v>189.52</v>
      </c>
      <c r="C16393">
        <v>4890.8999999999996</v>
      </c>
      <c r="D16393">
        <v>1.3</v>
      </c>
      <c r="E16393">
        <v>4456.42</v>
      </c>
      <c r="F16393">
        <v>78.077500000000001</v>
      </c>
    </row>
    <row r="16394" spans="1:6" x14ac:dyDescent="0.25">
      <c r="A16394">
        <v>171.3</v>
      </c>
      <c r="B16394">
        <v>189.52</v>
      </c>
      <c r="C16394">
        <v>4890.8999999999996</v>
      </c>
      <c r="D16394">
        <v>1.6</v>
      </c>
      <c r="E16394">
        <v>4090.49</v>
      </c>
      <c r="F16394">
        <v>74.488399999999999</v>
      </c>
    </row>
    <row r="16395" spans="1:6" x14ac:dyDescent="0.25">
      <c r="A16395">
        <v>171.3</v>
      </c>
      <c r="B16395">
        <v>189.52</v>
      </c>
      <c r="C16395">
        <v>4890.8999999999996</v>
      </c>
      <c r="D16395">
        <v>1.9</v>
      </c>
      <c r="E16395">
        <v>3911.67</v>
      </c>
      <c r="F16395">
        <v>88.646299999999997</v>
      </c>
    </row>
    <row r="16396" spans="1:6" x14ac:dyDescent="0.25">
      <c r="A16396">
        <v>171.3</v>
      </c>
      <c r="B16396">
        <v>189.52</v>
      </c>
      <c r="C16396">
        <v>4890.8999999999996</v>
      </c>
      <c r="D16396">
        <v>2.2000000000000002</v>
      </c>
      <c r="E16396">
        <v>3770.06</v>
      </c>
      <c r="F16396">
        <v>88.7102</v>
      </c>
    </row>
    <row r="16397" spans="1:6" x14ac:dyDescent="0.25">
      <c r="A16397">
        <v>171.3</v>
      </c>
      <c r="B16397">
        <v>189.52</v>
      </c>
      <c r="C16397">
        <v>4890.8999999999996</v>
      </c>
      <c r="D16397">
        <v>2.5</v>
      </c>
      <c r="E16397">
        <v>3628.78</v>
      </c>
      <c r="F16397">
        <v>90.121499999999997</v>
      </c>
    </row>
    <row r="16398" spans="1:6" x14ac:dyDescent="0.25">
      <c r="A16398">
        <v>171.3</v>
      </c>
      <c r="B16398">
        <v>189.52</v>
      </c>
      <c r="C16398">
        <v>4890.8999999999996</v>
      </c>
      <c r="D16398">
        <v>2.8</v>
      </c>
      <c r="E16398">
        <v>3576.13</v>
      </c>
      <c r="F16398">
        <v>81.687899999999999</v>
      </c>
    </row>
    <row r="16399" spans="1:6" x14ac:dyDescent="0.25">
      <c r="A16399">
        <v>171.3</v>
      </c>
      <c r="B16399">
        <v>189.52</v>
      </c>
      <c r="C16399">
        <v>4890.8999999999996</v>
      </c>
      <c r="D16399">
        <v>3.1</v>
      </c>
      <c r="E16399">
        <v>3454.94</v>
      </c>
      <c r="F16399">
        <v>77.115099999999998</v>
      </c>
    </row>
    <row r="16400" spans="1:6" x14ac:dyDescent="0.25">
      <c r="A16400">
        <v>171.3</v>
      </c>
      <c r="B16400">
        <v>189.52</v>
      </c>
      <c r="C16400">
        <v>4890.8999999999996</v>
      </c>
      <c r="D16400">
        <v>3.4</v>
      </c>
      <c r="E16400">
        <v>3498.06</v>
      </c>
      <c r="F16400">
        <v>80.956699999999998</v>
      </c>
    </row>
    <row r="16401" spans="1:6" x14ac:dyDescent="0.25">
      <c r="A16401">
        <v>171.3</v>
      </c>
      <c r="B16401">
        <v>189.52</v>
      </c>
      <c r="C16401">
        <v>4890.8999999999996</v>
      </c>
      <c r="D16401">
        <v>3.7</v>
      </c>
      <c r="E16401">
        <v>3360.73</v>
      </c>
      <c r="F16401">
        <v>92.319900000000004</v>
      </c>
    </row>
    <row r="16402" spans="1:6" x14ac:dyDescent="0.25">
      <c r="A16402">
        <v>171.3</v>
      </c>
      <c r="B16402">
        <v>189.52</v>
      </c>
      <c r="C16402">
        <v>4890.8999999999996</v>
      </c>
      <c r="D16402">
        <v>4</v>
      </c>
      <c r="E16402">
        <v>3417.62</v>
      </c>
      <c r="F16402">
        <v>79.263800000000003</v>
      </c>
    </row>
    <row r="16403" spans="1:6" x14ac:dyDescent="0.25">
      <c r="A16403">
        <v>171.3</v>
      </c>
      <c r="B16403">
        <v>189.52</v>
      </c>
      <c r="C16403">
        <v>6436.35</v>
      </c>
      <c r="D16403">
        <v>1</v>
      </c>
      <c r="E16403">
        <v>4920.03</v>
      </c>
      <c r="F16403">
        <v>86.072299999999998</v>
      </c>
    </row>
    <row r="16404" spans="1:6" x14ac:dyDescent="0.25">
      <c r="A16404">
        <v>171.3</v>
      </c>
      <c r="B16404">
        <v>189.52</v>
      </c>
      <c r="C16404">
        <v>6436.35</v>
      </c>
      <c r="D16404">
        <v>1.3</v>
      </c>
      <c r="E16404">
        <v>4456.42</v>
      </c>
      <c r="F16404">
        <v>78.077500000000001</v>
      </c>
    </row>
    <row r="16405" spans="1:6" x14ac:dyDescent="0.25">
      <c r="A16405">
        <v>171.3</v>
      </c>
      <c r="B16405">
        <v>189.52</v>
      </c>
      <c r="C16405">
        <v>6436.35</v>
      </c>
      <c r="D16405">
        <v>1.6</v>
      </c>
      <c r="E16405">
        <v>4090.49</v>
      </c>
      <c r="F16405">
        <v>74.488399999999999</v>
      </c>
    </row>
    <row r="16406" spans="1:6" x14ac:dyDescent="0.25">
      <c r="A16406">
        <v>171.3</v>
      </c>
      <c r="B16406">
        <v>189.52</v>
      </c>
      <c r="C16406">
        <v>6436.35</v>
      </c>
      <c r="D16406">
        <v>1.9</v>
      </c>
      <c r="E16406">
        <v>3911.67</v>
      </c>
      <c r="F16406">
        <v>88.646299999999997</v>
      </c>
    </row>
    <row r="16407" spans="1:6" x14ac:dyDescent="0.25">
      <c r="A16407">
        <v>171.3</v>
      </c>
      <c r="B16407">
        <v>189.52</v>
      </c>
      <c r="C16407">
        <v>6436.35</v>
      </c>
      <c r="D16407">
        <v>2.2000000000000002</v>
      </c>
      <c r="E16407">
        <v>3770.06</v>
      </c>
      <c r="F16407">
        <v>88.7102</v>
      </c>
    </row>
    <row r="16408" spans="1:6" x14ac:dyDescent="0.25">
      <c r="A16408">
        <v>171.3</v>
      </c>
      <c r="B16408">
        <v>189.52</v>
      </c>
      <c r="C16408">
        <v>6436.35</v>
      </c>
      <c r="D16408">
        <v>2.5</v>
      </c>
      <c r="E16408">
        <v>3628.78</v>
      </c>
      <c r="F16408">
        <v>90.121499999999997</v>
      </c>
    </row>
    <row r="16409" spans="1:6" x14ac:dyDescent="0.25">
      <c r="A16409">
        <v>171.3</v>
      </c>
      <c r="B16409">
        <v>189.52</v>
      </c>
      <c r="C16409">
        <v>6436.35</v>
      </c>
      <c r="D16409">
        <v>2.8</v>
      </c>
      <c r="E16409">
        <v>3576.13</v>
      </c>
      <c r="F16409">
        <v>81.687899999999999</v>
      </c>
    </row>
    <row r="16410" spans="1:6" x14ac:dyDescent="0.25">
      <c r="A16410">
        <v>171.3</v>
      </c>
      <c r="B16410">
        <v>189.52</v>
      </c>
      <c r="C16410">
        <v>6436.35</v>
      </c>
      <c r="D16410">
        <v>3.1</v>
      </c>
      <c r="E16410">
        <v>3454.94</v>
      </c>
      <c r="F16410">
        <v>77.115099999999998</v>
      </c>
    </row>
    <row r="16411" spans="1:6" x14ac:dyDescent="0.25">
      <c r="A16411">
        <v>171.3</v>
      </c>
      <c r="B16411">
        <v>189.52</v>
      </c>
      <c r="C16411">
        <v>6436.35</v>
      </c>
      <c r="D16411">
        <v>3.4</v>
      </c>
      <c r="E16411">
        <v>3498.06</v>
      </c>
      <c r="F16411">
        <v>80.956699999999998</v>
      </c>
    </row>
    <row r="16412" spans="1:6" x14ac:dyDescent="0.25">
      <c r="A16412">
        <v>171.3</v>
      </c>
      <c r="B16412">
        <v>189.52</v>
      </c>
      <c r="C16412">
        <v>6436.35</v>
      </c>
      <c r="D16412">
        <v>3.7</v>
      </c>
      <c r="E16412">
        <v>3360.73</v>
      </c>
      <c r="F16412">
        <v>92.319900000000004</v>
      </c>
    </row>
    <row r="16413" spans="1:6" x14ac:dyDescent="0.25">
      <c r="A16413">
        <v>171.3</v>
      </c>
      <c r="B16413">
        <v>189.52</v>
      </c>
      <c r="C16413">
        <v>6436.35</v>
      </c>
      <c r="D16413">
        <v>4</v>
      </c>
      <c r="E16413">
        <v>3417.62</v>
      </c>
      <c r="F16413">
        <v>79.263800000000003</v>
      </c>
    </row>
    <row r="16414" spans="1:6" x14ac:dyDescent="0.25">
      <c r="A16414">
        <v>171.3</v>
      </c>
      <c r="B16414">
        <v>189.52</v>
      </c>
      <c r="C16414">
        <v>7981.8</v>
      </c>
      <c r="D16414">
        <v>1</v>
      </c>
      <c r="E16414">
        <v>4920.03</v>
      </c>
      <c r="F16414">
        <v>86.072299999999998</v>
      </c>
    </row>
    <row r="16415" spans="1:6" x14ac:dyDescent="0.25">
      <c r="A16415">
        <v>171.3</v>
      </c>
      <c r="B16415">
        <v>189.52</v>
      </c>
      <c r="C16415">
        <v>7981.8</v>
      </c>
      <c r="D16415">
        <v>1.3</v>
      </c>
      <c r="E16415">
        <v>4456.42</v>
      </c>
      <c r="F16415">
        <v>78.077500000000001</v>
      </c>
    </row>
    <row r="16416" spans="1:6" x14ac:dyDescent="0.25">
      <c r="A16416">
        <v>171.3</v>
      </c>
      <c r="B16416">
        <v>189.52</v>
      </c>
      <c r="C16416">
        <v>7981.8</v>
      </c>
      <c r="D16416">
        <v>1.6</v>
      </c>
      <c r="E16416">
        <v>4090.49</v>
      </c>
      <c r="F16416">
        <v>74.488399999999999</v>
      </c>
    </row>
    <row r="16417" spans="1:6" x14ac:dyDescent="0.25">
      <c r="A16417">
        <v>171.3</v>
      </c>
      <c r="B16417">
        <v>189.52</v>
      </c>
      <c r="C16417">
        <v>7981.8</v>
      </c>
      <c r="D16417">
        <v>1.9</v>
      </c>
      <c r="E16417">
        <v>3911.67</v>
      </c>
      <c r="F16417">
        <v>88.646299999999997</v>
      </c>
    </row>
    <row r="16418" spans="1:6" x14ac:dyDescent="0.25">
      <c r="A16418">
        <v>171.3</v>
      </c>
      <c r="B16418">
        <v>189.52</v>
      </c>
      <c r="C16418">
        <v>7981.8</v>
      </c>
      <c r="D16418">
        <v>2.2000000000000002</v>
      </c>
      <c r="E16418">
        <v>3770.06</v>
      </c>
      <c r="F16418">
        <v>88.7102</v>
      </c>
    </row>
    <row r="16419" spans="1:6" x14ac:dyDescent="0.25">
      <c r="A16419">
        <v>171.3</v>
      </c>
      <c r="B16419">
        <v>189.52</v>
      </c>
      <c r="C16419">
        <v>7981.8</v>
      </c>
      <c r="D16419">
        <v>2.5</v>
      </c>
      <c r="E16419">
        <v>3628.78</v>
      </c>
      <c r="F16419">
        <v>90.121499999999997</v>
      </c>
    </row>
    <row r="16420" spans="1:6" x14ac:dyDescent="0.25">
      <c r="A16420">
        <v>171.3</v>
      </c>
      <c r="B16420">
        <v>189.52</v>
      </c>
      <c r="C16420">
        <v>7981.8</v>
      </c>
      <c r="D16420">
        <v>2.8</v>
      </c>
      <c r="E16420">
        <v>3576.13</v>
      </c>
      <c r="F16420">
        <v>81.687899999999999</v>
      </c>
    </row>
    <row r="16421" spans="1:6" x14ac:dyDescent="0.25">
      <c r="A16421">
        <v>171.3</v>
      </c>
      <c r="B16421">
        <v>189.52</v>
      </c>
      <c r="C16421">
        <v>7981.8</v>
      </c>
      <c r="D16421">
        <v>3.1</v>
      </c>
      <c r="E16421">
        <v>3454.94</v>
      </c>
      <c r="F16421">
        <v>77.115099999999998</v>
      </c>
    </row>
    <row r="16422" spans="1:6" x14ac:dyDescent="0.25">
      <c r="A16422">
        <v>171.3</v>
      </c>
      <c r="B16422">
        <v>189.52</v>
      </c>
      <c r="C16422">
        <v>7981.8</v>
      </c>
      <c r="D16422">
        <v>3.4</v>
      </c>
      <c r="E16422">
        <v>3498.06</v>
      </c>
      <c r="F16422">
        <v>80.956699999999998</v>
      </c>
    </row>
    <row r="16423" spans="1:6" x14ac:dyDescent="0.25">
      <c r="A16423">
        <v>171.3</v>
      </c>
      <c r="B16423">
        <v>189.52</v>
      </c>
      <c r="C16423">
        <v>7981.8</v>
      </c>
      <c r="D16423">
        <v>3.7</v>
      </c>
      <c r="E16423">
        <v>3360.73</v>
      </c>
      <c r="F16423">
        <v>92.319900000000004</v>
      </c>
    </row>
    <row r="16424" spans="1:6" x14ac:dyDescent="0.25">
      <c r="A16424">
        <v>171.3</v>
      </c>
      <c r="B16424">
        <v>189.52</v>
      </c>
      <c r="C16424">
        <v>7981.8</v>
      </c>
      <c r="D16424">
        <v>4</v>
      </c>
      <c r="E16424">
        <v>3417.62</v>
      </c>
      <c r="F16424">
        <v>79.263800000000003</v>
      </c>
    </row>
    <row r="16425" spans="1:6" x14ac:dyDescent="0.25">
      <c r="A16425">
        <v>171.3</v>
      </c>
      <c r="B16425">
        <v>189.52</v>
      </c>
      <c r="C16425">
        <v>9527.25</v>
      </c>
      <c r="D16425">
        <v>1</v>
      </c>
      <c r="E16425">
        <v>4920.03</v>
      </c>
      <c r="F16425">
        <v>86.072299999999998</v>
      </c>
    </row>
    <row r="16426" spans="1:6" x14ac:dyDescent="0.25">
      <c r="A16426">
        <v>171.3</v>
      </c>
      <c r="B16426">
        <v>189.52</v>
      </c>
      <c r="C16426">
        <v>9527.25</v>
      </c>
      <c r="D16426">
        <v>1.3</v>
      </c>
      <c r="E16426">
        <v>4456.42</v>
      </c>
      <c r="F16426">
        <v>78.077500000000001</v>
      </c>
    </row>
    <row r="16427" spans="1:6" x14ac:dyDescent="0.25">
      <c r="A16427">
        <v>171.3</v>
      </c>
      <c r="B16427">
        <v>189.52</v>
      </c>
      <c r="C16427">
        <v>9527.25</v>
      </c>
      <c r="D16427">
        <v>1.6</v>
      </c>
      <c r="E16427">
        <v>4090.49</v>
      </c>
      <c r="F16427">
        <v>74.488399999999999</v>
      </c>
    </row>
    <row r="16428" spans="1:6" x14ac:dyDescent="0.25">
      <c r="A16428">
        <v>171.3</v>
      </c>
      <c r="B16428">
        <v>189.52</v>
      </c>
      <c r="C16428">
        <v>9527.25</v>
      </c>
      <c r="D16428">
        <v>1.9</v>
      </c>
      <c r="E16428">
        <v>3911.67</v>
      </c>
      <c r="F16428">
        <v>88.646299999999997</v>
      </c>
    </row>
    <row r="16429" spans="1:6" x14ac:dyDescent="0.25">
      <c r="A16429">
        <v>171.3</v>
      </c>
      <c r="B16429">
        <v>189.52</v>
      </c>
      <c r="C16429">
        <v>9527.25</v>
      </c>
      <c r="D16429">
        <v>2.2000000000000002</v>
      </c>
      <c r="E16429">
        <v>3770.06</v>
      </c>
      <c r="F16429">
        <v>88.7102</v>
      </c>
    </row>
    <row r="16430" spans="1:6" x14ac:dyDescent="0.25">
      <c r="A16430">
        <v>171.3</v>
      </c>
      <c r="B16430">
        <v>189.52</v>
      </c>
      <c r="C16430">
        <v>9527.25</v>
      </c>
      <c r="D16430">
        <v>2.5</v>
      </c>
      <c r="E16430">
        <v>3628.78</v>
      </c>
      <c r="F16430">
        <v>90.121499999999997</v>
      </c>
    </row>
    <row r="16431" spans="1:6" x14ac:dyDescent="0.25">
      <c r="A16431">
        <v>171.3</v>
      </c>
      <c r="B16431">
        <v>189.52</v>
      </c>
      <c r="C16431">
        <v>9527.25</v>
      </c>
      <c r="D16431">
        <v>2.8</v>
      </c>
      <c r="E16431">
        <v>3576.13</v>
      </c>
      <c r="F16431">
        <v>81.687899999999999</v>
      </c>
    </row>
    <row r="16432" spans="1:6" x14ac:dyDescent="0.25">
      <c r="A16432">
        <v>171.3</v>
      </c>
      <c r="B16432">
        <v>189.52</v>
      </c>
      <c r="C16432">
        <v>9527.25</v>
      </c>
      <c r="D16432">
        <v>3.1</v>
      </c>
      <c r="E16432">
        <v>3454.94</v>
      </c>
      <c r="F16432">
        <v>77.115099999999998</v>
      </c>
    </row>
    <row r="16433" spans="1:6" x14ac:dyDescent="0.25">
      <c r="A16433">
        <v>171.3</v>
      </c>
      <c r="B16433">
        <v>189.52</v>
      </c>
      <c r="C16433">
        <v>9527.25</v>
      </c>
      <c r="D16433">
        <v>3.4</v>
      </c>
      <c r="E16433">
        <v>3498.06</v>
      </c>
      <c r="F16433">
        <v>80.956699999999998</v>
      </c>
    </row>
    <row r="16434" spans="1:6" x14ac:dyDescent="0.25">
      <c r="A16434">
        <v>171.3</v>
      </c>
      <c r="B16434">
        <v>189.52</v>
      </c>
      <c r="C16434">
        <v>9527.25</v>
      </c>
      <c r="D16434">
        <v>3.7</v>
      </c>
      <c r="E16434">
        <v>3360.73</v>
      </c>
      <c r="F16434">
        <v>92.319900000000004</v>
      </c>
    </row>
    <row r="16435" spans="1:6" x14ac:dyDescent="0.25">
      <c r="A16435">
        <v>171.3</v>
      </c>
      <c r="B16435">
        <v>189.52</v>
      </c>
      <c r="C16435">
        <v>9527.25</v>
      </c>
      <c r="D16435">
        <v>4</v>
      </c>
      <c r="E16435">
        <v>3417.62</v>
      </c>
      <c r="F16435">
        <v>79.263800000000003</v>
      </c>
    </row>
    <row r="16436" spans="1:6" x14ac:dyDescent="0.25">
      <c r="A16436">
        <v>171.3</v>
      </c>
      <c r="B16436">
        <v>189.52</v>
      </c>
      <c r="C16436">
        <v>11072.7</v>
      </c>
      <c r="D16436">
        <v>1</v>
      </c>
      <c r="E16436">
        <v>4920.03</v>
      </c>
      <c r="F16436">
        <v>86.072299999999998</v>
      </c>
    </row>
    <row r="16437" spans="1:6" x14ac:dyDescent="0.25">
      <c r="A16437">
        <v>171.3</v>
      </c>
      <c r="B16437">
        <v>189.52</v>
      </c>
      <c r="C16437">
        <v>11072.7</v>
      </c>
      <c r="D16437">
        <v>1.3</v>
      </c>
      <c r="E16437">
        <v>4456.42</v>
      </c>
      <c r="F16437">
        <v>78.077500000000001</v>
      </c>
    </row>
    <row r="16438" spans="1:6" x14ac:dyDescent="0.25">
      <c r="A16438">
        <v>171.3</v>
      </c>
      <c r="B16438">
        <v>189.52</v>
      </c>
      <c r="C16438">
        <v>11072.7</v>
      </c>
      <c r="D16438">
        <v>1.6</v>
      </c>
      <c r="E16438">
        <v>4090.49</v>
      </c>
      <c r="F16438">
        <v>74.488399999999999</v>
      </c>
    </row>
    <row r="16439" spans="1:6" x14ac:dyDescent="0.25">
      <c r="A16439">
        <v>171.3</v>
      </c>
      <c r="B16439">
        <v>189.52</v>
      </c>
      <c r="C16439">
        <v>11072.7</v>
      </c>
      <c r="D16439">
        <v>1.9</v>
      </c>
      <c r="E16439">
        <v>3911.67</v>
      </c>
      <c r="F16439">
        <v>88.646299999999997</v>
      </c>
    </row>
    <row r="16440" spans="1:6" x14ac:dyDescent="0.25">
      <c r="A16440">
        <v>171.3</v>
      </c>
      <c r="B16440">
        <v>189.52</v>
      </c>
      <c r="C16440">
        <v>11072.7</v>
      </c>
      <c r="D16440">
        <v>2.2000000000000002</v>
      </c>
      <c r="E16440">
        <v>3770.06</v>
      </c>
      <c r="F16440">
        <v>88.7102</v>
      </c>
    </row>
    <row r="16441" spans="1:6" x14ac:dyDescent="0.25">
      <c r="A16441">
        <v>171.3</v>
      </c>
      <c r="B16441">
        <v>189.52</v>
      </c>
      <c r="C16441">
        <v>11072.7</v>
      </c>
      <c r="D16441">
        <v>2.5</v>
      </c>
      <c r="E16441">
        <v>3628.78</v>
      </c>
      <c r="F16441">
        <v>90.121499999999997</v>
      </c>
    </row>
    <row r="16442" spans="1:6" x14ac:dyDescent="0.25">
      <c r="A16442">
        <v>171.3</v>
      </c>
      <c r="B16442">
        <v>189.52</v>
      </c>
      <c r="C16442">
        <v>11072.7</v>
      </c>
      <c r="D16442">
        <v>2.8</v>
      </c>
      <c r="E16442">
        <v>3576.13</v>
      </c>
      <c r="F16442">
        <v>81.687899999999999</v>
      </c>
    </row>
    <row r="16443" spans="1:6" x14ac:dyDescent="0.25">
      <c r="A16443">
        <v>171.3</v>
      </c>
      <c r="B16443">
        <v>189.52</v>
      </c>
      <c r="C16443">
        <v>11072.7</v>
      </c>
      <c r="D16443">
        <v>3.1</v>
      </c>
      <c r="E16443">
        <v>3454.94</v>
      </c>
      <c r="F16443">
        <v>77.115099999999998</v>
      </c>
    </row>
    <row r="16444" spans="1:6" x14ac:dyDescent="0.25">
      <c r="A16444">
        <v>171.3</v>
      </c>
      <c r="B16444">
        <v>189.52</v>
      </c>
      <c r="C16444">
        <v>11072.7</v>
      </c>
      <c r="D16444">
        <v>3.4</v>
      </c>
      <c r="E16444">
        <v>3498.06</v>
      </c>
      <c r="F16444">
        <v>80.956699999999998</v>
      </c>
    </row>
    <row r="16445" spans="1:6" x14ac:dyDescent="0.25">
      <c r="A16445">
        <v>171.3</v>
      </c>
      <c r="B16445">
        <v>189.52</v>
      </c>
      <c r="C16445">
        <v>11072.7</v>
      </c>
      <c r="D16445">
        <v>3.7</v>
      </c>
      <c r="E16445">
        <v>3360.73</v>
      </c>
      <c r="F16445">
        <v>92.319900000000004</v>
      </c>
    </row>
    <row r="16446" spans="1:6" x14ac:dyDescent="0.25">
      <c r="A16446">
        <v>171.3</v>
      </c>
      <c r="B16446">
        <v>189.52</v>
      </c>
      <c r="C16446">
        <v>11072.7</v>
      </c>
      <c r="D16446">
        <v>4</v>
      </c>
      <c r="E16446">
        <v>3417.62</v>
      </c>
      <c r="F16446">
        <v>79.263800000000003</v>
      </c>
    </row>
    <row r="16447" spans="1:6" x14ac:dyDescent="0.25">
      <c r="A16447">
        <v>171.3</v>
      </c>
      <c r="B16447">
        <v>189.52</v>
      </c>
      <c r="C16447">
        <v>12618.2</v>
      </c>
      <c r="D16447">
        <v>1</v>
      </c>
      <c r="E16447">
        <v>4920.03</v>
      </c>
      <c r="F16447">
        <v>86.072299999999998</v>
      </c>
    </row>
    <row r="16448" spans="1:6" x14ac:dyDescent="0.25">
      <c r="A16448">
        <v>171.3</v>
      </c>
      <c r="B16448">
        <v>189.52</v>
      </c>
      <c r="C16448">
        <v>12618.2</v>
      </c>
      <c r="D16448">
        <v>1.3</v>
      </c>
      <c r="E16448">
        <v>4456.42</v>
      </c>
      <c r="F16448">
        <v>78.077500000000001</v>
      </c>
    </row>
    <row r="16449" spans="1:6" x14ac:dyDescent="0.25">
      <c r="A16449">
        <v>171.3</v>
      </c>
      <c r="B16449">
        <v>189.52</v>
      </c>
      <c r="C16449">
        <v>12618.2</v>
      </c>
      <c r="D16449">
        <v>1.6</v>
      </c>
      <c r="E16449">
        <v>4090.49</v>
      </c>
      <c r="F16449">
        <v>74.488399999999999</v>
      </c>
    </row>
    <row r="16450" spans="1:6" x14ac:dyDescent="0.25">
      <c r="A16450">
        <v>171.3</v>
      </c>
      <c r="B16450">
        <v>189.52</v>
      </c>
      <c r="C16450">
        <v>12618.2</v>
      </c>
      <c r="D16450">
        <v>1.9</v>
      </c>
      <c r="E16450">
        <v>3911.67</v>
      </c>
      <c r="F16450">
        <v>88.646299999999997</v>
      </c>
    </row>
    <row r="16451" spans="1:6" x14ac:dyDescent="0.25">
      <c r="A16451">
        <v>171.3</v>
      </c>
      <c r="B16451">
        <v>189.52</v>
      </c>
      <c r="C16451">
        <v>12618.2</v>
      </c>
      <c r="D16451">
        <v>2.2000000000000002</v>
      </c>
      <c r="E16451">
        <v>3770.06</v>
      </c>
      <c r="F16451">
        <v>88.7102</v>
      </c>
    </row>
    <row r="16452" spans="1:6" x14ac:dyDescent="0.25">
      <c r="A16452">
        <v>171.3</v>
      </c>
      <c r="B16452">
        <v>189.52</v>
      </c>
      <c r="C16452">
        <v>12618.2</v>
      </c>
      <c r="D16452">
        <v>2.5</v>
      </c>
      <c r="E16452">
        <v>3628.78</v>
      </c>
      <c r="F16452">
        <v>90.121499999999997</v>
      </c>
    </row>
    <row r="16453" spans="1:6" x14ac:dyDescent="0.25">
      <c r="A16453">
        <v>171.3</v>
      </c>
      <c r="B16453">
        <v>189.52</v>
      </c>
      <c r="C16453">
        <v>12618.2</v>
      </c>
      <c r="D16453">
        <v>2.8</v>
      </c>
      <c r="E16453">
        <v>3576.13</v>
      </c>
      <c r="F16453">
        <v>81.687899999999999</v>
      </c>
    </row>
    <row r="16454" spans="1:6" x14ac:dyDescent="0.25">
      <c r="A16454">
        <v>171.3</v>
      </c>
      <c r="B16454">
        <v>189.52</v>
      </c>
      <c r="C16454">
        <v>12618.2</v>
      </c>
      <c r="D16454">
        <v>3.1</v>
      </c>
      <c r="E16454">
        <v>3454.94</v>
      </c>
      <c r="F16454">
        <v>77.115099999999998</v>
      </c>
    </row>
    <row r="16455" spans="1:6" x14ac:dyDescent="0.25">
      <c r="A16455">
        <v>171.3</v>
      </c>
      <c r="B16455">
        <v>189.52</v>
      </c>
      <c r="C16455">
        <v>12618.2</v>
      </c>
      <c r="D16455">
        <v>3.4</v>
      </c>
      <c r="E16455">
        <v>3498.06</v>
      </c>
      <c r="F16455">
        <v>80.956699999999998</v>
      </c>
    </row>
    <row r="16456" spans="1:6" x14ac:dyDescent="0.25">
      <c r="A16456">
        <v>171.3</v>
      </c>
      <c r="B16456">
        <v>189.52</v>
      </c>
      <c r="C16456">
        <v>12618.2</v>
      </c>
      <c r="D16456">
        <v>3.7</v>
      </c>
      <c r="E16456">
        <v>3360.73</v>
      </c>
      <c r="F16456">
        <v>92.319900000000004</v>
      </c>
    </row>
    <row r="16457" spans="1:6" x14ac:dyDescent="0.25">
      <c r="A16457">
        <v>171.3</v>
      </c>
      <c r="B16457">
        <v>189.52</v>
      </c>
      <c r="C16457">
        <v>12618.2</v>
      </c>
      <c r="D16457">
        <v>4</v>
      </c>
      <c r="E16457">
        <v>3417.62</v>
      </c>
      <c r="F16457">
        <v>79.263800000000003</v>
      </c>
    </row>
    <row r="16458" spans="1:6" x14ac:dyDescent="0.25">
      <c r="A16458">
        <v>171.3</v>
      </c>
      <c r="B16458">
        <v>189.52</v>
      </c>
      <c r="C16458">
        <v>14163.6</v>
      </c>
      <c r="D16458">
        <v>1</v>
      </c>
      <c r="E16458">
        <v>4920.03</v>
      </c>
      <c r="F16458">
        <v>86.072299999999998</v>
      </c>
    </row>
    <row r="16459" spans="1:6" x14ac:dyDescent="0.25">
      <c r="A16459">
        <v>171.3</v>
      </c>
      <c r="B16459">
        <v>189.52</v>
      </c>
      <c r="C16459">
        <v>14163.6</v>
      </c>
      <c r="D16459">
        <v>1.3</v>
      </c>
      <c r="E16459">
        <v>4456.42</v>
      </c>
      <c r="F16459">
        <v>78.077500000000001</v>
      </c>
    </row>
    <row r="16460" spans="1:6" x14ac:dyDescent="0.25">
      <c r="A16460">
        <v>171.3</v>
      </c>
      <c r="B16460">
        <v>189.52</v>
      </c>
      <c r="C16460">
        <v>14163.6</v>
      </c>
      <c r="D16460">
        <v>1.6</v>
      </c>
      <c r="E16460">
        <v>4090.49</v>
      </c>
      <c r="F16460">
        <v>74.488399999999999</v>
      </c>
    </row>
    <row r="16461" spans="1:6" x14ac:dyDescent="0.25">
      <c r="A16461">
        <v>171.3</v>
      </c>
      <c r="B16461">
        <v>189.52</v>
      </c>
      <c r="C16461">
        <v>14163.6</v>
      </c>
      <c r="D16461">
        <v>1.9</v>
      </c>
      <c r="E16461">
        <v>3911.67</v>
      </c>
      <c r="F16461">
        <v>88.646299999999997</v>
      </c>
    </row>
    <row r="16462" spans="1:6" x14ac:dyDescent="0.25">
      <c r="A16462">
        <v>171.3</v>
      </c>
      <c r="B16462">
        <v>189.52</v>
      </c>
      <c r="C16462">
        <v>14163.6</v>
      </c>
      <c r="D16462">
        <v>2.2000000000000002</v>
      </c>
      <c r="E16462">
        <v>3770.06</v>
      </c>
      <c r="F16462">
        <v>88.7102</v>
      </c>
    </row>
    <row r="16463" spans="1:6" x14ac:dyDescent="0.25">
      <c r="A16463">
        <v>171.3</v>
      </c>
      <c r="B16463">
        <v>189.52</v>
      </c>
      <c r="C16463">
        <v>14163.6</v>
      </c>
      <c r="D16463">
        <v>2.5</v>
      </c>
      <c r="E16463">
        <v>3628.78</v>
      </c>
      <c r="F16463">
        <v>90.121499999999997</v>
      </c>
    </row>
    <row r="16464" spans="1:6" x14ac:dyDescent="0.25">
      <c r="A16464">
        <v>171.3</v>
      </c>
      <c r="B16464">
        <v>189.52</v>
      </c>
      <c r="C16464">
        <v>14163.6</v>
      </c>
      <c r="D16464">
        <v>2.8</v>
      </c>
      <c r="E16464">
        <v>3576.13</v>
      </c>
      <c r="F16464">
        <v>81.687899999999999</v>
      </c>
    </row>
    <row r="16465" spans="1:6" x14ac:dyDescent="0.25">
      <c r="A16465">
        <v>171.3</v>
      </c>
      <c r="B16465">
        <v>189.52</v>
      </c>
      <c r="C16465">
        <v>14163.6</v>
      </c>
      <c r="D16465">
        <v>3.1</v>
      </c>
      <c r="E16465">
        <v>3454.94</v>
      </c>
      <c r="F16465">
        <v>77.115099999999998</v>
      </c>
    </row>
    <row r="16466" spans="1:6" x14ac:dyDescent="0.25">
      <c r="A16466">
        <v>171.3</v>
      </c>
      <c r="B16466">
        <v>189.52</v>
      </c>
      <c r="C16466">
        <v>14163.6</v>
      </c>
      <c r="D16466">
        <v>3.4</v>
      </c>
      <c r="E16466">
        <v>3498.06</v>
      </c>
      <c r="F16466">
        <v>80.956699999999998</v>
      </c>
    </row>
    <row r="16467" spans="1:6" x14ac:dyDescent="0.25">
      <c r="A16467">
        <v>171.3</v>
      </c>
      <c r="B16467">
        <v>189.52</v>
      </c>
      <c r="C16467">
        <v>14163.6</v>
      </c>
      <c r="D16467">
        <v>3.7</v>
      </c>
      <c r="E16467">
        <v>3360.73</v>
      </c>
      <c r="F16467">
        <v>92.319900000000004</v>
      </c>
    </row>
    <row r="16468" spans="1:6" x14ac:dyDescent="0.25">
      <c r="A16468">
        <v>171.3</v>
      </c>
      <c r="B16468">
        <v>189.52</v>
      </c>
      <c r="C16468">
        <v>14163.6</v>
      </c>
      <c r="D16468">
        <v>4</v>
      </c>
      <c r="E16468">
        <v>3417.62</v>
      </c>
      <c r="F16468">
        <v>79.263800000000003</v>
      </c>
    </row>
    <row r="16469" spans="1:6" x14ac:dyDescent="0.25">
      <c r="A16469">
        <v>171.3</v>
      </c>
      <c r="B16469">
        <v>189.52</v>
      </c>
      <c r="C16469">
        <v>15709.1</v>
      </c>
      <c r="D16469">
        <v>1</v>
      </c>
      <c r="E16469">
        <v>4920.03</v>
      </c>
      <c r="F16469">
        <v>86.072299999999998</v>
      </c>
    </row>
    <row r="16470" spans="1:6" x14ac:dyDescent="0.25">
      <c r="A16470">
        <v>171.3</v>
      </c>
      <c r="B16470">
        <v>189.52</v>
      </c>
      <c r="C16470">
        <v>15709.1</v>
      </c>
      <c r="D16470">
        <v>1.3</v>
      </c>
      <c r="E16470">
        <v>4456.42</v>
      </c>
      <c r="F16470">
        <v>78.077500000000001</v>
      </c>
    </row>
    <row r="16471" spans="1:6" x14ac:dyDescent="0.25">
      <c r="A16471">
        <v>171.3</v>
      </c>
      <c r="B16471">
        <v>189.52</v>
      </c>
      <c r="C16471">
        <v>15709.1</v>
      </c>
      <c r="D16471">
        <v>1.6</v>
      </c>
      <c r="E16471">
        <v>4090.49</v>
      </c>
      <c r="F16471">
        <v>74.488399999999999</v>
      </c>
    </row>
    <row r="16472" spans="1:6" x14ac:dyDescent="0.25">
      <c r="A16472">
        <v>171.3</v>
      </c>
      <c r="B16472">
        <v>189.52</v>
      </c>
      <c r="C16472">
        <v>15709.1</v>
      </c>
      <c r="D16472">
        <v>1.9</v>
      </c>
      <c r="E16472">
        <v>3911.67</v>
      </c>
      <c r="F16472">
        <v>88.646299999999997</v>
      </c>
    </row>
    <row r="16473" spans="1:6" x14ac:dyDescent="0.25">
      <c r="A16473">
        <v>171.3</v>
      </c>
      <c r="B16473">
        <v>189.52</v>
      </c>
      <c r="C16473">
        <v>15709.1</v>
      </c>
      <c r="D16473">
        <v>2.2000000000000002</v>
      </c>
      <c r="E16473">
        <v>3770.06</v>
      </c>
      <c r="F16473">
        <v>88.7102</v>
      </c>
    </row>
    <row r="16474" spans="1:6" x14ac:dyDescent="0.25">
      <c r="A16474">
        <v>171.3</v>
      </c>
      <c r="B16474">
        <v>189.52</v>
      </c>
      <c r="C16474">
        <v>15709.1</v>
      </c>
      <c r="D16474">
        <v>2.5</v>
      </c>
      <c r="E16474">
        <v>3628.78</v>
      </c>
      <c r="F16474">
        <v>90.121499999999997</v>
      </c>
    </row>
    <row r="16475" spans="1:6" x14ac:dyDescent="0.25">
      <c r="A16475">
        <v>171.3</v>
      </c>
      <c r="B16475">
        <v>189.52</v>
      </c>
      <c r="C16475">
        <v>15709.1</v>
      </c>
      <c r="D16475">
        <v>2.8</v>
      </c>
      <c r="E16475">
        <v>3576.13</v>
      </c>
      <c r="F16475">
        <v>81.687899999999999</v>
      </c>
    </row>
    <row r="16476" spans="1:6" x14ac:dyDescent="0.25">
      <c r="A16476">
        <v>171.3</v>
      </c>
      <c r="B16476">
        <v>189.52</v>
      </c>
      <c r="C16476">
        <v>15709.1</v>
      </c>
      <c r="D16476">
        <v>3.1</v>
      </c>
      <c r="E16476">
        <v>3454.94</v>
      </c>
      <c r="F16476">
        <v>77.115099999999998</v>
      </c>
    </row>
    <row r="16477" spans="1:6" x14ac:dyDescent="0.25">
      <c r="A16477">
        <v>171.3</v>
      </c>
      <c r="B16477">
        <v>189.52</v>
      </c>
      <c r="C16477">
        <v>15709.1</v>
      </c>
      <c r="D16477">
        <v>3.4</v>
      </c>
      <c r="E16477">
        <v>3498.06</v>
      </c>
      <c r="F16477">
        <v>80.956699999999998</v>
      </c>
    </row>
    <row r="16478" spans="1:6" x14ac:dyDescent="0.25">
      <c r="A16478">
        <v>171.3</v>
      </c>
      <c r="B16478">
        <v>189.52</v>
      </c>
      <c r="C16478">
        <v>15709.1</v>
      </c>
      <c r="D16478">
        <v>3.7</v>
      </c>
      <c r="E16478">
        <v>3360.73</v>
      </c>
      <c r="F16478">
        <v>92.319900000000004</v>
      </c>
    </row>
    <row r="16479" spans="1:6" x14ac:dyDescent="0.25">
      <c r="A16479">
        <v>171.3</v>
      </c>
      <c r="B16479">
        <v>189.52</v>
      </c>
      <c r="C16479">
        <v>15709.1</v>
      </c>
      <c r="D16479">
        <v>4</v>
      </c>
      <c r="E16479">
        <v>3417.62</v>
      </c>
      <c r="F16479">
        <v>79.263800000000003</v>
      </c>
    </row>
    <row r="16480" spans="1:6" x14ac:dyDescent="0.25">
      <c r="A16480">
        <v>171.3</v>
      </c>
      <c r="B16480">
        <v>189.52</v>
      </c>
      <c r="C16480">
        <v>17254.5</v>
      </c>
      <c r="D16480">
        <v>1</v>
      </c>
      <c r="E16480">
        <v>4920.03</v>
      </c>
      <c r="F16480">
        <v>86.072299999999998</v>
      </c>
    </row>
    <row r="16481" spans="1:6" x14ac:dyDescent="0.25">
      <c r="A16481">
        <v>171.3</v>
      </c>
      <c r="B16481">
        <v>189.52</v>
      </c>
      <c r="C16481">
        <v>17254.5</v>
      </c>
      <c r="D16481">
        <v>1.3</v>
      </c>
      <c r="E16481">
        <v>4456.42</v>
      </c>
      <c r="F16481">
        <v>78.077500000000001</v>
      </c>
    </row>
    <row r="16482" spans="1:6" x14ac:dyDescent="0.25">
      <c r="A16482">
        <v>171.3</v>
      </c>
      <c r="B16482">
        <v>189.52</v>
      </c>
      <c r="C16482">
        <v>17254.5</v>
      </c>
      <c r="D16482">
        <v>1.6</v>
      </c>
      <c r="E16482">
        <v>4090.49</v>
      </c>
      <c r="F16482">
        <v>74.488399999999999</v>
      </c>
    </row>
    <row r="16483" spans="1:6" x14ac:dyDescent="0.25">
      <c r="A16483">
        <v>171.3</v>
      </c>
      <c r="B16483">
        <v>189.52</v>
      </c>
      <c r="C16483">
        <v>17254.5</v>
      </c>
      <c r="D16483">
        <v>1.9</v>
      </c>
      <c r="E16483">
        <v>3911.67</v>
      </c>
      <c r="F16483">
        <v>88.646299999999997</v>
      </c>
    </row>
    <row r="16484" spans="1:6" x14ac:dyDescent="0.25">
      <c r="A16484">
        <v>171.3</v>
      </c>
      <c r="B16484">
        <v>189.52</v>
      </c>
      <c r="C16484">
        <v>17254.5</v>
      </c>
      <c r="D16484">
        <v>2.2000000000000002</v>
      </c>
      <c r="E16484">
        <v>3770.06</v>
      </c>
      <c r="F16484">
        <v>88.7102</v>
      </c>
    </row>
    <row r="16485" spans="1:6" x14ac:dyDescent="0.25">
      <c r="A16485">
        <v>171.3</v>
      </c>
      <c r="B16485">
        <v>189.52</v>
      </c>
      <c r="C16485">
        <v>17254.5</v>
      </c>
      <c r="D16485">
        <v>2.5</v>
      </c>
      <c r="E16485">
        <v>3628.78</v>
      </c>
      <c r="F16485">
        <v>90.121499999999997</v>
      </c>
    </row>
    <row r="16486" spans="1:6" x14ac:dyDescent="0.25">
      <c r="A16486">
        <v>171.3</v>
      </c>
      <c r="B16486">
        <v>189.52</v>
      </c>
      <c r="C16486">
        <v>17254.5</v>
      </c>
      <c r="D16486">
        <v>2.8</v>
      </c>
      <c r="E16486">
        <v>3576.13</v>
      </c>
      <c r="F16486">
        <v>81.687899999999999</v>
      </c>
    </row>
    <row r="16487" spans="1:6" x14ac:dyDescent="0.25">
      <c r="A16487">
        <v>171.3</v>
      </c>
      <c r="B16487">
        <v>189.52</v>
      </c>
      <c r="C16487">
        <v>17254.5</v>
      </c>
      <c r="D16487">
        <v>3.1</v>
      </c>
      <c r="E16487">
        <v>3454.94</v>
      </c>
      <c r="F16487">
        <v>77.115099999999998</v>
      </c>
    </row>
    <row r="16488" spans="1:6" x14ac:dyDescent="0.25">
      <c r="A16488">
        <v>171.3</v>
      </c>
      <c r="B16488">
        <v>189.52</v>
      </c>
      <c r="C16488">
        <v>17254.5</v>
      </c>
      <c r="D16488">
        <v>3.4</v>
      </c>
      <c r="E16488">
        <v>3498.06</v>
      </c>
      <c r="F16488">
        <v>80.956699999999998</v>
      </c>
    </row>
    <row r="16489" spans="1:6" x14ac:dyDescent="0.25">
      <c r="A16489">
        <v>171.3</v>
      </c>
      <c r="B16489">
        <v>189.52</v>
      </c>
      <c r="C16489">
        <v>17254.5</v>
      </c>
      <c r="D16489">
        <v>3.7</v>
      </c>
      <c r="E16489">
        <v>3360.73</v>
      </c>
      <c r="F16489">
        <v>92.319900000000004</v>
      </c>
    </row>
    <row r="16490" spans="1:6" x14ac:dyDescent="0.25">
      <c r="A16490">
        <v>171.3</v>
      </c>
      <c r="B16490">
        <v>189.52</v>
      </c>
      <c r="C16490">
        <v>17254.5</v>
      </c>
      <c r="D16490">
        <v>4</v>
      </c>
      <c r="E16490">
        <v>3417.62</v>
      </c>
      <c r="F16490">
        <v>79.263800000000003</v>
      </c>
    </row>
    <row r="16491" spans="1:6" x14ac:dyDescent="0.25">
      <c r="A16491">
        <v>171.3</v>
      </c>
      <c r="B16491">
        <v>189.52</v>
      </c>
      <c r="C16491">
        <v>18800</v>
      </c>
      <c r="D16491">
        <v>1</v>
      </c>
      <c r="E16491">
        <v>4920.03</v>
      </c>
      <c r="F16491">
        <v>86.072299999999998</v>
      </c>
    </row>
    <row r="16492" spans="1:6" x14ac:dyDescent="0.25">
      <c r="A16492">
        <v>171.3</v>
      </c>
      <c r="B16492">
        <v>189.52</v>
      </c>
      <c r="C16492">
        <v>18800</v>
      </c>
      <c r="D16492">
        <v>1.3</v>
      </c>
      <c r="E16492">
        <v>4456.42</v>
      </c>
      <c r="F16492">
        <v>78.077500000000001</v>
      </c>
    </row>
    <row r="16493" spans="1:6" x14ac:dyDescent="0.25">
      <c r="A16493">
        <v>171.3</v>
      </c>
      <c r="B16493">
        <v>189.52</v>
      </c>
      <c r="C16493">
        <v>18800</v>
      </c>
      <c r="D16493">
        <v>1.6</v>
      </c>
      <c r="E16493">
        <v>4090.49</v>
      </c>
      <c r="F16493">
        <v>74.488399999999999</v>
      </c>
    </row>
    <row r="16494" spans="1:6" x14ac:dyDescent="0.25">
      <c r="A16494">
        <v>171.3</v>
      </c>
      <c r="B16494">
        <v>189.52</v>
      </c>
      <c r="C16494">
        <v>18800</v>
      </c>
      <c r="D16494">
        <v>1.9</v>
      </c>
      <c r="E16494">
        <v>3911.67</v>
      </c>
      <c r="F16494">
        <v>88.646299999999997</v>
      </c>
    </row>
    <row r="16495" spans="1:6" x14ac:dyDescent="0.25">
      <c r="A16495">
        <v>171.3</v>
      </c>
      <c r="B16495">
        <v>189.52</v>
      </c>
      <c r="C16495">
        <v>18800</v>
      </c>
      <c r="D16495">
        <v>2.2000000000000002</v>
      </c>
      <c r="E16495">
        <v>3770.06</v>
      </c>
      <c r="F16495">
        <v>88.7102</v>
      </c>
    </row>
    <row r="16496" spans="1:6" x14ac:dyDescent="0.25">
      <c r="A16496">
        <v>171.3</v>
      </c>
      <c r="B16496">
        <v>189.52</v>
      </c>
      <c r="C16496">
        <v>18800</v>
      </c>
      <c r="D16496">
        <v>2.5</v>
      </c>
      <c r="E16496">
        <v>3628.78</v>
      </c>
      <c r="F16496">
        <v>90.121499999999997</v>
      </c>
    </row>
    <row r="16497" spans="1:6" x14ac:dyDescent="0.25">
      <c r="A16497">
        <v>171.3</v>
      </c>
      <c r="B16497">
        <v>189.52</v>
      </c>
      <c r="C16497">
        <v>18800</v>
      </c>
      <c r="D16497">
        <v>2.8</v>
      </c>
      <c r="E16497">
        <v>3576.13</v>
      </c>
      <c r="F16497">
        <v>81.687899999999999</v>
      </c>
    </row>
    <row r="16498" spans="1:6" x14ac:dyDescent="0.25">
      <c r="A16498">
        <v>171.3</v>
      </c>
      <c r="B16498">
        <v>189.52</v>
      </c>
      <c r="C16498">
        <v>18800</v>
      </c>
      <c r="D16498">
        <v>3.1</v>
      </c>
      <c r="E16498">
        <v>3454.94</v>
      </c>
      <c r="F16498">
        <v>77.115099999999998</v>
      </c>
    </row>
    <row r="16499" spans="1:6" x14ac:dyDescent="0.25">
      <c r="A16499">
        <v>171.3</v>
      </c>
      <c r="B16499">
        <v>189.52</v>
      </c>
      <c r="C16499">
        <v>18800</v>
      </c>
      <c r="D16499">
        <v>3.4</v>
      </c>
      <c r="E16499">
        <v>3498.06</v>
      </c>
      <c r="F16499">
        <v>80.956699999999998</v>
      </c>
    </row>
    <row r="16500" spans="1:6" x14ac:dyDescent="0.25">
      <c r="A16500">
        <v>171.3</v>
      </c>
      <c r="B16500">
        <v>189.52</v>
      </c>
      <c r="C16500">
        <v>18800</v>
      </c>
      <c r="D16500">
        <v>3.7</v>
      </c>
      <c r="E16500">
        <v>3360.73</v>
      </c>
      <c r="F16500">
        <v>92.319900000000004</v>
      </c>
    </row>
    <row r="16501" spans="1:6" x14ac:dyDescent="0.25">
      <c r="A16501">
        <v>171.3</v>
      </c>
      <c r="B16501">
        <v>189.52</v>
      </c>
      <c r="C16501">
        <v>18800</v>
      </c>
      <c r="D16501">
        <v>4</v>
      </c>
      <c r="E16501">
        <v>3417.62</v>
      </c>
      <c r="F16501">
        <v>79.263800000000003</v>
      </c>
    </row>
    <row r="16502" spans="1:6" x14ac:dyDescent="0.25">
      <c r="A16502">
        <v>171.3</v>
      </c>
      <c r="B16502">
        <v>193.15</v>
      </c>
      <c r="C16502">
        <v>1800</v>
      </c>
      <c r="D16502">
        <v>1</v>
      </c>
      <c r="E16502">
        <v>4920.03</v>
      </c>
      <c r="F16502">
        <v>86.072299999999998</v>
      </c>
    </row>
    <row r="16503" spans="1:6" x14ac:dyDescent="0.25">
      <c r="A16503">
        <v>171.3</v>
      </c>
      <c r="B16503">
        <v>193.15</v>
      </c>
      <c r="C16503">
        <v>1800</v>
      </c>
      <c r="D16503">
        <v>1.3</v>
      </c>
      <c r="E16503">
        <v>4456.42</v>
      </c>
      <c r="F16503">
        <v>78.077500000000001</v>
      </c>
    </row>
    <row r="16504" spans="1:6" x14ac:dyDescent="0.25">
      <c r="A16504">
        <v>171.3</v>
      </c>
      <c r="B16504">
        <v>193.15</v>
      </c>
      <c r="C16504">
        <v>1800</v>
      </c>
      <c r="D16504">
        <v>1.6</v>
      </c>
      <c r="E16504">
        <v>4090.49</v>
      </c>
      <c r="F16504">
        <v>74.488399999999999</v>
      </c>
    </row>
    <row r="16505" spans="1:6" x14ac:dyDescent="0.25">
      <c r="A16505">
        <v>171.3</v>
      </c>
      <c r="B16505">
        <v>193.15</v>
      </c>
      <c r="C16505">
        <v>1800</v>
      </c>
      <c r="D16505">
        <v>1.9</v>
      </c>
      <c r="E16505">
        <v>3763.97</v>
      </c>
      <c r="F16505">
        <v>88.646299999999997</v>
      </c>
    </row>
    <row r="16506" spans="1:6" x14ac:dyDescent="0.25">
      <c r="A16506">
        <v>171.3</v>
      </c>
      <c r="B16506">
        <v>193.15</v>
      </c>
      <c r="C16506">
        <v>1800</v>
      </c>
      <c r="D16506">
        <v>2.2000000000000002</v>
      </c>
      <c r="E16506">
        <v>3621.99</v>
      </c>
      <c r="F16506">
        <v>88.7102</v>
      </c>
    </row>
    <row r="16507" spans="1:6" x14ac:dyDescent="0.25">
      <c r="A16507">
        <v>171.3</v>
      </c>
      <c r="B16507">
        <v>193.15</v>
      </c>
      <c r="C16507">
        <v>1800</v>
      </c>
      <c r="D16507">
        <v>2.5</v>
      </c>
      <c r="E16507">
        <v>3369.2</v>
      </c>
      <c r="F16507">
        <v>90.121499999999997</v>
      </c>
    </row>
    <row r="16508" spans="1:6" x14ac:dyDescent="0.25">
      <c r="A16508">
        <v>171.3</v>
      </c>
      <c r="B16508">
        <v>193.15</v>
      </c>
      <c r="C16508">
        <v>1800</v>
      </c>
      <c r="D16508">
        <v>2.8</v>
      </c>
      <c r="E16508">
        <v>3250.65</v>
      </c>
      <c r="F16508">
        <v>81.687899999999999</v>
      </c>
    </row>
    <row r="16509" spans="1:6" x14ac:dyDescent="0.25">
      <c r="A16509">
        <v>171.3</v>
      </c>
      <c r="B16509">
        <v>193.15</v>
      </c>
      <c r="C16509">
        <v>1800</v>
      </c>
      <c r="D16509">
        <v>3.1</v>
      </c>
      <c r="E16509">
        <v>3243.49</v>
      </c>
      <c r="F16509">
        <v>77.115099999999998</v>
      </c>
    </row>
    <row r="16510" spans="1:6" x14ac:dyDescent="0.25">
      <c r="A16510">
        <v>171.3</v>
      </c>
      <c r="B16510">
        <v>193.15</v>
      </c>
      <c r="C16510">
        <v>1800</v>
      </c>
      <c r="D16510">
        <v>3.4</v>
      </c>
      <c r="E16510">
        <v>3181.86</v>
      </c>
      <c r="F16510">
        <v>80.956699999999998</v>
      </c>
    </row>
    <row r="16511" spans="1:6" x14ac:dyDescent="0.25">
      <c r="A16511">
        <v>171.3</v>
      </c>
      <c r="B16511">
        <v>193.15</v>
      </c>
      <c r="C16511">
        <v>1800</v>
      </c>
      <c r="D16511">
        <v>3.7</v>
      </c>
      <c r="E16511">
        <v>3060.25</v>
      </c>
      <c r="F16511">
        <v>92.319900000000004</v>
      </c>
    </row>
    <row r="16512" spans="1:6" x14ac:dyDescent="0.25">
      <c r="A16512">
        <v>171.3</v>
      </c>
      <c r="B16512">
        <v>193.15</v>
      </c>
      <c r="C16512">
        <v>1800</v>
      </c>
      <c r="D16512">
        <v>4</v>
      </c>
      <c r="E16512">
        <v>2974.12</v>
      </c>
      <c r="F16512">
        <v>79.263800000000003</v>
      </c>
    </row>
    <row r="16513" spans="1:6" x14ac:dyDescent="0.25">
      <c r="A16513">
        <v>171.3</v>
      </c>
      <c r="B16513">
        <v>193.15</v>
      </c>
      <c r="C16513">
        <v>3345.45</v>
      </c>
      <c r="D16513">
        <v>1</v>
      </c>
      <c r="E16513">
        <v>4920.03</v>
      </c>
      <c r="F16513">
        <v>86.072299999999998</v>
      </c>
    </row>
    <row r="16514" spans="1:6" x14ac:dyDescent="0.25">
      <c r="A16514">
        <v>171.3</v>
      </c>
      <c r="B16514">
        <v>193.15</v>
      </c>
      <c r="C16514">
        <v>3345.45</v>
      </c>
      <c r="D16514">
        <v>1.3</v>
      </c>
      <c r="E16514">
        <v>4456.42</v>
      </c>
      <c r="F16514">
        <v>78.077500000000001</v>
      </c>
    </row>
    <row r="16515" spans="1:6" x14ac:dyDescent="0.25">
      <c r="A16515">
        <v>171.3</v>
      </c>
      <c r="B16515">
        <v>193.15</v>
      </c>
      <c r="C16515">
        <v>3345.45</v>
      </c>
      <c r="D16515">
        <v>1.6</v>
      </c>
      <c r="E16515">
        <v>4090.49</v>
      </c>
      <c r="F16515">
        <v>74.488399999999999</v>
      </c>
    </row>
    <row r="16516" spans="1:6" x14ac:dyDescent="0.25">
      <c r="A16516">
        <v>171.3</v>
      </c>
      <c r="B16516">
        <v>193.15</v>
      </c>
      <c r="C16516">
        <v>3345.45</v>
      </c>
      <c r="D16516">
        <v>1.9</v>
      </c>
      <c r="E16516">
        <v>3911.67</v>
      </c>
      <c r="F16516">
        <v>88.646299999999997</v>
      </c>
    </row>
    <row r="16517" spans="1:6" x14ac:dyDescent="0.25">
      <c r="A16517">
        <v>171.3</v>
      </c>
      <c r="B16517">
        <v>193.15</v>
      </c>
      <c r="C16517">
        <v>3345.45</v>
      </c>
      <c r="D16517">
        <v>2.2000000000000002</v>
      </c>
      <c r="E16517">
        <v>3770.06</v>
      </c>
      <c r="F16517">
        <v>88.7102</v>
      </c>
    </row>
    <row r="16518" spans="1:6" x14ac:dyDescent="0.25">
      <c r="A16518">
        <v>171.3</v>
      </c>
      <c r="B16518">
        <v>193.15</v>
      </c>
      <c r="C16518">
        <v>3345.45</v>
      </c>
      <c r="D16518">
        <v>2.5</v>
      </c>
      <c r="E16518">
        <v>3628.78</v>
      </c>
      <c r="F16518">
        <v>90.121499999999997</v>
      </c>
    </row>
    <row r="16519" spans="1:6" x14ac:dyDescent="0.25">
      <c r="A16519">
        <v>171.3</v>
      </c>
      <c r="B16519">
        <v>193.15</v>
      </c>
      <c r="C16519">
        <v>3345.45</v>
      </c>
      <c r="D16519">
        <v>2.8</v>
      </c>
      <c r="E16519">
        <v>3576.13</v>
      </c>
      <c r="F16519">
        <v>81.687899999999999</v>
      </c>
    </row>
    <row r="16520" spans="1:6" x14ac:dyDescent="0.25">
      <c r="A16520">
        <v>171.3</v>
      </c>
      <c r="B16520">
        <v>193.15</v>
      </c>
      <c r="C16520">
        <v>3345.45</v>
      </c>
      <c r="D16520">
        <v>3.1</v>
      </c>
      <c r="E16520">
        <v>3454.94</v>
      </c>
      <c r="F16520">
        <v>77.115099999999998</v>
      </c>
    </row>
    <row r="16521" spans="1:6" x14ac:dyDescent="0.25">
      <c r="A16521">
        <v>171.3</v>
      </c>
      <c r="B16521">
        <v>193.15</v>
      </c>
      <c r="C16521">
        <v>3345.45</v>
      </c>
      <c r="D16521">
        <v>3.4</v>
      </c>
      <c r="E16521">
        <v>3498.06</v>
      </c>
      <c r="F16521">
        <v>80.956699999999998</v>
      </c>
    </row>
    <row r="16522" spans="1:6" x14ac:dyDescent="0.25">
      <c r="A16522">
        <v>171.3</v>
      </c>
      <c r="B16522">
        <v>193.15</v>
      </c>
      <c r="C16522">
        <v>3345.45</v>
      </c>
      <c r="D16522">
        <v>3.7</v>
      </c>
      <c r="E16522">
        <v>3360.73</v>
      </c>
      <c r="F16522">
        <v>92.319900000000004</v>
      </c>
    </row>
    <row r="16523" spans="1:6" x14ac:dyDescent="0.25">
      <c r="A16523">
        <v>171.3</v>
      </c>
      <c r="B16523">
        <v>193.15</v>
      </c>
      <c r="C16523">
        <v>3345.45</v>
      </c>
      <c r="D16523">
        <v>4</v>
      </c>
      <c r="E16523">
        <v>3417.62</v>
      </c>
      <c r="F16523">
        <v>79.263800000000003</v>
      </c>
    </row>
    <row r="16524" spans="1:6" x14ac:dyDescent="0.25">
      <c r="A16524">
        <v>171.3</v>
      </c>
      <c r="B16524">
        <v>193.15</v>
      </c>
      <c r="C16524">
        <v>4890.8999999999996</v>
      </c>
      <c r="D16524">
        <v>1</v>
      </c>
      <c r="E16524">
        <v>4920.03</v>
      </c>
      <c r="F16524">
        <v>86.072299999999998</v>
      </c>
    </row>
    <row r="16525" spans="1:6" x14ac:dyDescent="0.25">
      <c r="A16525">
        <v>171.3</v>
      </c>
      <c r="B16525">
        <v>193.15</v>
      </c>
      <c r="C16525">
        <v>4890.8999999999996</v>
      </c>
      <c r="D16525">
        <v>1.3</v>
      </c>
      <c r="E16525">
        <v>4456.42</v>
      </c>
      <c r="F16525">
        <v>78.077500000000001</v>
      </c>
    </row>
    <row r="16526" spans="1:6" x14ac:dyDescent="0.25">
      <c r="A16526">
        <v>171.3</v>
      </c>
      <c r="B16526">
        <v>193.15</v>
      </c>
      <c r="C16526">
        <v>4890.8999999999996</v>
      </c>
      <c r="D16526">
        <v>1.6</v>
      </c>
      <c r="E16526">
        <v>4090.49</v>
      </c>
      <c r="F16526">
        <v>74.488399999999999</v>
      </c>
    </row>
    <row r="16527" spans="1:6" x14ac:dyDescent="0.25">
      <c r="A16527">
        <v>171.3</v>
      </c>
      <c r="B16527">
        <v>193.15</v>
      </c>
      <c r="C16527">
        <v>4890.8999999999996</v>
      </c>
      <c r="D16527">
        <v>1.9</v>
      </c>
      <c r="E16527">
        <v>3911.67</v>
      </c>
      <c r="F16527">
        <v>88.646299999999997</v>
      </c>
    </row>
    <row r="16528" spans="1:6" x14ac:dyDescent="0.25">
      <c r="A16528">
        <v>171.3</v>
      </c>
      <c r="B16528">
        <v>193.15</v>
      </c>
      <c r="C16528">
        <v>4890.8999999999996</v>
      </c>
      <c r="D16528">
        <v>2.2000000000000002</v>
      </c>
      <c r="E16528">
        <v>3770.06</v>
      </c>
      <c r="F16528">
        <v>88.7102</v>
      </c>
    </row>
    <row r="16529" spans="1:6" x14ac:dyDescent="0.25">
      <c r="A16529">
        <v>171.3</v>
      </c>
      <c r="B16529">
        <v>193.15</v>
      </c>
      <c r="C16529">
        <v>4890.8999999999996</v>
      </c>
      <c r="D16529">
        <v>2.5</v>
      </c>
      <c r="E16529">
        <v>3628.78</v>
      </c>
      <c r="F16529">
        <v>90.121499999999997</v>
      </c>
    </row>
    <row r="16530" spans="1:6" x14ac:dyDescent="0.25">
      <c r="A16530">
        <v>171.3</v>
      </c>
      <c r="B16530">
        <v>193.15</v>
      </c>
      <c r="C16530">
        <v>4890.8999999999996</v>
      </c>
      <c r="D16530">
        <v>2.8</v>
      </c>
      <c r="E16530">
        <v>3576.13</v>
      </c>
      <c r="F16530">
        <v>81.687899999999999</v>
      </c>
    </row>
    <row r="16531" spans="1:6" x14ac:dyDescent="0.25">
      <c r="A16531">
        <v>171.3</v>
      </c>
      <c r="B16531">
        <v>193.15</v>
      </c>
      <c r="C16531">
        <v>4890.8999999999996</v>
      </c>
      <c r="D16531">
        <v>3.1</v>
      </c>
      <c r="E16531">
        <v>3454.94</v>
      </c>
      <c r="F16531">
        <v>77.115099999999998</v>
      </c>
    </row>
    <row r="16532" spans="1:6" x14ac:dyDescent="0.25">
      <c r="A16532">
        <v>171.3</v>
      </c>
      <c r="B16532">
        <v>193.15</v>
      </c>
      <c r="C16532">
        <v>4890.8999999999996</v>
      </c>
      <c r="D16532">
        <v>3.4</v>
      </c>
      <c r="E16532">
        <v>3498.06</v>
      </c>
      <c r="F16532">
        <v>80.956699999999998</v>
      </c>
    </row>
    <row r="16533" spans="1:6" x14ac:dyDescent="0.25">
      <c r="A16533">
        <v>171.3</v>
      </c>
      <c r="B16533">
        <v>193.15</v>
      </c>
      <c r="C16533">
        <v>4890.8999999999996</v>
      </c>
      <c r="D16533">
        <v>3.7</v>
      </c>
      <c r="E16533">
        <v>3360.73</v>
      </c>
      <c r="F16533">
        <v>92.319900000000004</v>
      </c>
    </row>
    <row r="16534" spans="1:6" x14ac:dyDescent="0.25">
      <c r="A16534">
        <v>171.3</v>
      </c>
      <c r="B16534">
        <v>193.15</v>
      </c>
      <c r="C16534">
        <v>4890.8999999999996</v>
      </c>
      <c r="D16534">
        <v>4</v>
      </c>
      <c r="E16534">
        <v>3417.62</v>
      </c>
      <c r="F16534">
        <v>79.263800000000003</v>
      </c>
    </row>
    <row r="16535" spans="1:6" x14ac:dyDescent="0.25">
      <c r="A16535">
        <v>171.3</v>
      </c>
      <c r="B16535">
        <v>193.15</v>
      </c>
      <c r="C16535">
        <v>6436.35</v>
      </c>
      <c r="D16535">
        <v>1</v>
      </c>
      <c r="E16535">
        <v>4920.03</v>
      </c>
      <c r="F16535">
        <v>86.072299999999998</v>
      </c>
    </row>
    <row r="16536" spans="1:6" x14ac:dyDescent="0.25">
      <c r="A16536">
        <v>171.3</v>
      </c>
      <c r="B16536">
        <v>193.15</v>
      </c>
      <c r="C16536">
        <v>6436.35</v>
      </c>
      <c r="D16536">
        <v>1.3</v>
      </c>
      <c r="E16536">
        <v>4456.42</v>
      </c>
      <c r="F16536">
        <v>78.077500000000001</v>
      </c>
    </row>
    <row r="16537" spans="1:6" x14ac:dyDescent="0.25">
      <c r="A16537">
        <v>171.3</v>
      </c>
      <c r="B16537">
        <v>193.15</v>
      </c>
      <c r="C16537">
        <v>6436.35</v>
      </c>
      <c r="D16537">
        <v>1.6</v>
      </c>
      <c r="E16537">
        <v>4090.49</v>
      </c>
      <c r="F16537">
        <v>74.488399999999999</v>
      </c>
    </row>
    <row r="16538" spans="1:6" x14ac:dyDescent="0.25">
      <c r="A16538">
        <v>171.3</v>
      </c>
      <c r="B16538">
        <v>193.15</v>
      </c>
      <c r="C16538">
        <v>6436.35</v>
      </c>
      <c r="D16538">
        <v>1.9</v>
      </c>
      <c r="E16538">
        <v>3911.67</v>
      </c>
      <c r="F16538">
        <v>88.646299999999997</v>
      </c>
    </row>
    <row r="16539" spans="1:6" x14ac:dyDescent="0.25">
      <c r="A16539">
        <v>171.3</v>
      </c>
      <c r="B16539">
        <v>193.15</v>
      </c>
      <c r="C16539">
        <v>6436.35</v>
      </c>
      <c r="D16539">
        <v>2.2000000000000002</v>
      </c>
      <c r="E16539">
        <v>3770.06</v>
      </c>
      <c r="F16539">
        <v>88.7102</v>
      </c>
    </row>
    <row r="16540" spans="1:6" x14ac:dyDescent="0.25">
      <c r="A16540">
        <v>171.3</v>
      </c>
      <c r="B16540">
        <v>193.15</v>
      </c>
      <c r="C16540">
        <v>6436.35</v>
      </c>
      <c r="D16540">
        <v>2.5</v>
      </c>
      <c r="E16540">
        <v>3628.78</v>
      </c>
      <c r="F16540">
        <v>90.121499999999997</v>
      </c>
    </row>
    <row r="16541" spans="1:6" x14ac:dyDescent="0.25">
      <c r="A16541">
        <v>171.3</v>
      </c>
      <c r="B16541">
        <v>193.15</v>
      </c>
      <c r="C16541">
        <v>6436.35</v>
      </c>
      <c r="D16541">
        <v>2.8</v>
      </c>
      <c r="E16541">
        <v>3576.13</v>
      </c>
      <c r="F16541">
        <v>81.687899999999999</v>
      </c>
    </row>
    <row r="16542" spans="1:6" x14ac:dyDescent="0.25">
      <c r="A16542">
        <v>171.3</v>
      </c>
      <c r="B16542">
        <v>193.15</v>
      </c>
      <c r="C16542">
        <v>6436.35</v>
      </c>
      <c r="D16542">
        <v>3.1</v>
      </c>
      <c r="E16542">
        <v>3454.94</v>
      </c>
      <c r="F16542">
        <v>77.115099999999998</v>
      </c>
    </row>
    <row r="16543" spans="1:6" x14ac:dyDescent="0.25">
      <c r="A16543">
        <v>171.3</v>
      </c>
      <c r="B16543">
        <v>193.15</v>
      </c>
      <c r="C16543">
        <v>6436.35</v>
      </c>
      <c r="D16543">
        <v>3.4</v>
      </c>
      <c r="E16543">
        <v>3498.06</v>
      </c>
      <c r="F16543">
        <v>80.956699999999998</v>
      </c>
    </row>
    <row r="16544" spans="1:6" x14ac:dyDescent="0.25">
      <c r="A16544">
        <v>171.3</v>
      </c>
      <c r="B16544">
        <v>193.15</v>
      </c>
      <c r="C16544">
        <v>6436.35</v>
      </c>
      <c r="D16544">
        <v>3.7</v>
      </c>
      <c r="E16544">
        <v>3360.73</v>
      </c>
      <c r="F16544">
        <v>92.319900000000004</v>
      </c>
    </row>
    <row r="16545" spans="1:6" x14ac:dyDescent="0.25">
      <c r="A16545">
        <v>171.3</v>
      </c>
      <c r="B16545">
        <v>193.15</v>
      </c>
      <c r="C16545">
        <v>6436.35</v>
      </c>
      <c r="D16545">
        <v>4</v>
      </c>
      <c r="E16545">
        <v>3417.62</v>
      </c>
      <c r="F16545">
        <v>79.263800000000003</v>
      </c>
    </row>
    <row r="16546" spans="1:6" x14ac:dyDescent="0.25">
      <c r="A16546">
        <v>171.3</v>
      </c>
      <c r="B16546">
        <v>193.15</v>
      </c>
      <c r="C16546">
        <v>7981.8</v>
      </c>
      <c r="D16546">
        <v>1</v>
      </c>
      <c r="E16546">
        <v>4920.03</v>
      </c>
      <c r="F16546">
        <v>86.072299999999998</v>
      </c>
    </row>
    <row r="16547" spans="1:6" x14ac:dyDescent="0.25">
      <c r="A16547">
        <v>171.3</v>
      </c>
      <c r="B16547">
        <v>193.15</v>
      </c>
      <c r="C16547">
        <v>7981.8</v>
      </c>
      <c r="D16547">
        <v>1.3</v>
      </c>
      <c r="E16547">
        <v>4456.42</v>
      </c>
      <c r="F16547">
        <v>78.077500000000001</v>
      </c>
    </row>
    <row r="16548" spans="1:6" x14ac:dyDescent="0.25">
      <c r="A16548">
        <v>171.3</v>
      </c>
      <c r="B16548">
        <v>193.15</v>
      </c>
      <c r="C16548">
        <v>7981.8</v>
      </c>
      <c r="D16548">
        <v>1.6</v>
      </c>
      <c r="E16548">
        <v>4090.49</v>
      </c>
      <c r="F16548">
        <v>74.488399999999999</v>
      </c>
    </row>
    <row r="16549" spans="1:6" x14ac:dyDescent="0.25">
      <c r="A16549">
        <v>171.3</v>
      </c>
      <c r="B16549">
        <v>193.15</v>
      </c>
      <c r="C16549">
        <v>7981.8</v>
      </c>
      <c r="D16549">
        <v>1.9</v>
      </c>
      <c r="E16549">
        <v>3911.67</v>
      </c>
      <c r="F16549">
        <v>88.646299999999997</v>
      </c>
    </row>
    <row r="16550" spans="1:6" x14ac:dyDescent="0.25">
      <c r="A16550">
        <v>171.3</v>
      </c>
      <c r="B16550">
        <v>193.15</v>
      </c>
      <c r="C16550">
        <v>7981.8</v>
      </c>
      <c r="D16550">
        <v>2.2000000000000002</v>
      </c>
      <c r="E16550">
        <v>3770.06</v>
      </c>
      <c r="F16550">
        <v>88.7102</v>
      </c>
    </row>
    <row r="16551" spans="1:6" x14ac:dyDescent="0.25">
      <c r="A16551">
        <v>171.3</v>
      </c>
      <c r="B16551">
        <v>193.15</v>
      </c>
      <c r="C16551">
        <v>7981.8</v>
      </c>
      <c r="D16551">
        <v>2.5</v>
      </c>
      <c r="E16551">
        <v>3628.78</v>
      </c>
      <c r="F16551">
        <v>90.121499999999997</v>
      </c>
    </row>
    <row r="16552" spans="1:6" x14ac:dyDescent="0.25">
      <c r="A16552">
        <v>171.3</v>
      </c>
      <c r="B16552">
        <v>193.15</v>
      </c>
      <c r="C16552">
        <v>7981.8</v>
      </c>
      <c r="D16552">
        <v>2.8</v>
      </c>
      <c r="E16552">
        <v>3576.13</v>
      </c>
      <c r="F16552">
        <v>81.687899999999999</v>
      </c>
    </row>
    <row r="16553" spans="1:6" x14ac:dyDescent="0.25">
      <c r="A16553">
        <v>171.3</v>
      </c>
      <c r="B16553">
        <v>193.15</v>
      </c>
      <c r="C16553">
        <v>7981.8</v>
      </c>
      <c r="D16553">
        <v>3.1</v>
      </c>
      <c r="E16553">
        <v>3454.94</v>
      </c>
      <c r="F16553">
        <v>77.115099999999998</v>
      </c>
    </row>
    <row r="16554" spans="1:6" x14ac:dyDescent="0.25">
      <c r="A16554">
        <v>171.3</v>
      </c>
      <c r="B16554">
        <v>193.15</v>
      </c>
      <c r="C16554">
        <v>7981.8</v>
      </c>
      <c r="D16554">
        <v>3.4</v>
      </c>
      <c r="E16554">
        <v>3498.06</v>
      </c>
      <c r="F16554">
        <v>80.956699999999998</v>
      </c>
    </row>
    <row r="16555" spans="1:6" x14ac:dyDescent="0.25">
      <c r="A16555">
        <v>171.3</v>
      </c>
      <c r="B16555">
        <v>193.15</v>
      </c>
      <c r="C16555">
        <v>7981.8</v>
      </c>
      <c r="D16555">
        <v>3.7</v>
      </c>
      <c r="E16555">
        <v>3360.73</v>
      </c>
      <c r="F16555">
        <v>92.319900000000004</v>
      </c>
    </row>
    <row r="16556" spans="1:6" x14ac:dyDescent="0.25">
      <c r="A16556">
        <v>171.3</v>
      </c>
      <c r="B16556">
        <v>193.15</v>
      </c>
      <c r="C16556">
        <v>7981.8</v>
      </c>
      <c r="D16556">
        <v>4</v>
      </c>
      <c r="E16556">
        <v>3417.62</v>
      </c>
      <c r="F16556">
        <v>79.263800000000003</v>
      </c>
    </row>
    <row r="16557" spans="1:6" x14ac:dyDescent="0.25">
      <c r="A16557">
        <v>171.3</v>
      </c>
      <c r="B16557">
        <v>193.15</v>
      </c>
      <c r="C16557">
        <v>9527.25</v>
      </c>
      <c r="D16557">
        <v>1</v>
      </c>
      <c r="E16557">
        <v>4920.03</v>
      </c>
      <c r="F16557">
        <v>86.072299999999998</v>
      </c>
    </row>
    <row r="16558" spans="1:6" x14ac:dyDescent="0.25">
      <c r="A16558">
        <v>171.3</v>
      </c>
      <c r="B16558">
        <v>193.15</v>
      </c>
      <c r="C16558">
        <v>9527.25</v>
      </c>
      <c r="D16558">
        <v>1.3</v>
      </c>
      <c r="E16558">
        <v>4456.42</v>
      </c>
      <c r="F16558">
        <v>78.077500000000001</v>
      </c>
    </row>
    <row r="16559" spans="1:6" x14ac:dyDescent="0.25">
      <c r="A16559">
        <v>171.3</v>
      </c>
      <c r="B16559">
        <v>193.15</v>
      </c>
      <c r="C16559">
        <v>9527.25</v>
      </c>
      <c r="D16559">
        <v>1.6</v>
      </c>
      <c r="E16559">
        <v>4090.49</v>
      </c>
      <c r="F16559">
        <v>74.488399999999999</v>
      </c>
    </row>
    <row r="16560" spans="1:6" x14ac:dyDescent="0.25">
      <c r="A16560">
        <v>171.3</v>
      </c>
      <c r="B16560">
        <v>193.15</v>
      </c>
      <c r="C16560">
        <v>9527.25</v>
      </c>
      <c r="D16560">
        <v>1.9</v>
      </c>
      <c r="E16560">
        <v>3911.67</v>
      </c>
      <c r="F16560">
        <v>88.646299999999997</v>
      </c>
    </row>
    <row r="16561" spans="1:6" x14ac:dyDescent="0.25">
      <c r="A16561">
        <v>171.3</v>
      </c>
      <c r="B16561">
        <v>193.15</v>
      </c>
      <c r="C16561">
        <v>9527.25</v>
      </c>
      <c r="D16561">
        <v>2.2000000000000002</v>
      </c>
      <c r="E16561">
        <v>3770.06</v>
      </c>
      <c r="F16561">
        <v>88.7102</v>
      </c>
    </row>
    <row r="16562" spans="1:6" x14ac:dyDescent="0.25">
      <c r="A16562">
        <v>171.3</v>
      </c>
      <c r="B16562">
        <v>193.15</v>
      </c>
      <c r="C16562">
        <v>9527.25</v>
      </c>
      <c r="D16562">
        <v>2.5</v>
      </c>
      <c r="E16562">
        <v>3628.78</v>
      </c>
      <c r="F16562">
        <v>90.121499999999997</v>
      </c>
    </row>
    <row r="16563" spans="1:6" x14ac:dyDescent="0.25">
      <c r="A16563">
        <v>171.3</v>
      </c>
      <c r="B16563">
        <v>193.15</v>
      </c>
      <c r="C16563">
        <v>9527.25</v>
      </c>
      <c r="D16563">
        <v>2.8</v>
      </c>
      <c r="E16563">
        <v>3576.13</v>
      </c>
      <c r="F16563">
        <v>81.687899999999999</v>
      </c>
    </row>
    <row r="16564" spans="1:6" x14ac:dyDescent="0.25">
      <c r="A16564">
        <v>171.3</v>
      </c>
      <c r="B16564">
        <v>193.15</v>
      </c>
      <c r="C16564">
        <v>9527.25</v>
      </c>
      <c r="D16564">
        <v>3.1</v>
      </c>
      <c r="E16564">
        <v>3454.94</v>
      </c>
      <c r="F16564">
        <v>77.115099999999998</v>
      </c>
    </row>
    <row r="16565" spans="1:6" x14ac:dyDescent="0.25">
      <c r="A16565">
        <v>171.3</v>
      </c>
      <c r="B16565">
        <v>193.15</v>
      </c>
      <c r="C16565">
        <v>9527.25</v>
      </c>
      <c r="D16565">
        <v>3.4</v>
      </c>
      <c r="E16565">
        <v>3498.06</v>
      </c>
      <c r="F16565">
        <v>80.956699999999998</v>
      </c>
    </row>
    <row r="16566" spans="1:6" x14ac:dyDescent="0.25">
      <c r="A16566">
        <v>171.3</v>
      </c>
      <c r="B16566">
        <v>193.15</v>
      </c>
      <c r="C16566">
        <v>9527.25</v>
      </c>
      <c r="D16566">
        <v>3.7</v>
      </c>
      <c r="E16566">
        <v>3360.73</v>
      </c>
      <c r="F16566">
        <v>92.319900000000004</v>
      </c>
    </row>
    <row r="16567" spans="1:6" x14ac:dyDescent="0.25">
      <c r="A16567">
        <v>171.3</v>
      </c>
      <c r="B16567">
        <v>193.15</v>
      </c>
      <c r="C16567">
        <v>9527.25</v>
      </c>
      <c r="D16567">
        <v>4</v>
      </c>
      <c r="E16567">
        <v>3417.62</v>
      </c>
      <c r="F16567">
        <v>79.263800000000003</v>
      </c>
    </row>
    <row r="16568" spans="1:6" x14ac:dyDescent="0.25">
      <c r="A16568">
        <v>171.3</v>
      </c>
      <c r="B16568">
        <v>193.15</v>
      </c>
      <c r="C16568">
        <v>11072.7</v>
      </c>
      <c r="D16568">
        <v>1</v>
      </c>
      <c r="E16568">
        <v>4920.03</v>
      </c>
      <c r="F16568">
        <v>86.072299999999998</v>
      </c>
    </row>
    <row r="16569" spans="1:6" x14ac:dyDescent="0.25">
      <c r="A16569">
        <v>171.3</v>
      </c>
      <c r="B16569">
        <v>193.15</v>
      </c>
      <c r="C16569">
        <v>11072.7</v>
      </c>
      <c r="D16569">
        <v>1.3</v>
      </c>
      <c r="E16569">
        <v>4456.42</v>
      </c>
      <c r="F16569">
        <v>78.077500000000001</v>
      </c>
    </row>
    <row r="16570" spans="1:6" x14ac:dyDescent="0.25">
      <c r="A16570">
        <v>171.3</v>
      </c>
      <c r="B16570">
        <v>193.15</v>
      </c>
      <c r="C16570">
        <v>11072.7</v>
      </c>
      <c r="D16570">
        <v>1.6</v>
      </c>
      <c r="E16570">
        <v>4090.49</v>
      </c>
      <c r="F16570">
        <v>74.488399999999999</v>
      </c>
    </row>
    <row r="16571" spans="1:6" x14ac:dyDescent="0.25">
      <c r="A16571">
        <v>171.3</v>
      </c>
      <c r="B16571">
        <v>193.15</v>
      </c>
      <c r="C16571">
        <v>11072.7</v>
      </c>
      <c r="D16571">
        <v>1.9</v>
      </c>
      <c r="E16571">
        <v>3911.67</v>
      </c>
      <c r="F16571">
        <v>88.646299999999997</v>
      </c>
    </row>
    <row r="16572" spans="1:6" x14ac:dyDescent="0.25">
      <c r="A16572">
        <v>171.3</v>
      </c>
      <c r="B16572">
        <v>193.15</v>
      </c>
      <c r="C16572">
        <v>11072.7</v>
      </c>
      <c r="D16572">
        <v>2.2000000000000002</v>
      </c>
      <c r="E16572">
        <v>3770.06</v>
      </c>
      <c r="F16572">
        <v>88.7102</v>
      </c>
    </row>
    <row r="16573" spans="1:6" x14ac:dyDescent="0.25">
      <c r="A16573">
        <v>171.3</v>
      </c>
      <c r="B16573">
        <v>193.15</v>
      </c>
      <c r="C16573">
        <v>11072.7</v>
      </c>
      <c r="D16573">
        <v>2.5</v>
      </c>
      <c r="E16573">
        <v>3628.78</v>
      </c>
      <c r="F16573">
        <v>90.121499999999997</v>
      </c>
    </row>
    <row r="16574" spans="1:6" x14ac:dyDescent="0.25">
      <c r="A16574">
        <v>171.3</v>
      </c>
      <c r="B16574">
        <v>193.15</v>
      </c>
      <c r="C16574">
        <v>11072.7</v>
      </c>
      <c r="D16574">
        <v>2.8</v>
      </c>
      <c r="E16574">
        <v>3576.13</v>
      </c>
      <c r="F16574">
        <v>81.687899999999999</v>
      </c>
    </row>
    <row r="16575" spans="1:6" x14ac:dyDescent="0.25">
      <c r="A16575">
        <v>171.3</v>
      </c>
      <c r="B16575">
        <v>193.15</v>
      </c>
      <c r="C16575">
        <v>11072.7</v>
      </c>
      <c r="D16575">
        <v>3.1</v>
      </c>
      <c r="E16575">
        <v>3454.94</v>
      </c>
      <c r="F16575">
        <v>77.115099999999998</v>
      </c>
    </row>
    <row r="16576" spans="1:6" x14ac:dyDescent="0.25">
      <c r="A16576">
        <v>171.3</v>
      </c>
      <c r="B16576">
        <v>193.15</v>
      </c>
      <c r="C16576">
        <v>11072.7</v>
      </c>
      <c r="D16576">
        <v>3.4</v>
      </c>
      <c r="E16576">
        <v>3498.06</v>
      </c>
      <c r="F16576">
        <v>80.956699999999998</v>
      </c>
    </row>
    <row r="16577" spans="1:6" x14ac:dyDescent="0.25">
      <c r="A16577">
        <v>171.3</v>
      </c>
      <c r="B16577">
        <v>193.15</v>
      </c>
      <c r="C16577">
        <v>11072.7</v>
      </c>
      <c r="D16577">
        <v>3.7</v>
      </c>
      <c r="E16577">
        <v>3360.73</v>
      </c>
      <c r="F16577">
        <v>92.319900000000004</v>
      </c>
    </row>
    <row r="16578" spans="1:6" x14ac:dyDescent="0.25">
      <c r="A16578">
        <v>171.3</v>
      </c>
      <c r="B16578">
        <v>193.15</v>
      </c>
      <c r="C16578">
        <v>11072.7</v>
      </c>
      <c r="D16578">
        <v>4</v>
      </c>
      <c r="E16578">
        <v>3417.62</v>
      </c>
      <c r="F16578">
        <v>79.263800000000003</v>
      </c>
    </row>
    <row r="16579" spans="1:6" x14ac:dyDescent="0.25">
      <c r="A16579">
        <v>171.3</v>
      </c>
      <c r="B16579">
        <v>193.15</v>
      </c>
      <c r="C16579">
        <v>12618.2</v>
      </c>
      <c r="D16579">
        <v>1</v>
      </c>
      <c r="E16579">
        <v>4920.03</v>
      </c>
      <c r="F16579">
        <v>86.072299999999998</v>
      </c>
    </row>
    <row r="16580" spans="1:6" x14ac:dyDescent="0.25">
      <c r="A16580">
        <v>171.3</v>
      </c>
      <c r="B16580">
        <v>193.15</v>
      </c>
      <c r="C16580">
        <v>12618.2</v>
      </c>
      <c r="D16580">
        <v>1.3</v>
      </c>
      <c r="E16580">
        <v>4456.42</v>
      </c>
      <c r="F16580">
        <v>78.077500000000001</v>
      </c>
    </row>
    <row r="16581" spans="1:6" x14ac:dyDescent="0.25">
      <c r="A16581">
        <v>171.3</v>
      </c>
      <c r="B16581">
        <v>193.15</v>
      </c>
      <c r="C16581">
        <v>12618.2</v>
      </c>
      <c r="D16581">
        <v>1.6</v>
      </c>
      <c r="E16581">
        <v>4090.49</v>
      </c>
      <c r="F16581">
        <v>74.488399999999999</v>
      </c>
    </row>
    <row r="16582" spans="1:6" x14ac:dyDescent="0.25">
      <c r="A16582">
        <v>171.3</v>
      </c>
      <c r="B16582">
        <v>193.15</v>
      </c>
      <c r="C16582">
        <v>12618.2</v>
      </c>
      <c r="D16582">
        <v>1.9</v>
      </c>
      <c r="E16582">
        <v>3911.67</v>
      </c>
      <c r="F16582">
        <v>88.646299999999997</v>
      </c>
    </row>
    <row r="16583" spans="1:6" x14ac:dyDescent="0.25">
      <c r="A16583">
        <v>171.3</v>
      </c>
      <c r="B16583">
        <v>193.15</v>
      </c>
      <c r="C16583">
        <v>12618.2</v>
      </c>
      <c r="D16583">
        <v>2.2000000000000002</v>
      </c>
      <c r="E16583">
        <v>3770.06</v>
      </c>
      <c r="F16583">
        <v>88.7102</v>
      </c>
    </row>
    <row r="16584" spans="1:6" x14ac:dyDescent="0.25">
      <c r="A16584">
        <v>171.3</v>
      </c>
      <c r="B16584">
        <v>193.15</v>
      </c>
      <c r="C16584">
        <v>12618.2</v>
      </c>
      <c r="D16584">
        <v>2.5</v>
      </c>
      <c r="E16584">
        <v>3628.78</v>
      </c>
      <c r="F16584">
        <v>90.121499999999997</v>
      </c>
    </row>
    <row r="16585" spans="1:6" x14ac:dyDescent="0.25">
      <c r="A16585">
        <v>171.3</v>
      </c>
      <c r="B16585">
        <v>193.15</v>
      </c>
      <c r="C16585">
        <v>12618.2</v>
      </c>
      <c r="D16585">
        <v>2.8</v>
      </c>
      <c r="E16585">
        <v>3576.13</v>
      </c>
      <c r="F16585">
        <v>81.687899999999999</v>
      </c>
    </row>
    <row r="16586" spans="1:6" x14ac:dyDescent="0.25">
      <c r="A16586">
        <v>171.3</v>
      </c>
      <c r="B16586">
        <v>193.15</v>
      </c>
      <c r="C16586">
        <v>12618.2</v>
      </c>
      <c r="D16586">
        <v>3.1</v>
      </c>
      <c r="E16586">
        <v>3454.94</v>
      </c>
      <c r="F16586">
        <v>77.115099999999998</v>
      </c>
    </row>
    <row r="16587" spans="1:6" x14ac:dyDescent="0.25">
      <c r="A16587">
        <v>171.3</v>
      </c>
      <c r="B16587">
        <v>193.15</v>
      </c>
      <c r="C16587">
        <v>12618.2</v>
      </c>
      <c r="D16587">
        <v>3.4</v>
      </c>
      <c r="E16587">
        <v>3498.06</v>
      </c>
      <c r="F16587">
        <v>80.956699999999998</v>
      </c>
    </row>
    <row r="16588" spans="1:6" x14ac:dyDescent="0.25">
      <c r="A16588">
        <v>171.3</v>
      </c>
      <c r="B16588">
        <v>193.15</v>
      </c>
      <c r="C16588">
        <v>12618.2</v>
      </c>
      <c r="D16588">
        <v>3.7</v>
      </c>
      <c r="E16588">
        <v>3360.73</v>
      </c>
      <c r="F16588">
        <v>92.319900000000004</v>
      </c>
    </row>
    <row r="16589" spans="1:6" x14ac:dyDescent="0.25">
      <c r="A16589">
        <v>171.3</v>
      </c>
      <c r="B16589">
        <v>193.15</v>
      </c>
      <c r="C16589">
        <v>12618.2</v>
      </c>
      <c r="D16589">
        <v>4</v>
      </c>
      <c r="E16589">
        <v>3417.62</v>
      </c>
      <c r="F16589">
        <v>79.263800000000003</v>
      </c>
    </row>
    <row r="16590" spans="1:6" x14ac:dyDescent="0.25">
      <c r="A16590">
        <v>171.3</v>
      </c>
      <c r="B16590">
        <v>193.15</v>
      </c>
      <c r="C16590">
        <v>14163.6</v>
      </c>
      <c r="D16590">
        <v>1</v>
      </c>
      <c r="E16590">
        <v>4920.03</v>
      </c>
      <c r="F16590">
        <v>86.072299999999998</v>
      </c>
    </row>
    <row r="16591" spans="1:6" x14ac:dyDescent="0.25">
      <c r="A16591">
        <v>171.3</v>
      </c>
      <c r="B16591">
        <v>193.15</v>
      </c>
      <c r="C16591">
        <v>14163.6</v>
      </c>
      <c r="D16591">
        <v>1.3</v>
      </c>
      <c r="E16591">
        <v>4456.42</v>
      </c>
      <c r="F16591">
        <v>78.077500000000001</v>
      </c>
    </row>
    <row r="16592" spans="1:6" x14ac:dyDescent="0.25">
      <c r="A16592">
        <v>171.3</v>
      </c>
      <c r="B16592">
        <v>193.15</v>
      </c>
      <c r="C16592">
        <v>14163.6</v>
      </c>
      <c r="D16592">
        <v>1.6</v>
      </c>
      <c r="E16592">
        <v>4090.49</v>
      </c>
      <c r="F16592">
        <v>74.488399999999999</v>
      </c>
    </row>
    <row r="16593" spans="1:6" x14ac:dyDescent="0.25">
      <c r="A16593">
        <v>171.3</v>
      </c>
      <c r="B16593">
        <v>193.15</v>
      </c>
      <c r="C16593">
        <v>14163.6</v>
      </c>
      <c r="D16593">
        <v>1.9</v>
      </c>
      <c r="E16593">
        <v>3911.67</v>
      </c>
      <c r="F16593">
        <v>88.646299999999997</v>
      </c>
    </row>
    <row r="16594" spans="1:6" x14ac:dyDescent="0.25">
      <c r="A16594">
        <v>171.3</v>
      </c>
      <c r="B16594">
        <v>193.15</v>
      </c>
      <c r="C16594">
        <v>14163.6</v>
      </c>
      <c r="D16594">
        <v>2.2000000000000002</v>
      </c>
      <c r="E16594">
        <v>3770.06</v>
      </c>
      <c r="F16594">
        <v>88.7102</v>
      </c>
    </row>
    <row r="16595" spans="1:6" x14ac:dyDescent="0.25">
      <c r="A16595">
        <v>171.3</v>
      </c>
      <c r="B16595">
        <v>193.15</v>
      </c>
      <c r="C16595">
        <v>14163.6</v>
      </c>
      <c r="D16595">
        <v>2.5</v>
      </c>
      <c r="E16595">
        <v>3628.78</v>
      </c>
      <c r="F16595">
        <v>90.121499999999997</v>
      </c>
    </row>
    <row r="16596" spans="1:6" x14ac:dyDescent="0.25">
      <c r="A16596">
        <v>171.3</v>
      </c>
      <c r="B16596">
        <v>193.15</v>
      </c>
      <c r="C16596">
        <v>14163.6</v>
      </c>
      <c r="D16596">
        <v>2.8</v>
      </c>
      <c r="E16596">
        <v>3576.13</v>
      </c>
      <c r="F16596">
        <v>81.687899999999999</v>
      </c>
    </row>
    <row r="16597" spans="1:6" x14ac:dyDescent="0.25">
      <c r="A16597">
        <v>171.3</v>
      </c>
      <c r="B16597">
        <v>193.15</v>
      </c>
      <c r="C16597">
        <v>14163.6</v>
      </c>
      <c r="D16597">
        <v>3.1</v>
      </c>
      <c r="E16597">
        <v>3454.94</v>
      </c>
      <c r="F16597">
        <v>77.115099999999998</v>
      </c>
    </row>
    <row r="16598" spans="1:6" x14ac:dyDescent="0.25">
      <c r="A16598">
        <v>171.3</v>
      </c>
      <c r="B16598">
        <v>193.15</v>
      </c>
      <c r="C16598">
        <v>14163.6</v>
      </c>
      <c r="D16598">
        <v>3.4</v>
      </c>
      <c r="E16598">
        <v>3498.06</v>
      </c>
      <c r="F16598">
        <v>80.956699999999998</v>
      </c>
    </row>
    <row r="16599" spans="1:6" x14ac:dyDescent="0.25">
      <c r="A16599">
        <v>171.3</v>
      </c>
      <c r="B16599">
        <v>193.15</v>
      </c>
      <c r="C16599">
        <v>14163.6</v>
      </c>
      <c r="D16599">
        <v>3.7</v>
      </c>
      <c r="E16599">
        <v>3360.73</v>
      </c>
      <c r="F16599">
        <v>92.319900000000004</v>
      </c>
    </row>
    <row r="16600" spans="1:6" x14ac:dyDescent="0.25">
      <c r="A16600">
        <v>171.3</v>
      </c>
      <c r="B16600">
        <v>193.15</v>
      </c>
      <c r="C16600">
        <v>14163.6</v>
      </c>
      <c r="D16600">
        <v>4</v>
      </c>
      <c r="E16600">
        <v>3417.62</v>
      </c>
      <c r="F16600">
        <v>79.263800000000003</v>
      </c>
    </row>
    <row r="16601" spans="1:6" x14ac:dyDescent="0.25">
      <c r="A16601">
        <v>171.3</v>
      </c>
      <c r="B16601">
        <v>193.15</v>
      </c>
      <c r="C16601">
        <v>15709.1</v>
      </c>
      <c r="D16601">
        <v>1</v>
      </c>
      <c r="E16601">
        <v>4920.03</v>
      </c>
      <c r="F16601">
        <v>86.072299999999998</v>
      </c>
    </row>
    <row r="16602" spans="1:6" x14ac:dyDescent="0.25">
      <c r="A16602">
        <v>171.3</v>
      </c>
      <c r="B16602">
        <v>193.15</v>
      </c>
      <c r="C16602">
        <v>15709.1</v>
      </c>
      <c r="D16602">
        <v>1.3</v>
      </c>
      <c r="E16602">
        <v>4456.42</v>
      </c>
      <c r="F16602">
        <v>78.077500000000001</v>
      </c>
    </row>
    <row r="16603" spans="1:6" x14ac:dyDescent="0.25">
      <c r="A16603">
        <v>171.3</v>
      </c>
      <c r="B16603">
        <v>193.15</v>
      </c>
      <c r="C16603">
        <v>15709.1</v>
      </c>
      <c r="D16603">
        <v>1.6</v>
      </c>
      <c r="E16603">
        <v>4090.49</v>
      </c>
      <c r="F16603">
        <v>74.488399999999999</v>
      </c>
    </row>
    <row r="16604" spans="1:6" x14ac:dyDescent="0.25">
      <c r="A16604">
        <v>171.3</v>
      </c>
      <c r="B16604">
        <v>193.15</v>
      </c>
      <c r="C16604">
        <v>15709.1</v>
      </c>
      <c r="D16604">
        <v>1.9</v>
      </c>
      <c r="E16604">
        <v>3911.67</v>
      </c>
      <c r="F16604">
        <v>88.646299999999997</v>
      </c>
    </row>
    <row r="16605" spans="1:6" x14ac:dyDescent="0.25">
      <c r="A16605">
        <v>171.3</v>
      </c>
      <c r="B16605">
        <v>193.15</v>
      </c>
      <c r="C16605">
        <v>15709.1</v>
      </c>
      <c r="D16605">
        <v>2.2000000000000002</v>
      </c>
      <c r="E16605">
        <v>3770.06</v>
      </c>
      <c r="F16605">
        <v>88.7102</v>
      </c>
    </row>
    <row r="16606" spans="1:6" x14ac:dyDescent="0.25">
      <c r="A16606">
        <v>171.3</v>
      </c>
      <c r="B16606">
        <v>193.15</v>
      </c>
      <c r="C16606">
        <v>15709.1</v>
      </c>
      <c r="D16606">
        <v>2.5</v>
      </c>
      <c r="E16606">
        <v>3628.78</v>
      </c>
      <c r="F16606">
        <v>90.121499999999997</v>
      </c>
    </row>
    <row r="16607" spans="1:6" x14ac:dyDescent="0.25">
      <c r="A16607">
        <v>171.3</v>
      </c>
      <c r="B16607">
        <v>193.15</v>
      </c>
      <c r="C16607">
        <v>15709.1</v>
      </c>
      <c r="D16607">
        <v>2.8</v>
      </c>
      <c r="E16607">
        <v>3576.13</v>
      </c>
      <c r="F16607">
        <v>81.687899999999999</v>
      </c>
    </row>
    <row r="16608" spans="1:6" x14ac:dyDescent="0.25">
      <c r="A16608">
        <v>171.3</v>
      </c>
      <c r="B16608">
        <v>193.15</v>
      </c>
      <c r="C16608">
        <v>15709.1</v>
      </c>
      <c r="D16608">
        <v>3.1</v>
      </c>
      <c r="E16608">
        <v>3454.94</v>
      </c>
      <c r="F16608">
        <v>77.115099999999998</v>
      </c>
    </row>
    <row r="16609" spans="1:6" x14ac:dyDescent="0.25">
      <c r="A16609">
        <v>171.3</v>
      </c>
      <c r="B16609">
        <v>193.15</v>
      </c>
      <c r="C16609">
        <v>15709.1</v>
      </c>
      <c r="D16609">
        <v>3.4</v>
      </c>
      <c r="E16609">
        <v>3498.06</v>
      </c>
      <c r="F16609">
        <v>80.956699999999998</v>
      </c>
    </row>
    <row r="16610" spans="1:6" x14ac:dyDescent="0.25">
      <c r="A16610">
        <v>171.3</v>
      </c>
      <c r="B16610">
        <v>193.15</v>
      </c>
      <c r="C16610">
        <v>15709.1</v>
      </c>
      <c r="D16610">
        <v>3.7</v>
      </c>
      <c r="E16610">
        <v>3360.73</v>
      </c>
      <c r="F16610">
        <v>92.319900000000004</v>
      </c>
    </row>
    <row r="16611" spans="1:6" x14ac:dyDescent="0.25">
      <c r="A16611">
        <v>171.3</v>
      </c>
      <c r="B16611">
        <v>193.15</v>
      </c>
      <c r="C16611">
        <v>15709.1</v>
      </c>
      <c r="D16611">
        <v>4</v>
      </c>
      <c r="E16611">
        <v>3417.62</v>
      </c>
      <c r="F16611">
        <v>79.263800000000003</v>
      </c>
    </row>
    <row r="16612" spans="1:6" x14ac:dyDescent="0.25">
      <c r="A16612">
        <v>171.3</v>
      </c>
      <c r="B16612">
        <v>193.15</v>
      </c>
      <c r="C16612">
        <v>17254.5</v>
      </c>
      <c r="D16612">
        <v>1</v>
      </c>
      <c r="E16612">
        <v>4920.03</v>
      </c>
      <c r="F16612">
        <v>86.072299999999998</v>
      </c>
    </row>
    <row r="16613" spans="1:6" x14ac:dyDescent="0.25">
      <c r="A16613">
        <v>171.3</v>
      </c>
      <c r="B16613">
        <v>193.15</v>
      </c>
      <c r="C16613">
        <v>17254.5</v>
      </c>
      <c r="D16613">
        <v>1.3</v>
      </c>
      <c r="E16613">
        <v>4456.42</v>
      </c>
      <c r="F16613">
        <v>78.077500000000001</v>
      </c>
    </row>
    <row r="16614" spans="1:6" x14ac:dyDescent="0.25">
      <c r="A16614">
        <v>171.3</v>
      </c>
      <c r="B16614">
        <v>193.15</v>
      </c>
      <c r="C16614">
        <v>17254.5</v>
      </c>
      <c r="D16614">
        <v>1.6</v>
      </c>
      <c r="E16614">
        <v>4090.49</v>
      </c>
      <c r="F16614">
        <v>74.488399999999999</v>
      </c>
    </row>
    <row r="16615" spans="1:6" x14ac:dyDescent="0.25">
      <c r="A16615">
        <v>171.3</v>
      </c>
      <c r="B16615">
        <v>193.15</v>
      </c>
      <c r="C16615">
        <v>17254.5</v>
      </c>
      <c r="D16615">
        <v>1.9</v>
      </c>
      <c r="E16615">
        <v>3911.67</v>
      </c>
      <c r="F16615">
        <v>88.646299999999997</v>
      </c>
    </row>
    <row r="16616" spans="1:6" x14ac:dyDescent="0.25">
      <c r="A16616">
        <v>171.3</v>
      </c>
      <c r="B16616">
        <v>193.15</v>
      </c>
      <c r="C16616">
        <v>17254.5</v>
      </c>
      <c r="D16616">
        <v>2.2000000000000002</v>
      </c>
      <c r="E16616">
        <v>3770.06</v>
      </c>
      <c r="F16616">
        <v>88.7102</v>
      </c>
    </row>
    <row r="16617" spans="1:6" x14ac:dyDescent="0.25">
      <c r="A16617">
        <v>171.3</v>
      </c>
      <c r="B16617">
        <v>193.15</v>
      </c>
      <c r="C16617">
        <v>17254.5</v>
      </c>
      <c r="D16617">
        <v>2.5</v>
      </c>
      <c r="E16617">
        <v>3628.78</v>
      </c>
      <c r="F16617">
        <v>90.121499999999997</v>
      </c>
    </row>
    <row r="16618" spans="1:6" x14ac:dyDescent="0.25">
      <c r="A16618">
        <v>171.3</v>
      </c>
      <c r="B16618">
        <v>193.15</v>
      </c>
      <c r="C16618">
        <v>17254.5</v>
      </c>
      <c r="D16618">
        <v>2.8</v>
      </c>
      <c r="E16618">
        <v>3576.13</v>
      </c>
      <c r="F16618">
        <v>81.687899999999999</v>
      </c>
    </row>
    <row r="16619" spans="1:6" x14ac:dyDescent="0.25">
      <c r="A16619">
        <v>171.3</v>
      </c>
      <c r="B16619">
        <v>193.15</v>
      </c>
      <c r="C16619">
        <v>17254.5</v>
      </c>
      <c r="D16619">
        <v>3.1</v>
      </c>
      <c r="E16619">
        <v>3454.94</v>
      </c>
      <c r="F16619">
        <v>77.115099999999998</v>
      </c>
    </row>
    <row r="16620" spans="1:6" x14ac:dyDescent="0.25">
      <c r="A16620">
        <v>171.3</v>
      </c>
      <c r="B16620">
        <v>193.15</v>
      </c>
      <c r="C16620">
        <v>17254.5</v>
      </c>
      <c r="D16620">
        <v>3.4</v>
      </c>
      <c r="E16620">
        <v>3498.06</v>
      </c>
      <c r="F16620">
        <v>80.956699999999998</v>
      </c>
    </row>
    <row r="16621" spans="1:6" x14ac:dyDescent="0.25">
      <c r="A16621">
        <v>171.3</v>
      </c>
      <c r="B16621">
        <v>193.15</v>
      </c>
      <c r="C16621">
        <v>17254.5</v>
      </c>
      <c r="D16621">
        <v>3.7</v>
      </c>
      <c r="E16621">
        <v>3360.73</v>
      </c>
      <c r="F16621">
        <v>92.319900000000004</v>
      </c>
    </row>
    <row r="16622" spans="1:6" x14ac:dyDescent="0.25">
      <c r="A16622">
        <v>171.3</v>
      </c>
      <c r="B16622">
        <v>193.15</v>
      </c>
      <c r="C16622">
        <v>17254.5</v>
      </c>
      <c r="D16622">
        <v>4</v>
      </c>
      <c r="E16622">
        <v>3417.62</v>
      </c>
      <c r="F16622">
        <v>79.263800000000003</v>
      </c>
    </row>
    <row r="16623" spans="1:6" x14ac:dyDescent="0.25">
      <c r="A16623">
        <v>171.3</v>
      </c>
      <c r="B16623">
        <v>193.15</v>
      </c>
      <c r="C16623">
        <v>18800</v>
      </c>
      <c r="D16623">
        <v>1</v>
      </c>
      <c r="E16623">
        <v>4920.03</v>
      </c>
      <c r="F16623">
        <v>86.072299999999998</v>
      </c>
    </row>
    <row r="16624" spans="1:6" x14ac:dyDescent="0.25">
      <c r="A16624">
        <v>171.3</v>
      </c>
      <c r="B16624">
        <v>193.15</v>
      </c>
      <c r="C16624">
        <v>18800</v>
      </c>
      <c r="D16624">
        <v>1.3</v>
      </c>
      <c r="E16624">
        <v>4456.42</v>
      </c>
      <c r="F16624">
        <v>78.077500000000001</v>
      </c>
    </row>
    <row r="16625" spans="1:6" x14ac:dyDescent="0.25">
      <c r="A16625">
        <v>171.3</v>
      </c>
      <c r="B16625">
        <v>193.15</v>
      </c>
      <c r="C16625">
        <v>18800</v>
      </c>
      <c r="D16625">
        <v>1.6</v>
      </c>
      <c r="E16625">
        <v>4090.49</v>
      </c>
      <c r="F16625">
        <v>74.488399999999999</v>
      </c>
    </row>
    <row r="16626" spans="1:6" x14ac:dyDescent="0.25">
      <c r="A16626">
        <v>171.3</v>
      </c>
      <c r="B16626">
        <v>193.15</v>
      </c>
      <c r="C16626">
        <v>18800</v>
      </c>
      <c r="D16626">
        <v>1.9</v>
      </c>
      <c r="E16626">
        <v>3911.67</v>
      </c>
      <c r="F16626">
        <v>88.646299999999997</v>
      </c>
    </row>
    <row r="16627" spans="1:6" x14ac:dyDescent="0.25">
      <c r="A16627">
        <v>171.3</v>
      </c>
      <c r="B16627">
        <v>193.15</v>
      </c>
      <c r="C16627">
        <v>18800</v>
      </c>
      <c r="D16627">
        <v>2.2000000000000002</v>
      </c>
      <c r="E16627">
        <v>3770.06</v>
      </c>
      <c r="F16627">
        <v>88.7102</v>
      </c>
    </row>
    <row r="16628" spans="1:6" x14ac:dyDescent="0.25">
      <c r="A16628">
        <v>171.3</v>
      </c>
      <c r="B16628">
        <v>193.15</v>
      </c>
      <c r="C16628">
        <v>18800</v>
      </c>
      <c r="D16628">
        <v>2.5</v>
      </c>
      <c r="E16628">
        <v>3628.78</v>
      </c>
      <c r="F16628">
        <v>90.121499999999997</v>
      </c>
    </row>
    <row r="16629" spans="1:6" x14ac:dyDescent="0.25">
      <c r="A16629">
        <v>171.3</v>
      </c>
      <c r="B16629">
        <v>193.15</v>
      </c>
      <c r="C16629">
        <v>18800</v>
      </c>
      <c r="D16629">
        <v>2.8</v>
      </c>
      <c r="E16629">
        <v>3576.13</v>
      </c>
      <c r="F16629">
        <v>81.687899999999999</v>
      </c>
    </row>
    <row r="16630" spans="1:6" x14ac:dyDescent="0.25">
      <c r="A16630">
        <v>171.3</v>
      </c>
      <c r="B16630">
        <v>193.15</v>
      </c>
      <c r="C16630">
        <v>18800</v>
      </c>
      <c r="D16630">
        <v>3.1</v>
      </c>
      <c r="E16630">
        <v>3454.94</v>
      </c>
      <c r="F16630">
        <v>77.115099999999998</v>
      </c>
    </row>
    <row r="16631" spans="1:6" x14ac:dyDescent="0.25">
      <c r="A16631">
        <v>171.3</v>
      </c>
      <c r="B16631">
        <v>193.15</v>
      </c>
      <c r="C16631">
        <v>18800</v>
      </c>
      <c r="D16631">
        <v>3.4</v>
      </c>
      <c r="E16631">
        <v>3498.06</v>
      </c>
      <c r="F16631">
        <v>80.956699999999998</v>
      </c>
    </row>
    <row r="16632" spans="1:6" x14ac:dyDescent="0.25">
      <c r="A16632">
        <v>171.3</v>
      </c>
      <c r="B16632">
        <v>193.15</v>
      </c>
      <c r="C16632">
        <v>18800</v>
      </c>
      <c r="D16632">
        <v>3.7</v>
      </c>
      <c r="E16632">
        <v>3360.73</v>
      </c>
      <c r="F16632">
        <v>92.319900000000004</v>
      </c>
    </row>
    <row r="16633" spans="1:6" x14ac:dyDescent="0.25">
      <c r="A16633">
        <v>171.3</v>
      </c>
      <c r="B16633">
        <v>193.15</v>
      </c>
      <c r="C16633">
        <v>18800</v>
      </c>
      <c r="D16633">
        <v>4</v>
      </c>
      <c r="E16633">
        <v>3417.62</v>
      </c>
      <c r="F16633">
        <v>79.263800000000003</v>
      </c>
    </row>
    <row r="16634" spans="1:6" x14ac:dyDescent="0.25">
      <c r="A16634">
        <v>171.3</v>
      </c>
      <c r="B16634">
        <v>196.78</v>
      </c>
      <c r="C16634">
        <v>1800</v>
      </c>
      <c r="D16634">
        <v>1</v>
      </c>
      <c r="E16634">
        <v>4920.03</v>
      </c>
      <c r="F16634">
        <v>86.072299999999998</v>
      </c>
    </row>
    <row r="16635" spans="1:6" x14ac:dyDescent="0.25">
      <c r="A16635">
        <v>171.3</v>
      </c>
      <c r="B16635">
        <v>196.78</v>
      </c>
      <c r="C16635">
        <v>1800</v>
      </c>
      <c r="D16635">
        <v>1.3</v>
      </c>
      <c r="E16635">
        <v>4456.42</v>
      </c>
      <c r="F16635">
        <v>78.077500000000001</v>
      </c>
    </row>
    <row r="16636" spans="1:6" x14ac:dyDescent="0.25">
      <c r="A16636">
        <v>171.3</v>
      </c>
      <c r="B16636">
        <v>196.78</v>
      </c>
      <c r="C16636">
        <v>1800</v>
      </c>
      <c r="D16636">
        <v>1.6</v>
      </c>
      <c r="E16636">
        <v>4090.49</v>
      </c>
      <c r="F16636">
        <v>74.488399999999999</v>
      </c>
    </row>
    <row r="16637" spans="1:6" x14ac:dyDescent="0.25">
      <c r="A16637">
        <v>171.3</v>
      </c>
      <c r="B16637">
        <v>196.78</v>
      </c>
      <c r="C16637">
        <v>1800</v>
      </c>
      <c r="D16637">
        <v>1.9</v>
      </c>
      <c r="E16637">
        <v>3763.97</v>
      </c>
      <c r="F16637">
        <v>88.646299999999997</v>
      </c>
    </row>
    <row r="16638" spans="1:6" x14ac:dyDescent="0.25">
      <c r="A16638">
        <v>171.3</v>
      </c>
      <c r="B16638">
        <v>196.78</v>
      </c>
      <c r="C16638">
        <v>1800</v>
      </c>
      <c r="D16638">
        <v>2.2000000000000002</v>
      </c>
      <c r="E16638">
        <v>3621.99</v>
      </c>
      <c r="F16638">
        <v>88.7102</v>
      </c>
    </row>
    <row r="16639" spans="1:6" x14ac:dyDescent="0.25">
      <c r="A16639">
        <v>171.3</v>
      </c>
      <c r="B16639">
        <v>196.78</v>
      </c>
      <c r="C16639">
        <v>1800</v>
      </c>
      <c r="D16639">
        <v>2.5</v>
      </c>
      <c r="E16639">
        <v>3369.2</v>
      </c>
      <c r="F16639">
        <v>90.121499999999997</v>
      </c>
    </row>
    <row r="16640" spans="1:6" x14ac:dyDescent="0.25">
      <c r="A16640">
        <v>171.3</v>
      </c>
      <c r="B16640">
        <v>196.78</v>
      </c>
      <c r="C16640">
        <v>1800</v>
      </c>
      <c r="D16640">
        <v>2.8</v>
      </c>
      <c r="E16640">
        <v>3250.65</v>
      </c>
      <c r="F16640">
        <v>81.687899999999999</v>
      </c>
    </row>
    <row r="16641" spans="1:6" x14ac:dyDescent="0.25">
      <c r="A16641">
        <v>171.3</v>
      </c>
      <c r="B16641">
        <v>196.78</v>
      </c>
      <c r="C16641">
        <v>1800</v>
      </c>
      <c r="D16641">
        <v>3.1</v>
      </c>
      <c r="E16641">
        <v>3243.49</v>
      </c>
      <c r="F16641">
        <v>77.115099999999998</v>
      </c>
    </row>
    <row r="16642" spans="1:6" x14ac:dyDescent="0.25">
      <c r="A16642">
        <v>171.3</v>
      </c>
      <c r="B16642">
        <v>196.78</v>
      </c>
      <c r="C16642">
        <v>1800</v>
      </c>
      <c r="D16642">
        <v>3.4</v>
      </c>
      <c r="E16642">
        <v>3181.86</v>
      </c>
      <c r="F16642">
        <v>80.956699999999998</v>
      </c>
    </row>
    <row r="16643" spans="1:6" x14ac:dyDescent="0.25">
      <c r="A16643">
        <v>171.3</v>
      </c>
      <c r="B16643">
        <v>196.78</v>
      </c>
      <c r="C16643">
        <v>1800</v>
      </c>
      <c r="D16643">
        <v>3.7</v>
      </c>
      <c r="E16643">
        <v>3060.25</v>
      </c>
      <c r="F16643">
        <v>92.319900000000004</v>
      </c>
    </row>
    <row r="16644" spans="1:6" x14ac:dyDescent="0.25">
      <c r="A16644">
        <v>171.3</v>
      </c>
      <c r="B16644">
        <v>196.78</v>
      </c>
      <c r="C16644">
        <v>1800</v>
      </c>
      <c r="D16644">
        <v>4</v>
      </c>
      <c r="E16644">
        <v>2974.12</v>
      </c>
      <c r="F16644">
        <v>79.263800000000003</v>
      </c>
    </row>
    <row r="16645" spans="1:6" x14ac:dyDescent="0.25">
      <c r="A16645">
        <v>171.3</v>
      </c>
      <c r="B16645">
        <v>196.78</v>
      </c>
      <c r="C16645">
        <v>3345.45</v>
      </c>
      <c r="D16645">
        <v>1</v>
      </c>
      <c r="E16645">
        <v>4920.03</v>
      </c>
      <c r="F16645">
        <v>86.072299999999998</v>
      </c>
    </row>
    <row r="16646" spans="1:6" x14ac:dyDescent="0.25">
      <c r="A16646">
        <v>171.3</v>
      </c>
      <c r="B16646">
        <v>196.78</v>
      </c>
      <c r="C16646">
        <v>3345.45</v>
      </c>
      <c r="D16646">
        <v>1.3</v>
      </c>
      <c r="E16646">
        <v>4456.42</v>
      </c>
      <c r="F16646">
        <v>78.077500000000001</v>
      </c>
    </row>
    <row r="16647" spans="1:6" x14ac:dyDescent="0.25">
      <c r="A16647">
        <v>171.3</v>
      </c>
      <c r="B16647">
        <v>196.78</v>
      </c>
      <c r="C16647">
        <v>3345.45</v>
      </c>
      <c r="D16647">
        <v>1.6</v>
      </c>
      <c r="E16647">
        <v>4090.49</v>
      </c>
      <c r="F16647">
        <v>74.488399999999999</v>
      </c>
    </row>
    <row r="16648" spans="1:6" x14ac:dyDescent="0.25">
      <c r="A16648">
        <v>171.3</v>
      </c>
      <c r="B16648">
        <v>196.78</v>
      </c>
      <c r="C16648">
        <v>3345.45</v>
      </c>
      <c r="D16648">
        <v>1.9</v>
      </c>
      <c r="E16648">
        <v>3911.67</v>
      </c>
      <c r="F16648">
        <v>88.646299999999997</v>
      </c>
    </row>
    <row r="16649" spans="1:6" x14ac:dyDescent="0.25">
      <c r="A16649">
        <v>171.3</v>
      </c>
      <c r="B16649">
        <v>196.78</v>
      </c>
      <c r="C16649">
        <v>3345.45</v>
      </c>
      <c r="D16649">
        <v>2.2000000000000002</v>
      </c>
      <c r="E16649">
        <v>3770.06</v>
      </c>
      <c r="F16649">
        <v>88.7102</v>
      </c>
    </row>
    <row r="16650" spans="1:6" x14ac:dyDescent="0.25">
      <c r="A16650">
        <v>171.3</v>
      </c>
      <c r="B16650">
        <v>196.78</v>
      </c>
      <c r="C16650">
        <v>3345.45</v>
      </c>
      <c r="D16650">
        <v>2.5</v>
      </c>
      <c r="E16650">
        <v>3628.78</v>
      </c>
      <c r="F16650">
        <v>90.121499999999997</v>
      </c>
    </row>
    <row r="16651" spans="1:6" x14ac:dyDescent="0.25">
      <c r="A16651">
        <v>171.3</v>
      </c>
      <c r="B16651">
        <v>196.78</v>
      </c>
      <c r="C16651">
        <v>3345.45</v>
      </c>
      <c r="D16651">
        <v>2.8</v>
      </c>
      <c r="E16651">
        <v>3576.13</v>
      </c>
      <c r="F16651">
        <v>81.687899999999999</v>
      </c>
    </row>
    <row r="16652" spans="1:6" x14ac:dyDescent="0.25">
      <c r="A16652">
        <v>171.3</v>
      </c>
      <c r="B16652">
        <v>196.78</v>
      </c>
      <c r="C16652">
        <v>3345.45</v>
      </c>
      <c r="D16652">
        <v>3.1</v>
      </c>
      <c r="E16652">
        <v>3454.94</v>
      </c>
      <c r="F16652">
        <v>77.115099999999998</v>
      </c>
    </row>
    <row r="16653" spans="1:6" x14ac:dyDescent="0.25">
      <c r="A16653">
        <v>171.3</v>
      </c>
      <c r="B16653">
        <v>196.78</v>
      </c>
      <c r="C16653">
        <v>3345.45</v>
      </c>
      <c r="D16653">
        <v>3.4</v>
      </c>
      <c r="E16653">
        <v>3498.06</v>
      </c>
      <c r="F16653">
        <v>80.956699999999998</v>
      </c>
    </row>
    <row r="16654" spans="1:6" x14ac:dyDescent="0.25">
      <c r="A16654">
        <v>171.3</v>
      </c>
      <c r="B16654">
        <v>196.78</v>
      </c>
      <c r="C16654">
        <v>3345.45</v>
      </c>
      <c r="D16654">
        <v>3.7</v>
      </c>
      <c r="E16654">
        <v>3360.73</v>
      </c>
      <c r="F16654">
        <v>92.319900000000004</v>
      </c>
    </row>
    <row r="16655" spans="1:6" x14ac:dyDescent="0.25">
      <c r="A16655">
        <v>171.3</v>
      </c>
      <c r="B16655">
        <v>196.78</v>
      </c>
      <c r="C16655">
        <v>3345.45</v>
      </c>
      <c r="D16655">
        <v>4</v>
      </c>
      <c r="E16655">
        <v>3417.62</v>
      </c>
      <c r="F16655">
        <v>79.263800000000003</v>
      </c>
    </row>
    <row r="16656" spans="1:6" x14ac:dyDescent="0.25">
      <c r="A16656">
        <v>171.3</v>
      </c>
      <c r="B16656">
        <v>196.78</v>
      </c>
      <c r="C16656">
        <v>4890.8999999999996</v>
      </c>
      <c r="D16656">
        <v>1</v>
      </c>
      <c r="E16656">
        <v>4920.03</v>
      </c>
      <c r="F16656">
        <v>86.072299999999998</v>
      </c>
    </row>
    <row r="16657" spans="1:6" x14ac:dyDescent="0.25">
      <c r="A16657">
        <v>171.3</v>
      </c>
      <c r="B16657">
        <v>196.78</v>
      </c>
      <c r="C16657">
        <v>4890.8999999999996</v>
      </c>
      <c r="D16657">
        <v>1.3</v>
      </c>
      <c r="E16657">
        <v>4456.42</v>
      </c>
      <c r="F16657">
        <v>78.077500000000001</v>
      </c>
    </row>
    <row r="16658" spans="1:6" x14ac:dyDescent="0.25">
      <c r="A16658">
        <v>171.3</v>
      </c>
      <c r="B16658">
        <v>196.78</v>
      </c>
      <c r="C16658">
        <v>4890.8999999999996</v>
      </c>
      <c r="D16658">
        <v>1.6</v>
      </c>
      <c r="E16658">
        <v>4090.49</v>
      </c>
      <c r="F16658">
        <v>74.488399999999999</v>
      </c>
    </row>
    <row r="16659" spans="1:6" x14ac:dyDescent="0.25">
      <c r="A16659">
        <v>171.3</v>
      </c>
      <c r="B16659">
        <v>196.78</v>
      </c>
      <c r="C16659">
        <v>4890.8999999999996</v>
      </c>
      <c r="D16659">
        <v>1.9</v>
      </c>
      <c r="E16659">
        <v>3911.67</v>
      </c>
      <c r="F16659">
        <v>88.646299999999997</v>
      </c>
    </row>
    <row r="16660" spans="1:6" x14ac:dyDescent="0.25">
      <c r="A16660">
        <v>171.3</v>
      </c>
      <c r="B16660">
        <v>196.78</v>
      </c>
      <c r="C16660">
        <v>4890.8999999999996</v>
      </c>
      <c r="D16660">
        <v>2.2000000000000002</v>
      </c>
      <c r="E16660">
        <v>3770.06</v>
      </c>
      <c r="F16660">
        <v>88.7102</v>
      </c>
    </row>
    <row r="16661" spans="1:6" x14ac:dyDescent="0.25">
      <c r="A16661">
        <v>171.3</v>
      </c>
      <c r="B16661">
        <v>196.78</v>
      </c>
      <c r="C16661">
        <v>4890.8999999999996</v>
      </c>
      <c r="D16661">
        <v>2.5</v>
      </c>
      <c r="E16661">
        <v>3628.78</v>
      </c>
      <c r="F16661">
        <v>90.121499999999997</v>
      </c>
    </row>
    <row r="16662" spans="1:6" x14ac:dyDescent="0.25">
      <c r="A16662">
        <v>171.3</v>
      </c>
      <c r="B16662">
        <v>196.78</v>
      </c>
      <c r="C16662">
        <v>4890.8999999999996</v>
      </c>
      <c r="D16662">
        <v>2.8</v>
      </c>
      <c r="E16662">
        <v>3576.13</v>
      </c>
      <c r="F16662">
        <v>81.687899999999999</v>
      </c>
    </row>
    <row r="16663" spans="1:6" x14ac:dyDescent="0.25">
      <c r="A16663">
        <v>171.3</v>
      </c>
      <c r="B16663">
        <v>196.78</v>
      </c>
      <c r="C16663">
        <v>4890.8999999999996</v>
      </c>
      <c r="D16663">
        <v>3.1</v>
      </c>
      <c r="E16663">
        <v>3454.94</v>
      </c>
      <c r="F16663">
        <v>77.115099999999998</v>
      </c>
    </row>
    <row r="16664" spans="1:6" x14ac:dyDescent="0.25">
      <c r="A16664">
        <v>171.3</v>
      </c>
      <c r="B16664">
        <v>196.78</v>
      </c>
      <c r="C16664">
        <v>4890.8999999999996</v>
      </c>
      <c r="D16664">
        <v>3.4</v>
      </c>
      <c r="E16664">
        <v>3498.06</v>
      </c>
      <c r="F16664">
        <v>80.956699999999998</v>
      </c>
    </row>
    <row r="16665" spans="1:6" x14ac:dyDescent="0.25">
      <c r="A16665">
        <v>171.3</v>
      </c>
      <c r="B16665">
        <v>196.78</v>
      </c>
      <c r="C16665">
        <v>4890.8999999999996</v>
      </c>
      <c r="D16665">
        <v>3.7</v>
      </c>
      <c r="E16665">
        <v>3360.73</v>
      </c>
      <c r="F16665">
        <v>92.319900000000004</v>
      </c>
    </row>
    <row r="16666" spans="1:6" x14ac:dyDescent="0.25">
      <c r="A16666">
        <v>171.3</v>
      </c>
      <c r="B16666">
        <v>196.78</v>
      </c>
      <c r="C16666">
        <v>4890.8999999999996</v>
      </c>
      <c r="D16666">
        <v>4</v>
      </c>
      <c r="E16666">
        <v>3417.62</v>
      </c>
      <c r="F16666">
        <v>79.263800000000003</v>
      </c>
    </row>
    <row r="16667" spans="1:6" x14ac:dyDescent="0.25">
      <c r="A16667">
        <v>171.3</v>
      </c>
      <c r="B16667">
        <v>196.78</v>
      </c>
      <c r="C16667">
        <v>6436.35</v>
      </c>
      <c r="D16667">
        <v>1</v>
      </c>
      <c r="E16667">
        <v>4920.03</v>
      </c>
      <c r="F16667">
        <v>86.072299999999998</v>
      </c>
    </row>
    <row r="16668" spans="1:6" x14ac:dyDescent="0.25">
      <c r="A16668">
        <v>171.3</v>
      </c>
      <c r="B16668">
        <v>196.78</v>
      </c>
      <c r="C16668">
        <v>6436.35</v>
      </c>
      <c r="D16668">
        <v>1.3</v>
      </c>
      <c r="E16668">
        <v>4456.42</v>
      </c>
      <c r="F16668">
        <v>78.077500000000001</v>
      </c>
    </row>
    <row r="16669" spans="1:6" x14ac:dyDescent="0.25">
      <c r="A16669">
        <v>171.3</v>
      </c>
      <c r="B16669">
        <v>196.78</v>
      </c>
      <c r="C16669">
        <v>6436.35</v>
      </c>
      <c r="D16669">
        <v>1.6</v>
      </c>
      <c r="E16669">
        <v>4090.49</v>
      </c>
      <c r="F16669">
        <v>74.488399999999999</v>
      </c>
    </row>
    <row r="16670" spans="1:6" x14ac:dyDescent="0.25">
      <c r="A16670">
        <v>171.3</v>
      </c>
      <c r="B16670">
        <v>196.78</v>
      </c>
      <c r="C16670">
        <v>6436.35</v>
      </c>
      <c r="D16670">
        <v>1.9</v>
      </c>
      <c r="E16670">
        <v>3911.67</v>
      </c>
      <c r="F16670">
        <v>88.646299999999997</v>
      </c>
    </row>
    <row r="16671" spans="1:6" x14ac:dyDescent="0.25">
      <c r="A16671">
        <v>171.3</v>
      </c>
      <c r="B16671">
        <v>196.78</v>
      </c>
      <c r="C16671">
        <v>6436.35</v>
      </c>
      <c r="D16671">
        <v>2.2000000000000002</v>
      </c>
      <c r="E16671">
        <v>3770.06</v>
      </c>
      <c r="F16671">
        <v>88.7102</v>
      </c>
    </row>
    <row r="16672" spans="1:6" x14ac:dyDescent="0.25">
      <c r="A16672">
        <v>171.3</v>
      </c>
      <c r="B16672">
        <v>196.78</v>
      </c>
      <c r="C16672">
        <v>6436.35</v>
      </c>
      <c r="D16672">
        <v>2.5</v>
      </c>
      <c r="E16672">
        <v>3628.78</v>
      </c>
      <c r="F16672">
        <v>90.121499999999997</v>
      </c>
    </row>
    <row r="16673" spans="1:6" x14ac:dyDescent="0.25">
      <c r="A16673">
        <v>171.3</v>
      </c>
      <c r="B16673">
        <v>196.78</v>
      </c>
      <c r="C16673">
        <v>6436.35</v>
      </c>
      <c r="D16673">
        <v>2.8</v>
      </c>
      <c r="E16673">
        <v>3576.13</v>
      </c>
      <c r="F16673">
        <v>81.687899999999999</v>
      </c>
    </row>
    <row r="16674" spans="1:6" x14ac:dyDescent="0.25">
      <c r="A16674">
        <v>171.3</v>
      </c>
      <c r="B16674">
        <v>196.78</v>
      </c>
      <c r="C16674">
        <v>6436.35</v>
      </c>
      <c r="D16674">
        <v>3.1</v>
      </c>
      <c r="E16674">
        <v>3454.94</v>
      </c>
      <c r="F16674">
        <v>77.115099999999998</v>
      </c>
    </row>
    <row r="16675" spans="1:6" x14ac:dyDescent="0.25">
      <c r="A16675">
        <v>171.3</v>
      </c>
      <c r="B16675">
        <v>196.78</v>
      </c>
      <c r="C16675">
        <v>6436.35</v>
      </c>
      <c r="D16675">
        <v>3.4</v>
      </c>
      <c r="E16675">
        <v>3498.06</v>
      </c>
      <c r="F16675">
        <v>80.956699999999998</v>
      </c>
    </row>
    <row r="16676" spans="1:6" x14ac:dyDescent="0.25">
      <c r="A16676">
        <v>171.3</v>
      </c>
      <c r="B16676">
        <v>196.78</v>
      </c>
      <c r="C16676">
        <v>6436.35</v>
      </c>
      <c r="D16676">
        <v>3.7</v>
      </c>
      <c r="E16676">
        <v>3360.73</v>
      </c>
      <c r="F16676">
        <v>92.319900000000004</v>
      </c>
    </row>
    <row r="16677" spans="1:6" x14ac:dyDescent="0.25">
      <c r="A16677">
        <v>171.3</v>
      </c>
      <c r="B16677">
        <v>196.78</v>
      </c>
      <c r="C16677">
        <v>6436.35</v>
      </c>
      <c r="D16677">
        <v>4</v>
      </c>
      <c r="E16677">
        <v>3417.62</v>
      </c>
      <c r="F16677">
        <v>79.263800000000003</v>
      </c>
    </row>
    <row r="16678" spans="1:6" x14ac:dyDescent="0.25">
      <c r="A16678">
        <v>171.3</v>
      </c>
      <c r="B16678">
        <v>196.78</v>
      </c>
      <c r="C16678">
        <v>7981.8</v>
      </c>
      <c r="D16678">
        <v>1</v>
      </c>
      <c r="E16678">
        <v>4920.03</v>
      </c>
      <c r="F16678">
        <v>86.072299999999998</v>
      </c>
    </row>
    <row r="16679" spans="1:6" x14ac:dyDescent="0.25">
      <c r="A16679">
        <v>171.3</v>
      </c>
      <c r="B16679">
        <v>196.78</v>
      </c>
      <c r="C16679">
        <v>7981.8</v>
      </c>
      <c r="D16679">
        <v>1.3</v>
      </c>
      <c r="E16679">
        <v>4456.42</v>
      </c>
      <c r="F16679">
        <v>78.077500000000001</v>
      </c>
    </row>
    <row r="16680" spans="1:6" x14ac:dyDescent="0.25">
      <c r="A16680">
        <v>171.3</v>
      </c>
      <c r="B16680">
        <v>196.78</v>
      </c>
      <c r="C16680">
        <v>7981.8</v>
      </c>
      <c r="D16680">
        <v>1.6</v>
      </c>
      <c r="E16680">
        <v>4090.49</v>
      </c>
      <c r="F16680">
        <v>74.488399999999999</v>
      </c>
    </row>
    <row r="16681" spans="1:6" x14ac:dyDescent="0.25">
      <c r="A16681">
        <v>171.3</v>
      </c>
      <c r="B16681">
        <v>196.78</v>
      </c>
      <c r="C16681">
        <v>7981.8</v>
      </c>
      <c r="D16681">
        <v>1.9</v>
      </c>
      <c r="E16681">
        <v>3911.67</v>
      </c>
      <c r="F16681">
        <v>88.646299999999997</v>
      </c>
    </row>
    <row r="16682" spans="1:6" x14ac:dyDescent="0.25">
      <c r="A16682">
        <v>171.3</v>
      </c>
      <c r="B16682">
        <v>196.78</v>
      </c>
      <c r="C16682">
        <v>7981.8</v>
      </c>
      <c r="D16682">
        <v>2.2000000000000002</v>
      </c>
      <c r="E16682">
        <v>3770.06</v>
      </c>
      <c r="F16682">
        <v>88.7102</v>
      </c>
    </row>
    <row r="16683" spans="1:6" x14ac:dyDescent="0.25">
      <c r="A16683">
        <v>171.3</v>
      </c>
      <c r="B16683">
        <v>196.78</v>
      </c>
      <c r="C16683">
        <v>7981.8</v>
      </c>
      <c r="D16683">
        <v>2.5</v>
      </c>
      <c r="E16683">
        <v>3628.78</v>
      </c>
      <c r="F16683">
        <v>90.121499999999997</v>
      </c>
    </row>
    <row r="16684" spans="1:6" x14ac:dyDescent="0.25">
      <c r="A16684">
        <v>171.3</v>
      </c>
      <c r="B16684">
        <v>196.78</v>
      </c>
      <c r="C16684">
        <v>7981.8</v>
      </c>
      <c r="D16684">
        <v>2.8</v>
      </c>
      <c r="E16684">
        <v>3576.13</v>
      </c>
      <c r="F16684">
        <v>81.687899999999999</v>
      </c>
    </row>
    <row r="16685" spans="1:6" x14ac:dyDescent="0.25">
      <c r="A16685">
        <v>171.3</v>
      </c>
      <c r="B16685">
        <v>196.78</v>
      </c>
      <c r="C16685">
        <v>7981.8</v>
      </c>
      <c r="D16685">
        <v>3.1</v>
      </c>
      <c r="E16685">
        <v>3454.94</v>
      </c>
      <c r="F16685">
        <v>77.115099999999998</v>
      </c>
    </row>
    <row r="16686" spans="1:6" x14ac:dyDescent="0.25">
      <c r="A16686">
        <v>171.3</v>
      </c>
      <c r="B16686">
        <v>196.78</v>
      </c>
      <c r="C16686">
        <v>7981.8</v>
      </c>
      <c r="D16686">
        <v>3.4</v>
      </c>
      <c r="E16686">
        <v>3498.06</v>
      </c>
      <c r="F16686">
        <v>80.956699999999998</v>
      </c>
    </row>
    <row r="16687" spans="1:6" x14ac:dyDescent="0.25">
      <c r="A16687">
        <v>171.3</v>
      </c>
      <c r="B16687">
        <v>196.78</v>
      </c>
      <c r="C16687">
        <v>7981.8</v>
      </c>
      <c r="D16687">
        <v>3.7</v>
      </c>
      <c r="E16687">
        <v>3360.73</v>
      </c>
      <c r="F16687">
        <v>92.319900000000004</v>
      </c>
    </row>
    <row r="16688" spans="1:6" x14ac:dyDescent="0.25">
      <c r="A16688">
        <v>171.3</v>
      </c>
      <c r="B16688">
        <v>196.78</v>
      </c>
      <c r="C16688">
        <v>7981.8</v>
      </c>
      <c r="D16688">
        <v>4</v>
      </c>
      <c r="E16688">
        <v>3417.62</v>
      </c>
      <c r="F16688">
        <v>79.263800000000003</v>
      </c>
    </row>
    <row r="16689" spans="1:6" x14ac:dyDescent="0.25">
      <c r="A16689">
        <v>171.3</v>
      </c>
      <c r="B16689">
        <v>196.78</v>
      </c>
      <c r="C16689">
        <v>9527.25</v>
      </c>
      <c r="D16689">
        <v>1</v>
      </c>
      <c r="E16689">
        <v>4920.03</v>
      </c>
      <c r="F16689">
        <v>86.072299999999998</v>
      </c>
    </row>
    <row r="16690" spans="1:6" x14ac:dyDescent="0.25">
      <c r="A16690">
        <v>171.3</v>
      </c>
      <c r="B16690">
        <v>196.78</v>
      </c>
      <c r="C16690">
        <v>9527.25</v>
      </c>
      <c r="D16690">
        <v>1.3</v>
      </c>
      <c r="E16690">
        <v>4456.42</v>
      </c>
      <c r="F16690">
        <v>78.077500000000001</v>
      </c>
    </row>
    <row r="16691" spans="1:6" x14ac:dyDescent="0.25">
      <c r="A16691">
        <v>171.3</v>
      </c>
      <c r="B16691">
        <v>196.78</v>
      </c>
      <c r="C16691">
        <v>9527.25</v>
      </c>
      <c r="D16691">
        <v>1.6</v>
      </c>
      <c r="E16691">
        <v>4090.49</v>
      </c>
      <c r="F16691">
        <v>74.488399999999999</v>
      </c>
    </row>
    <row r="16692" spans="1:6" x14ac:dyDescent="0.25">
      <c r="A16692">
        <v>171.3</v>
      </c>
      <c r="B16692">
        <v>196.78</v>
      </c>
      <c r="C16692">
        <v>9527.25</v>
      </c>
      <c r="D16692">
        <v>1.9</v>
      </c>
      <c r="E16692">
        <v>3911.67</v>
      </c>
      <c r="F16692">
        <v>88.646299999999997</v>
      </c>
    </row>
    <row r="16693" spans="1:6" x14ac:dyDescent="0.25">
      <c r="A16693">
        <v>171.3</v>
      </c>
      <c r="B16693">
        <v>196.78</v>
      </c>
      <c r="C16693">
        <v>9527.25</v>
      </c>
      <c r="D16693">
        <v>2.2000000000000002</v>
      </c>
      <c r="E16693">
        <v>3770.06</v>
      </c>
      <c r="F16693">
        <v>88.7102</v>
      </c>
    </row>
    <row r="16694" spans="1:6" x14ac:dyDescent="0.25">
      <c r="A16694">
        <v>171.3</v>
      </c>
      <c r="B16694">
        <v>196.78</v>
      </c>
      <c r="C16694">
        <v>9527.25</v>
      </c>
      <c r="D16694">
        <v>2.5</v>
      </c>
      <c r="E16694">
        <v>3628.78</v>
      </c>
      <c r="F16694">
        <v>90.121499999999997</v>
      </c>
    </row>
    <row r="16695" spans="1:6" x14ac:dyDescent="0.25">
      <c r="A16695">
        <v>171.3</v>
      </c>
      <c r="B16695">
        <v>196.78</v>
      </c>
      <c r="C16695">
        <v>9527.25</v>
      </c>
      <c r="D16695">
        <v>2.8</v>
      </c>
      <c r="E16695">
        <v>3576.13</v>
      </c>
      <c r="F16695">
        <v>81.687899999999999</v>
      </c>
    </row>
    <row r="16696" spans="1:6" x14ac:dyDescent="0.25">
      <c r="A16696">
        <v>171.3</v>
      </c>
      <c r="B16696">
        <v>196.78</v>
      </c>
      <c r="C16696">
        <v>9527.25</v>
      </c>
      <c r="D16696">
        <v>3.1</v>
      </c>
      <c r="E16696">
        <v>3454.94</v>
      </c>
      <c r="F16696">
        <v>77.115099999999998</v>
      </c>
    </row>
    <row r="16697" spans="1:6" x14ac:dyDescent="0.25">
      <c r="A16697">
        <v>171.3</v>
      </c>
      <c r="B16697">
        <v>196.78</v>
      </c>
      <c r="C16697">
        <v>9527.25</v>
      </c>
      <c r="D16697">
        <v>3.4</v>
      </c>
      <c r="E16697">
        <v>3498.06</v>
      </c>
      <c r="F16697">
        <v>80.956699999999998</v>
      </c>
    </row>
    <row r="16698" spans="1:6" x14ac:dyDescent="0.25">
      <c r="A16698">
        <v>171.3</v>
      </c>
      <c r="B16698">
        <v>196.78</v>
      </c>
      <c r="C16698">
        <v>9527.25</v>
      </c>
      <c r="D16698">
        <v>3.7</v>
      </c>
      <c r="E16698">
        <v>3360.73</v>
      </c>
      <c r="F16698">
        <v>92.319900000000004</v>
      </c>
    </row>
    <row r="16699" spans="1:6" x14ac:dyDescent="0.25">
      <c r="A16699">
        <v>171.3</v>
      </c>
      <c r="B16699">
        <v>196.78</v>
      </c>
      <c r="C16699">
        <v>9527.25</v>
      </c>
      <c r="D16699">
        <v>4</v>
      </c>
      <c r="E16699">
        <v>3417.62</v>
      </c>
      <c r="F16699">
        <v>79.263800000000003</v>
      </c>
    </row>
    <row r="16700" spans="1:6" x14ac:dyDescent="0.25">
      <c r="A16700">
        <v>171.3</v>
      </c>
      <c r="B16700">
        <v>196.78</v>
      </c>
      <c r="C16700">
        <v>11072.7</v>
      </c>
      <c r="D16700">
        <v>1</v>
      </c>
      <c r="E16700">
        <v>4920.03</v>
      </c>
      <c r="F16700">
        <v>86.072299999999998</v>
      </c>
    </row>
    <row r="16701" spans="1:6" x14ac:dyDescent="0.25">
      <c r="A16701">
        <v>171.3</v>
      </c>
      <c r="B16701">
        <v>196.78</v>
      </c>
      <c r="C16701">
        <v>11072.7</v>
      </c>
      <c r="D16701">
        <v>1.3</v>
      </c>
      <c r="E16701">
        <v>4456.42</v>
      </c>
      <c r="F16701">
        <v>78.077500000000001</v>
      </c>
    </row>
    <row r="16702" spans="1:6" x14ac:dyDescent="0.25">
      <c r="A16702">
        <v>171.3</v>
      </c>
      <c r="B16702">
        <v>196.78</v>
      </c>
      <c r="C16702">
        <v>11072.7</v>
      </c>
      <c r="D16702">
        <v>1.6</v>
      </c>
      <c r="E16702">
        <v>4090.49</v>
      </c>
      <c r="F16702">
        <v>74.488399999999999</v>
      </c>
    </row>
    <row r="16703" spans="1:6" x14ac:dyDescent="0.25">
      <c r="A16703">
        <v>171.3</v>
      </c>
      <c r="B16703">
        <v>196.78</v>
      </c>
      <c r="C16703">
        <v>11072.7</v>
      </c>
      <c r="D16703">
        <v>1.9</v>
      </c>
      <c r="E16703">
        <v>3911.67</v>
      </c>
      <c r="F16703">
        <v>88.646299999999997</v>
      </c>
    </row>
    <row r="16704" spans="1:6" x14ac:dyDescent="0.25">
      <c r="A16704">
        <v>171.3</v>
      </c>
      <c r="B16704">
        <v>196.78</v>
      </c>
      <c r="C16704">
        <v>11072.7</v>
      </c>
      <c r="D16704">
        <v>2.2000000000000002</v>
      </c>
      <c r="E16704">
        <v>3770.06</v>
      </c>
      <c r="F16704">
        <v>88.7102</v>
      </c>
    </row>
    <row r="16705" spans="1:6" x14ac:dyDescent="0.25">
      <c r="A16705">
        <v>171.3</v>
      </c>
      <c r="B16705">
        <v>196.78</v>
      </c>
      <c r="C16705">
        <v>11072.7</v>
      </c>
      <c r="D16705">
        <v>2.5</v>
      </c>
      <c r="E16705">
        <v>3628.78</v>
      </c>
      <c r="F16705">
        <v>90.121499999999997</v>
      </c>
    </row>
    <row r="16706" spans="1:6" x14ac:dyDescent="0.25">
      <c r="A16706">
        <v>171.3</v>
      </c>
      <c r="B16706">
        <v>196.78</v>
      </c>
      <c r="C16706">
        <v>11072.7</v>
      </c>
      <c r="D16706">
        <v>2.8</v>
      </c>
      <c r="E16706">
        <v>3576.13</v>
      </c>
      <c r="F16706">
        <v>81.687899999999999</v>
      </c>
    </row>
    <row r="16707" spans="1:6" x14ac:dyDescent="0.25">
      <c r="A16707">
        <v>171.3</v>
      </c>
      <c r="B16707">
        <v>196.78</v>
      </c>
      <c r="C16707">
        <v>11072.7</v>
      </c>
      <c r="D16707">
        <v>3.1</v>
      </c>
      <c r="E16707">
        <v>3454.94</v>
      </c>
      <c r="F16707">
        <v>77.115099999999998</v>
      </c>
    </row>
    <row r="16708" spans="1:6" x14ac:dyDescent="0.25">
      <c r="A16708">
        <v>171.3</v>
      </c>
      <c r="B16708">
        <v>196.78</v>
      </c>
      <c r="C16708">
        <v>11072.7</v>
      </c>
      <c r="D16708">
        <v>3.4</v>
      </c>
      <c r="E16708">
        <v>3498.06</v>
      </c>
      <c r="F16708">
        <v>80.956699999999998</v>
      </c>
    </row>
    <row r="16709" spans="1:6" x14ac:dyDescent="0.25">
      <c r="A16709">
        <v>171.3</v>
      </c>
      <c r="B16709">
        <v>196.78</v>
      </c>
      <c r="C16709">
        <v>11072.7</v>
      </c>
      <c r="D16709">
        <v>3.7</v>
      </c>
      <c r="E16709">
        <v>3360.73</v>
      </c>
      <c r="F16709">
        <v>92.319900000000004</v>
      </c>
    </row>
    <row r="16710" spans="1:6" x14ac:dyDescent="0.25">
      <c r="A16710">
        <v>171.3</v>
      </c>
      <c r="B16710">
        <v>196.78</v>
      </c>
      <c r="C16710">
        <v>11072.7</v>
      </c>
      <c r="D16710">
        <v>4</v>
      </c>
      <c r="E16710">
        <v>3417.62</v>
      </c>
      <c r="F16710">
        <v>79.263800000000003</v>
      </c>
    </row>
    <row r="16711" spans="1:6" x14ac:dyDescent="0.25">
      <c r="A16711">
        <v>171.3</v>
      </c>
      <c r="B16711">
        <v>196.78</v>
      </c>
      <c r="C16711">
        <v>12618.2</v>
      </c>
      <c r="D16711">
        <v>1</v>
      </c>
      <c r="E16711">
        <v>4920.03</v>
      </c>
      <c r="F16711">
        <v>86.072299999999998</v>
      </c>
    </row>
    <row r="16712" spans="1:6" x14ac:dyDescent="0.25">
      <c r="A16712">
        <v>171.3</v>
      </c>
      <c r="B16712">
        <v>196.78</v>
      </c>
      <c r="C16712">
        <v>12618.2</v>
      </c>
      <c r="D16712">
        <v>1.3</v>
      </c>
      <c r="E16712">
        <v>4456.42</v>
      </c>
      <c r="F16712">
        <v>78.077500000000001</v>
      </c>
    </row>
    <row r="16713" spans="1:6" x14ac:dyDescent="0.25">
      <c r="A16713">
        <v>171.3</v>
      </c>
      <c r="B16713">
        <v>196.78</v>
      </c>
      <c r="C16713">
        <v>12618.2</v>
      </c>
      <c r="D16713">
        <v>1.6</v>
      </c>
      <c r="E16713">
        <v>4090.49</v>
      </c>
      <c r="F16713">
        <v>74.488399999999999</v>
      </c>
    </row>
    <row r="16714" spans="1:6" x14ac:dyDescent="0.25">
      <c r="A16714">
        <v>171.3</v>
      </c>
      <c r="B16714">
        <v>196.78</v>
      </c>
      <c r="C16714">
        <v>12618.2</v>
      </c>
      <c r="D16714">
        <v>1.9</v>
      </c>
      <c r="E16714">
        <v>3911.67</v>
      </c>
      <c r="F16714">
        <v>88.646299999999997</v>
      </c>
    </row>
    <row r="16715" spans="1:6" x14ac:dyDescent="0.25">
      <c r="A16715">
        <v>171.3</v>
      </c>
      <c r="B16715">
        <v>196.78</v>
      </c>
      <c r="C16715">
        <v>12618.2</v>
      </c>
      <c r="D16715">
        <v>2.2000000000000002</v>
      </c>
      <c r="E16715">
        <v>3770.06</v>
      </c>
      <c r="F16715">
        <v>88.7102</v>
      </c>
    </row>
    <row r="16716" spans="1:6" x14ac:dyDescent="0.25">
      <c r="A16716">
        <v>171.3</v>
      </c>
      <c r="B16716">
        <v>196.78</v>
      </c>
      <c r="C16716">
        <v>12618.2</v>
      </c>
      <c r="D16716">
        <v>2.5</v>
      </c>
      <c r="E16716">
        <v>3628.78</v>
      </c>
      <c r="F16716">
        <v>90.121499999999997</v>
      </c>
    </row>
    <row r="16717" spans="1:6" x14ac:dyDescent="0.25">
      <c r="A16717">
        <v>171.3</v>
      </c>
      <c r="B16717">
        <v>196.78</v>
      </c>
      <c r="C16717">
        <v>12618.2</v>
      </c>
      <c r="D16717">
        <v>2.8</v>
      </c>
      <c r="E16717">
        <v>3576.13</v>
      </c>
      <c r="F16717">
        <v>81.687899999999999</v>
      </c>
    </row>
    <row r="16718" spans="1:6" x14ac:dyDescent="0.25">
      <c r="A16718">
        <v>171.3</v>
      </c>
      <c r="B16718">
        <v>196.78</v>
      </c>
      <c r="C16718">
        <v>12618.2</v>
      </c>
      <c r="D16718">
        <v>3.1</v>
      </c>
      <c r="E16718">
        <v>3454.94</v>
      </c>
      <c r="F16718">
        <v>77.115099999999998</v>
      </c>
    </row>
    <row r="16719" spans="1:6" x14ac:dyDescent="0.25">
      <c r="A16719">
        <v>171.3</v>
      </c>
      <c r="B16719">
        <v>196.78</v>
      </c>
      <c r="C16719">
        <v>12618.2</v>
      </c>
      <c r="D16719">
        <v>3.4</v>
      </c>
      <c r="E16719">
        <v>3498.06</v>
      </c>
      <c r="F16719">
        <v>80.956699999999998</v>
      </c>
    </row>
    <row r="16720" spans="1:6" x14ac:dyDescent="0.25">
      <c r="A16720">
        <v>171.3</v>
      </c>
      <c r="B16720">
        <v>196.78</v>
      </c>
      <c r="C16720">
        <v>12618.2</v>
      </c>
      <c r="D16720">
        <v>3.7</v>
      </c>
      <c r="E16720">
        <v>3360.73</v>
      </c>
      <c r="F16720">
        <v>92.319900000000004</v>
      </c>
    </row>
    <row r="16721" spans="1:6" x14ac:dyDescent="0.25">
      <c r="A16721">
        <v>171.3</v>
      </c>
      <c r="B16721">
        <v>196.78</v>
      </c>
      <c r="C16721">
        <v>12618.2</v>
      </c>
      <c r="D16721">
        <v>4</v>
      </c>
      <c r="E16721">
        <v>3417.62</v>
      </c>
      <c r="F16721">
        <v>79.263800000000003</v>
      </c>
    </row>
    <row r="16722" spans="1:6" x14ac:dyDescent="0.25">
      <c r="A16722">
        <v>171.3</v>
      </c>
      <c r="B16722">
        <v>196.78</v>
      </c>
      <c r="C16722">
        <v>14163.6</v>
      </c>
      <c r="D16722">
        <v>1</v>
      </c>
      <c r="E16722">
        <v>4920.03</v>
      </c>
      <c r="F16722">
        <v>86.072299999999998</v>
      </c>
    </row>
    <row r="16723" spans="1:6" x14ac:dyDescent="0.25">
      <c r="A16723">
        <v>171.3</v>
      </c>
      <c r="B16723">
        <v>196.78</v>
      </c>
      <c r="C16723">
        <v>14163.6</v>
      </c>
      <c r="D16723">
        <v>1.3</v>
      </c>
      <c r="E16723">
        <v>4456.42</v>
      </c>
      <c r="F16723">
        <v>78.077500000000001</v>
      </c>
    </row>
    <row r="16724" spans="1:6" x14ac:dyDescent="0.25">
      <c r="A16724">
        <v>171.3</v>
      </c>
      <c r="B16724">
        <v>196.78</v>
      </c>
      <c r="C16724">
        <v>14163.6</v>
      </c>
      <c r="D16724">
        <v>1.6</v>
      </c>
      <c r="E16724">
        <v>4090.49</v>
      </c>
      <c r="F16724">
        <v>74.488399999999999</v>
      </c>
    </row>
    <row r="16725" spans="1:6" x14ac:dyDescent="0.25">
      <c r="A16725">
        <v>171.3</v>
      </c>
      <c r="B16725">
        <v>196.78</v>
      </c>
      <c r="C16725">
        <v>14163.6</v>
      </c>
      <c r="D16725">
        <v>1.9</v>
      </c>
      <c r="E16725">
        <v>3911.67</v>
      </c>
      <c r="F16725">
        <v>88.646299999999997</v>
      </c>
    </row>
    <row r="16726" spans="1:6" x14ac:dyDescent="0.25">
      <c r="A16726">
        <v>171.3</v>
      </c>
      <c r="B16726">
        <v>196.78</v>
      </c>
      <c r="C16726">
        <v>14163.6</v>
      </c>
      <c r="D16726">
        <v>2.2000000000000002</v>
      </c>
      <c r="E16726">
        <v>3770.06</v>
      </c>
      <c r="F16726">
        <v>88.7102</v>
      </c>
    </row>
    <row r="16727" spans="1:6" x14ac:dyDescent="0.25">
      <c r="A16727">
        <v>171.3</v>
      </c>
      <c r="B16727">
        <v>196.78</v>
      </c>
      <c r="C16727">
        <v>14163.6</v>
      </c>
      <c r="D16727">
        <v>2.5</v>
      </c>
      <c r="E16727">
        <v>3628.78</v>
      </c>
      <c r="F16727">
        <v>90.121499999999997</v>
      </c>
    </row>
    <row r="16728" spans="1:6" x14ac:dyDescent="0.25">
      <c r="A16728">
        <v>171.3</v>
      </c>
      <c r="B16728">
        <v>196.78</v>
      </c>
      <c r="C16728">
        <v>14163.6</v>
      </c>
      <c r="D16728">
        <v>2.8</v>
      </c>
      <c r="E16728">
        <v>3576.13</v>
      </c>
      <c r="F16728">
        <v>81.687899999999999</v>
      </c>
    </row>
    <row r="16729" spans="1:6" x14ac:dyDescent="0.25">
      <c r="A16729">
        <v>171.3</v>
      </c>
      <c r="B16729">
        <v>196.78</v>
      </c>
      <c r="C16729">
        <v>14163.6</v>
      </c>
      <c r="D16729">
        <v>3.1</v>
      </c>
      <c r="E16729">
        <v>3454.94</v>
      </c>
      <c r="F16729">
        <v>77.115099999999998</v>
      </c>
    </row>
    <row r="16730" spans="1:6" x14ac:dyDescent="0.25">
      <c r="A16730">
        <v>171.3</v>
      </c>
      <c r="B16730">
        <v>196.78</v>
      </c>
      <c r="C16730">
        <v>14163.6</v>
      </c>
      <c r="D16730">
        <v>3.4</v>
      </c>
      <c r="E16730">
        <v>3498.06</v>
      </c>
      <c r="F16730">
        <v>80.956699999999998</v>
      </c>
    </row>
    <row r="16731" spans="1:6" x14ac:dyDescent="0.25">
      <c r="A16731">
        <v>171.3</v>
      </c>
      <c r="B16731">
        <v>196.78</v>
      </c>
      <c r="C16731">
        <v>14163.6</v>
      </c>
      <c r="D16731">
        <v>3.7</v>
      </c>
      <c r="E16731">
        <v>3360.73</v>
      </c>
      <c r="F16731">
        <v>92.319900000000004</v>
      </c>
    </row>
    <row r="16732" spans="1:6" x14ac:dyDescent="0.25">
      <c r="A16732">
        <v>171.3</v>
      </c>
      <c r="B16732">
        <v>196.78</v>
      </c>
      <c r="C16732">
        <v>14163.6</v>
      </c>
      <c r="D16732">
        <v>4</v>
      </c>
      <c r="E16732">
        <v>3417.62</v>
      </c>
      <c r="F16732">
        <v>79.263800000000003</v>
      </c>
    </row>
    <row r="16733" spans="1:6" x14ac:dyDescent="0.25">
      <c r="A16733">
        <v>171.3</v>
      </c>
      <c r="B16733">
        <v>196.78</v>
      </c>
      <c r="C16733">
        <v>15709.1</v>
      </c>
      <c r="D16733">
        <v>1</v>
      </c>
      <c r="E16733">
        <v>4920.03</v>
      </c>
      <c r="F16733">
        <v>86.072299999999998</v>
      </c>
    </row>
    <row r="16734" spans="1:6" x14ac:dyDescent="0.25">
      <c r="A16734">
        <v>171.3</v>
      </c>
      <c r="B16734">
        <v>196.78</v>
      </c>
      <c r="C16734">
        <v>15709.1</v>
      </c>
      <c r="D16734">
        <v>1.3</v>
      </c>
      <c r="E16734">
        <v>4456.42</v>
      </c>
      <c r="F16734">
        <v>78.077500000000001</v>
      </c>
    </row>
    <row r="16735" spans="1:6" x14ac:dyDescent="0.25">
      <c r="A16735">
        <v>171.3</v>
      </c>
      <c r="B16735">
        <v>196.78</v>
      </c>
      <c r="C16735">
        <v>15709.1</v>
      </c>
      <c r="D16735">
        <v>1.6</v>
      </c>
      <c r="E16735">
        <v>4090.49</v>
      </c>
      <c r="F16735">
        <v>74.488399999999999</v>
      </c>
    </row>
    <row r="16736" spans="1:6" x14ac:dyDescent="0.25">
      <c r="A16736">
        <v>171.3</v>
      </c>
      <c r="B16736">
        <v>196.78</v>
      </c>
      <c r="C16736">
        <v>15709.1</v>
      </c>
      <c r="D16736">
        <v>1.9</v>
      </c>
      <c r="E16736">
        <v>3911.67</v>
      </c>
      <c r="F16736">
        <v>88.646299999999997</v>
      </c>
    </row>
    <row r="16737" spans="1:6" x14ac:dyDescent="0.25">
      <c r="A16737">
        <v>171.3</v>
      </c>
      <c r="B16737">
        <v>196.78</v>
      </c>
      <c r="C16737">
        <v>15709.1</v>
      </c>
      <c r="D16737">
        <v>2.2000000000000002</v>
      </c>
      <c r="E16737">
        <v>3770.06</v>
      </c>
      <c r="F16737">
        <v>88.7102</v>
      </c>
    </row>
    <row r="16738" spans="1:6" x14ac:dyDescent="0.25">
      <c r="A16738">
        <v>171.3</v>
      </c>
      <c r="B16738">
        <v>196.78</v>
      </c>
      <c r="C16738">
        <v>15709.1</v>
      </c>
      <c r="D16738">
        <v>2.5</v>
      </c>
      <c r="E16738">
        <v>3628.78</v>
      </c>
      <c r="F16738">
        <v>90.121499999999997</v>
      </c>
    </row>
    <row r="16739" spans="1:6" x14ac:dyDescent="0.25">
      <c r="A16739">
        <v>171.3</v>
      </c>
      <c r="B16739">
        <v>196.78</v>
      </c>
      <c r="C16739">
        <v>15709.1</v>
      </c>
      <c r="D16739">
        <v>2.8</v>
      </c>
      <c r="E16739">
        <v>3576.13</v>
      </c>
      <c r="F16739">
        <v>81.687899999999999</v>
      </c>
    </row>
    <row r="16740" spans="1:6" x14ac:dyDescent="0.25">
      <c r="A16740">
        <v>171.3</v>
      </c>
      <c r="B16740">
        <v>196.78</v>
      </c>
      <c r="C16740">
        <v>15709.1</v>
      </c>
      <c r="D16740">
        <v>3.1</v>
      </c>
      <c r="E16740">
        <v>3454.94</v>
      </c>
      <c r="F16740">
        <v>77.115099999999998</v>
      </c>
    </row>
    <row r="16741" spans="1:6" x14ac:dyDescent="0.25">
      <c r="A16741">
        <v>171.3</v>
      </c>
      <c r="B16741">
        <v>196.78</v>
      </c>
      <c r="C16741">
        <v>15709.1</v>
      </c>
      <c r="D16741">
        <v>3.4</v>
      </c>
      <c r="E16741">
        <v>3498.06</v>
      </c>
      <c r="F16741">
        <v>80.956699999999998</v>
      </c>
    </row>
    <row r="16742" spans="1:6" x14ac:dyDescent="0.25">
      <c r="A16742">
        <v>171.3</v>
      </c>
      <c r="B16742">
        <v>196.78</v>
      </c>
      <c r="C16742">
        <v>15709.1</v>
      </c>
      <c r="D16742">
        <v>3.7</v>
      </c>
      <c r="E16742">
        <v>3360.73</v>
      </c>
      <c r="F16742">
        <v>92.319900000000004</v>
      </c>
    </row>
    <row r="16743" spans="1:6" x14ac:dyDescent="0.25">
      <c r="A16743">
        <v>171.3</v>
      </c>
      <c r="B16743">
        <v>196.78</v>
      </c>
      <c r="C16743">
        <v>15709.1</v>
      </c>
      <c r="D16743">
        <v>4</v>
      </c>
      <c r="E16743">
        <v>3417.62</v>
      </c>
      <c r="F16743">
        <v>79.263800000000003</v>
      </c>
    </row>
    <row r="16744" spans="1:6" x14ac:dyDescent="0.25">
      <c r="A16744">
        <v>171.3</v>
      </c>
      <c r="B16744">
        <v>196.78</v>
      </c>
      <c r="C16744">
        <v>17254.5</v>
      </c>
      <c r="D16744">
        <v>1</v>
      </c>
      <c r="E16744">
        <v>4920.03</v>
      </c>
      <c r="F16744">
        <v>86.072299999999998</v>
      </c>
    </row>
    <row r="16745" spans="1:6" x14ac:dyDescent="0.25">
      <c r="A16745">
        <v>171.3</v>
      </c>
      <c r="B16745">
        <v>196.78</v>
      </c>
      <c r="C16745">
        <v>17254.5</v>
      </c>
      <c r="D16745">
        <v>1.3</v>
      </c>
      <c r="E16745">
        <v>4456.42</v>
      </c>
      <c r="F16745">
        <v>78.077500000000001</v>
      </c>
    </row>
    <row r="16746" spans="1:6" x14ac:dyDescent="0.25">
      <c r="A16746">
        <v>171.3</v>
      </c>
      <c r="B16746">
        <v>196.78</v>
      </c>
      <c r="C16746">
        <v>17254.5</v>
      </c>
      <c r="D16746">
        <v>1.6</v>
      </c>
      <c r="E16746">
        <v>4090.49</v>
      </c>
      <c r="F16746">
        <v>74.488399999999999</v>
      </c>
    </row>
    <row r="16747" spans="1:6" x14ac:dyDescent="0.25">
      <c r="A16747">
        <v>171.3</v>
      </c>
      <c r="B16747">
        <v>196.78</v>
      </c>
      <c r="C16747">
        <v>17254.5</v>
      </c>
      <c r="D16747">
        <v>1.9</v>
      </c>
      <c r="E16747">
        <v>3911.67</v>
      </c>
      <c r="F16747">
        <v>88.646299999999997</v>
      </c>
    </row>
    <row r="16748" spans="1:6" x14ac:dyDescent="0.25">
      <c r="A16748">
        <v>171.3</v>
      </c>
      <c r="B16748">
        <v>196.78</v>
      </c>
      <c r="C16748">
        <v>17254.5</v>
      </c>
      <c r="D16748">
        <v>2.2000000000000002</v>
      </c>
      <c r="E16748">
        <v>3770.06</v>
      </c>
      <c r="F16748">
        <v>88.7102</v>
      </c>
    </row>
    <row r="16749" spans="1:6" x14ac:dyDescent="0.25">
      <c r="A16749">
        <v>171.3</v>
      </c>
      <c r="B16749">
        <v>196.78</v>
      </c>
      <c r="C16749">
        <v>17254.5</v>
      </c>
      <c r="D16749">
        <v>2.5</v>
      </c>
      <c r="E16749">
        <v>3628.78</v>
      </c>
      <c r="F16749">
        <v>90.121499999999997</v>
      </c>
    </row>
    <row r="16750" spans="1:6" x14ac:dyDescent="0.25">
      <c r="A16750">
        <v>171.3</v>
      </c>
      <c r="B16750">
        <v>196.78</v>
      </c>
      <c r="C16750">
        <v>17254.5</v>
      </c>
      <c r="D16750">
        <v>2.8</v>
      </c>
      <c r="E16750">
        <v>3576.13</v>
      </c>
      <c r="F16750">
        <v>81.687899999999999</v>
      </c>
    </row>
    <row r="16751" spans="1:6" x14ac:dyDescent="0.25">
      <c r="A16751">
        <v>171.3</v>
      </c>
      <c r="B16751">
        <v>196.78</v>
      </c>
      <c r="C16751">
        <v>17254.5</v>
      </c>
      <c r="D16751">
        <v>3.1</v>
      </c>
      <c r="E16751">
        <v>3454.94</v>
      </c>
      <c r="F16751">
        <v>77.115099999999998</v>
      </c>
    </row>
    <row r="16752" spans="1:6" x14ac:dyDescent="0.25">
      <c r="A16752">
        <v>171.3</v>
      </c>
      <c r="B16752">
        <v>196.78</v>
      </c>
      <c r="C16752">
        <v>17254.5</v>
      </c>
      <c r="D16752">
        <v>3.4</v>
      </c>
      <c r="E16752">
        <v>3498.06</v>
      </c>
      <c r="F16752">
        <v>80.956699999999998</v>
      </c>
    </row>
    <row r="16753" spans="1:6" x14ac:dyDescent="0.25">
      <c r="A16753">
        <v>171.3</v>
      </c>
      <c r="B16753">
        <v>196.78</v>
      </c>
      <c r="C16753">
        <v>17254.5</v>
      </c>
      <c r="D16753">
        <v>3.7</v>
      </c>
      <c r="E16753">
        <v>3360.73</v>
      </c>
      <c r="F16753">
        <v>92.319900000000004</v>
      </c>
    </row>
    <row r="16754" spans="1:6" x14ac:dyDescent="0.25">
      <c r="A16754">
        <v>171.3</v>
      </c>
      <c r="B16754">
        <v>196.78</v>
      </c>
      <c r="C16754">
        <v>17254.5</v>
      </c>
      <c r="D16754">
        <v>4</v>
      </c>
      <c r="E16754">
        <v>3417.62</v>
      </c>
      <c r="F16754">
        <v>79.263800000000003</v>
      </c>
    </row>
    <row r="16755" spans="1:6" x14ac:dyDescent="0.25">
      <c r="A16755">
        <v>171.3</v>
      </c>
      <c r="B16755">
        <v>196.78</v>
      </c>
      <c r="C16755">
        <v>18800</v>
      </c>
      <c r="D16755">
        <v>1</v>
      </c>
      <c r="E16755">
        <v>4920.03</v>
      </c>
      <c r="F16755">
        <v>86.072299999999998</v>
      </c>
    </row>
    <row r="16756" spans="1:6" x14ac:dyDescent="0.25">
      <c r="A16756">
        <v>171.3</v>
      </c>
      <c r="B16756">
        <v>196.78</v>
      </c>
      <c r="C16756">
        <v>18800</v>
      </c>
      <c r="D16756">
        <v>1.3</v>
      </c>
      <c r="E16756">
        <v>4456.42</v>
      </c>
      <c r="F16756">
        <v>78.077500000000001</v>
      </c>
    </row>
    <row r="16757" spans="1:6" x14ac:dyDescent="0.25">
      <c r="A16757">
        <v>171.3</v>
      </c>
      <c r="B16757">
        <v>196.78</v>
      </c>
      <c r="C16757">
        <v>18800</v>
      </c>
      <c r="D16757">
        <v>1.6</v>
      </c>
      <c r="E16757">
        <v>4090.49</v>
      </c>
      <c r="F16757">
        <v>74.488399999999999</v>
      </c>
    </row>
    <row r="16758" spans="1:6" x14ac:dyDescent="0.25">
      <c r="A16758">
        <v>171.3</v>
      </c>
      <c r="B16758">
        <v>196.78</v>
      </c>
      <c r="C16758">
        <v>18800</v>
      </c>
      <c r="D16758">
        <v>1.9</v>
      </c>
      <c r="E16758">
        <v>3911.67</v>
      </c>
      <c r="F16758">
        <v>88.646299999999997</v>
      </c>
    </row>
    <row r="16759" spans="1:6" x14ac:dyDescent="0.25">
      <c r="A16759">
        <v>171.3</v>
      </c>
      <c r="B16759">
        <v>196.78</v>
      </c>
      <c r="C16759">
        <v>18800</v>
      </c>
      <c r="D16759">
        <v>2.2000000000000002</v>
      </c>
      <c r="E16759">
        <v>3770.06</v>
      </c>
      <c r="F16759">
        <v>88.7102</v>
      </c>
    </row>
    <row r="16760" spans="1:6" x14ac:dyDescent="0.25">
      <c r="A16760">
        <v>171.3</v>
      </c>
      <c r="B16760">
        <v>196.78</v>
      </c>
      <c r="C16760">
        <v>18800</v>
      </c>
      <c r="D16760">
        <v>2.5</v>
      </c>
      <c r="E16760">
        <v>3628.78</v>
      </c>
      <c r="F16760">
        <v>90.121499999999997</v>
      </c>
    </row>
    <row r="16761" spans="1:6" x14ac:dyDescent="0.25">
      <c r="A16761">
        <v>171.3</v>
      </c>
      <c r="B16761">
        <v>196.78</v>
      </c>
      <c r="C16761">
        <v>18800</v>
      </c>
      <c r="D16761">
        <v>2.8</v>
      </c>
      <c r="E16761">
        <v>3576.13</v>
      </c>
      <c r="F16761">
        <v>81.687899999999999</v>
      </c>
    </row>
    <row r="16762" spans="1:6" x14ac:dyDescent="0.25">
      <c r="A16762">
        <v>171.3</v>
      </c>
      <c r="B16762">
        <v>196.78</v>
      </c>
      <c r="C16762">
        <v>18800</v>
      </c>
      <c r="D16762">
        <v>3.1</v>
      </c>
      <c r="E16762">
        <v>3454.94</v>
      </c>
      <c r="F16762">
        <v>77.115099999999998</v>
      </c>
    </row>
    <row r="16763" spans="1:6" x14ac:dyDescent="0.25">
      <c r="A16763">
        <v>171.3</v>
      </c>
      <c r="B16763">
        <v>196.78</v>
      </c>
      <c r="C16763">
        <v>18800</v>
      </c>
      <c r="D16763">
        <v>3.4</v>
      </c>
      <c r="E16763">
        <v>3498.06</v>
      </c>
      <c r="F16763">
        <v>80.956699999999998</v>
      </c>
    </row>
    <row r="16764" spans="1:6" x14ac:dyDescent="0.25">
      <c r="A16764">
        <v>171.3</v>
      </c>
      <c r="B16764">
        <v>196.78</v>
      </c>
      <c r="C16764">
        <v>18800</v>
      </c>
      <c r="D16764">
        <v>3.7</v>
      </c>
      <c r="E16764">
        <v>3360.73</v>
      </c>
      <c r="F16764">
        <v>92.319900000000004</v>
      </c>
    </row>
    <row r="16765" spans="1:6" x14ac:dyDescent="0.25">
      <c r="A16765">
        <v>171.3</v>
      </c>
      <c r="B16765">
        <v>196.78</v>
      </c>
      <c r="C16765">
        <v>18800</v>
      </c>
      <c r="D16765">
        <v>4</v>
      </c>
      <c r="E16765">
        <v>3417.62</v>
      </c>
      <c r="F16765">
        <v>79.263800000000003</v>
      </c>
    </row>
    <row r="16766" spans="1:6" x14ac:dyDescent="0.25">
      <c r="A16766">
        <v>171.3</v>
      </c>
      <c r="B16766">
        <v>200.41</v>
      </c>
      <c r="C16766">
        <v>1800</v>
      </c>
      <c r="D16766">
        <v>1</v>
      </c>
      <c r="E16766">
        <v>4920.03</v>
      </c>
      <c r="F16766">
        <v>86.072299999999998</v>
      </c>
    </row>
    <row r="16767" spans="1:6" x14ac:dyDescent="0.25">
      <c r="A16767">
        <v>171.3</v>
      </c>
      <c r="B16767">
        <v>200.41</v>
      </c>
      <c r="C16767">
        <v>1800</v>
      </c>
      <c r="D16767">
        <v>1.3</v>
      </c>
      <c r="E16767">
        <v>4456.42</v>
      </c>
      <c r="F16767">
        <v>78.077500000000001</v>
      </c>
    </row>
    <row r="16768" spans="1:6" x14ac:dyDescent="0.25">
      <c r="A16768">
        <v>171.3</v>
      </c>
      <c r="B16768">
        <v>200.41</v>
      </c>
      <c r="C16768">
        <v>1800</v>
      </c>
      <c r="D16768">
        <v>1.6</v>
      </c>
      <c r="E16768">
        <v>4090.49</v>
      </c>
      <c r="F16768">
        <v>74.488399999999999</v>
      </c>
    </row>
    <row r="16769" spans="1:6" x14ac:dyDescent="0.25">
      <c r="A16769">
        <v>171.3</v>
      </c>
      <c r="B16769">
        <v>200.41</v>
      </c>
      <c r="C16769">
        <v>1800</v>
      </c>
      <c r="D16769">
        <v>1.9</v>
      </c>
      <c r="E16769">
        <v>3763.97</v>
      </c>
      <c r="F16769">
        <v>88.646299999999997</v>
      </c>
    </row>
    <row r="16770" spans="1:6" x14ac:dyDescent="0.25">
      <c r="A16770">
        <v>171.3</v>
      </c>
      <c r="B16770">
        <v>200.41</v>
      </c>
      <c r="C16770">
        <v>1800</v>
      </c>
      <c r="D16770">
        <v>2.2000000000000002</v>
      </c>
      <c r="E16770">
        <v>3621.99</v>
      </c>
      <c r="F16770">
        <v>88.7102</v>
      </c>
    </row>
    <row r="16771" spans="1:6" x14ac:dyDescent="0.25">
      <c r="A16771">
        <v>171.3</v>
      </c>
      <c r="B16771">
        <v>200.41</v>
      </c>
      <c r="C16771">
        <v>1800</v>
      </c>
      <c r="D16771">
        <v>2.5</v>
      </c>
      <c r="E16771">
        <v>3369.2</v>
      </c>
      <c r="F16771">
        <v>90.121499999999997</v>
      </c>
    </row>
    <row r="16772" spans="1:6" x14ac:dyDescent="0.25">
      <c r="A16772">
        <v>171.3</v>
      </c>
      <c r="B16772">
        <v>200.41</v>
      </c>
      <c r="C16772">
        <v>1800</v>
      </c>
      <c r="D16772">
        <v>2.8</v>
      </c>
      <c r="E16772">
        <v>3250.65</v>
      </c>
      <c r="F16772">
        <v>81.687899999999999</v>
      </c>
    </row>
    <row r="16773" spans="1:6" x14ac:dyDescent="0.25">
      <c r="A16773">
        <v>171.3</v>
      </c>
      <c r="B16773">
        <v>200.41</v>
      </c>
      <c r="C16773">
        <v>1800</v>
      </c>
      <c r="D16773">
        <v>3.1</v>
      </c>
      <c r="E16773">
        <v>3243.49</v>
      </c>
      <c r="F16773">
        <v>77.115099999999998</v>
      </c>
    </row>
    <row r="16774" spans="1:6" x14ac:dyDescent="0.25">
      <c r="A16774">
        <v>171.3</v>
      </c>
      <c r="B16774">
        <v>200.41</v>
      </c>
      <c r="C16774">
        <v>1800</v>
      </c>
      <c r="D16774">
        <v>3.4</v>
      </c>
      <c r="E16774">
        <v>3181.86</v>
      </c>
      <c r="F16774">
        <v>80.956699999999998</v>
      </c>
    </row>
    <row r="16775" spans="1:6" x14ac:dyDescent="0.25">
      <c r="A16775">
        <v>171.3</v>
      </c>
      <c r="B16775">
        <v>200.41</v>
      </c>
      <c r="C16775">
        <v>1800</v>
      </c>
      <c r="D16775">
        <v>3.7</v>
      </c>
      <c r="E16775">
        <v>3060.25</v>
      </c>
      <c r="F16775">
        <v>92.319900000000004</v>
      </c>
    </row>
    <row r="16776" spans="1:6" x14ac:dyDescent="0.25">
      <c r="A16776">
        <v>171.3</v>
      </c>
      <c r="B16776">
        <v>200.41</v>
      </c>
      <c r="C16776">
        <v>1800</v>
      </c>
      <c r="D16776">
        <v>4</v>
      </c>
      <c r="E16776">
        <v>2974.12</v>
      </c>
      <c r="F16776">
        <v>79.263800000000003</v>
      </c>
    </row>
    <row r="16777" spans="1:6" x14ac:dyDescent="0.25">
      <c r="A16777">
        <v>171.3</v>
      </c>
      <c r="B16777">
        <v>200.41</v>
      </c>
      <c r="C16777">
        <v>3345.45</v>
      </c>
      <c r="D16777">
        <v>1</v>
      </c>
      <c r="E16777">
        <v>4920.03</v>
      </c>
      <c r="F16777">
        <v>86.072299999999998</v>
      </c>
    </row>
    <row r="16778" spans="1:6" x14ac:dyDescent="0.25">
      <c r="A16778">
        <v>171.3</v>
      </c>
      <c r="B16778">
        <v>200.41</v>
      </c>
      <c r="C16778">
        <v>3345.45</v>
      </c>
      <c r="D16778">
        <v>1.3</v>
      </c>
      <c r="E16778">
        <v>4456.42</v>
      </c>
      <c r="F16778">
        <v>78.077500000000001</v>
      </c>
    </row>
    <row r="16779" spans="1:6" x14ac:dyDescent="0.25">
      <c r="A16779">
        <v>171.3</v>
      </c>
      <c r="B16779">
        <v>200.41</v>
      </c>
      <c r="C16779">
        <v>3345.45</v>
      </c>
      <c r="D16779">
        <v>1.6</v>
      </c>
      <c r="E16779">
        <v>4090.49</v>
      </c>
      <c r="F16779">
        <v>74.488399999999999</v>
      </c>
    </row>
    <row r="16780" spans="1:6" x14ac:dyDescent="0.25">
      <c r="A16780">
        <v>171.3</v>
      </c>
      <c r="B16780">
        <v>200.41</v>
      </c>
      <c r="C16780">
        <v>3345.45</v>
      </c>
      <c r="D16780">
        <v>1.9</v>
      </c>
      <c r="E16780">
        <v>3911.67</v>
      </c>
      <c r="F16780">
        <v>88.646299999999997</v>
      </c>
    </row>
    <row r="16781" spans="1:6" x14ac:dyDescent="0.25">
      <c r="A16781">
        <v>171.3</v>
      </c>
      <c r="B16781">
        <v>200.41</v>
      </c>
      <c r="C16781">
        <v>3345.45</v>
      </c>
      <c r="D16781">
        <v>2.2000000000000002</v>
      </c>
      <c r="E16781">
        <v>3770.06</v>
      </c>
      <c r="F16781">
        <v>88.7102</v>
      </c>
    </row>
    <row r="16782" spans="1:6" x14ac:dyDescent="0.25">
      <c r="A16782">
        <v>171.3</v>
      </c>
      <c r="B16782">
        <v>200.41</v>
      </c>
      <c r="C16782">
        <v>3345.45</v>
      </c>
      <c r="D16782">
        <v>2.5</v>
      </c>
      <c r="E16782">
        <v>3628.78</v>
      </c>
      <c r="F16782">
        <v>90.121499999999997</v>
      </c>
    </row>
    <row r="16783" spans="1:6" x14ac:dyDescent="0.25">
      <c r="A16783">
        <v>171.3</v>
      </c>
      <c r="B16783">
        <v>200.41</v>
      </c>
      <c r="C16783">
        <v>3345.45</v>
      </c>
      <c r="D16783">
        <v>2.8</v>
      </c>
      <c r="E16783">
        <v>3576.13</v>
      </c>
      <c r="F16783">
        <v>81.687899999999999</v>
      </c>
    </row>
    <row r="16784" spans="1:6" x14ac:dyDescent="0.25">
      <c r="A16784">
        <v>171.3</v>
      </c>
      <c r="B16784">
        <v>200.41</v>
      </c>
      <c r="C16784">
        <v>3345.45</v>
      </c>
      <c r="D16784">
        <v>3.1</v>
      </c>
      <c r="E16784">
        <v>3454.94</v>
      </c>
      <c r="F16784">
        <v>77.115099999999998</v>
      </c>
    </row>
    <row r="16785" spans="1:6" x14ac:dyDescent="0.25">
      <c r="A16785">
        <v>171.3</v>
      </c>
      <c r="B16785">
        <v>200.41</v>
      </c>
      <c r="C16785">
        <v>3345.45</v>
      </c>
      <c r="D16785">
        <v>3.4</v>
      </c>
      <c r="E16785">
        <v>3498.06</v>
      </c>
      <c r="F16785">
        <v>80.956699999999998</v>
      </c>
    </row>
    <row r="16786" spans="1:6" x14ac:dyDescent="0.25">
      <c r="A16786">
        <v>171.3</v>
      </c>
      <c r="B16786">
        <v>200.41</v>
      </c>
      <c r="C16786">
        <v>3345.45</v>
      </c>
      <c r="D16786">
        <v>3.7</v>
      </c>
      <c r="E16786">
        <v>3360.73</v>
      </c>
      <c r="F16786">
        <v>92.319900000000004</v>
      </c>
    </row>
    <row r="16787" spans="1:6" x14ac:dyDescent="0.25">
      <c r="A16787">
        <v>171.3</v>
      </c>
      <c r="B16787">
        <v>200.41</v>
      </c>
      <c r="C16787">
        <v>3345.45</v>
      </c>
      <c r="D16787">
        <v>4</v>
      </c>
      <c r="E16787">
        <v>3417.62</v>
      </c>
      <c r="F16787">
        <v>79.263800000000003</v>
      </c>
    </row>
    <row r="16788" spans="1:6" x14ac:dyDescent="0.25">
      <c r="A16788">
        <v>171.3</v>
      </c>
      <c r="B16788">
        <v>200.41</v>
      </c>
      <c r="C16788">
        <v>4890.8999999999996</v>
      </c>
      <c r="D16788">
        <v>1</v>
      </c>
      <c r="E16788">
        <v>4920.03</v>
      </c>
      <c r="F16788">
        <v>86.072299999999998</v>
      </c>
    </row>
    <row r="16789" spans="1:6" x14ac:dyDescent="0.25">
      <c r="A16789">
        <v>171.3</v>
      </c>
      <c r="B16789">
        <v>200.41</v>
      </c>
      <c r="C16789">
        <v>4890.8999999999996</v>
      </c>
      <c r="D16789">
        <v>1.3</v>
      </c>
      <c r="E16789">
        <v>4456.42</v>
      </c>
      <c r="F16789">
        <v>78.077500000000001</v>
      </c>
    </row>
    <row r="16790" spans="1:6" x14ac:dyDescent="0.25">
      <c r="A16790">
        <v>171.3</v>
      </c>
      <c r="B16790">
        <v>200.41</v>
      </c>
      <c r="C16790">
        <v>4890.8999999999996</v>
      </c>
      <c r="D16790">
        <v>1.6</v>
      </c>
      <c r="E16790">
        <v>4090.49</v>
      </c>
      <c r="F16790">
        <v>74.488399999999999</v>
      </c>
    </row>
    <row r="16791" spans="1:6" x14ac:dyDescent="0.25">
      <c r="A16791">
        <v>171.3</v>
      </c>
      <c r="B16791">
        <v>200.41</v>
      </c>
      <c r="C16791">
        <v>4890.8999999999996</v>
      </c>
      <c r="D16791">
        <v>1.9</v>
      </c>
      <c r="E16791">
        <v>3911.67</v>
      </c>
      <c r="F16791">
        <v>88.646299999999997</v>
      </c>
    </row>
    <row r="16792" spans="1:6" x14ac:dyDescent="0.25">
      <c r="A16792">
        <v>171.3</v>
      </c>
      <c r="B16792">
        <v>200.41</v>
      </c>
      <c r="C16792">
        <v>4890.8999999999996</v>
      </c>
      <c r="D16792">
        <v>2.2000000000000002</v>
      </c>
      <c r="E16792">
        <v>3770.06</v>
      </c>
      <c r="F16792">
        <v>88.7102</v>
      </c>
    </row>
    <row r="16793" spans="1:6" x14ac:dyDescent="0.25">
      <c r="A16793">
        <v>171.3</v>
      </c>
      <c r="B16793">
        <v>200.41</v>
      </c>
      <c r="C16793">
        <v>4890.8999999999996</v>
      </c>
      <c r="D16793">
        <v>2.5</v>
      </c>
      <c r="E16793">
        <v>3628.78</v>
      </c>
      <c r="F16793">
        <v>90.121499999999997</v>
      </c>
    </row>
    <row r="16794" spans="1:6" x14ac:dyDescent="0.25">
      <c r="A16794">
        <v>171.3</v>
      </c>
      <c r="B16794">
        <v>200.41</v>
      </c>
      <c r="C16794">
        <v>4890.8999999999996</v>
      </c>
      <c r="D16794">
        <v>2.8</v>
      </c>
      <c r="E16794">
        <v>3576.13</v>
      </c>
      <c r="F16794">
        <v>81.687899999999999</v>
      </c>
    </row>
    <row r="16795" spans="1:6" x14ac:dyDescent="0.25">
      <c r="A16795">
        <v>171.3</v>
      </c>
      <c r="B16795">
        <v>200.41</v>
      </c>
      <c r="C16795">
        <v>4890.8999999999996</v>
      </c>
      <c r="D16795">
        <v>3.1</v>
      </c>
      <c r="E16795">
        <v>3454.94</v>
      </c>
      <c r="F16795">
        <v>77.115099999999998</v>
      </c>
    </row>
    <row r="16796" spans="1:6" x14ac:dyDescent="0.25">
      <c r="A16796">
        <v>171.3</v>
      </c>
      <c r="B16796">
        <v>200.41</v>
      </c>
      <c r="C16796">
        <v>4890.8999999999996</v>
      </c>
      <c r="D16796">
        <v>3.4</v>
      </c>
      <c r="E16796">
        <v>3498.06</v>
      </c>
      <c r="F16796">
        <v>80.956699999999998</v>
      </c>
    </row>
    <row r="16797" spans="1:6" x14ac:dyDescent="0.25">
      <c r="A16797">
        <v>171.3</v>
      </c>
      <c r="B16797">
        <v>200.41</v>
      </c>
      <c r="C16797">
        <v>4890.8999999999996</v>
      </c>
      <c r="D16797">
        <v>3.7</v>
      </c>
      <c r="E16797">
        <v>3360.73</v>
      </c>
      <c r="F16797">
        <v>92.319900000000004</v>
      </c>
    </row>
    <row r="16798" spans="1:6" x14ac:dyDescent="0.25">
      <c r="A16798">
        <v>171.3</v>
      </c>
      <c r="B16798">
        <v>200.41</v>
      </c>
      <c r="C16798">
        <v>4890.8999999999996</v>
      </c>
      <c r="D16798">
        <v>4</v>
      </c>
      <c r="E16798">
        <v>3417.62</v>
      </c>
      <c r="F16798">
        <v>79.263800000000003</v>
      </c>
    </row>
    <row r="16799" spans="1:6" x14ac:dyDescent="0.25">
      <c r="A16799">
        <v>171.3</v>
      </c>
      <c r="B16799">
        <v>200.41</v>
      </c>
      <c r="C16799">
        <v>6436.35</v>
      </c>
      <c r="D16799">
        <v>1</v>
      </c>
      <c r="E16799">
        <v>4920.03</v>
      </c>
      <c r="F16799">
        <v>86.072299999999998</v>
      </c>
    </row>
    <row r="16800" spans="1:6" x14ac:dyDescent="0.25">
      <c r="A16800">
        <v>171.3</v>
      </c>
      <c r="B16800">
        <v>200.41</v>
      </c>
      <c r="C16800">
        <v>6436.35</v>
      </c>
      <c r="D16800">
        <v>1.3</v>
      </c>
      <c r="E16800">
        <v>4456.42</v>
      </c>
      <c r="F16800">
        <v>78.077500000000001</v>
      </c>
    </row>
    <row r="16801" spans="1:6" x14ac:dyDescent="0.25">
      <c r="A16801">
        <v>171.3</v>
      </c>
      <c r="B16801">
        <v>200.41</v>
      </c>
      <c r="C16801">
        <v>6436.35</v>
      </c>
      <c r="D16801">
        <v>1.6</v>
      </c>
      <c r="E16801">
        <v>4090.49</v>
      </c>
      <c r="F16801">
        <v>74.488399999999999</v>
      </c>
    </row>
    <row r="16802" spans="1:6" x14ac:dyDescent="0.25">
      <c r="A16802">
        <v>171.3</v>
      </c>
      <c r="B16802">
        <v>200.41</v>
      </c>
      <c r="C16802">
        <v>6436.35</v>
      </c>
      <c r="D16802">
        <v>1.9</v>
      </c>
      <c r="E16802">
        <v>3911.67</v>
      </c>
      <c r="F16802">
        <v>88.646299999999997</v>
      </c>
    </row>
    <row r="16803" spans="1:6" x14ac:dyDescent="0.25">
      <c r="A16803">
        <v>171.3</v>
      </c>
      <c r="B16803">
        <v>200.41</v>
      </c>
      <c r="C16803">
        <v>6436.35</v>
      </c>
      <c r="D16803">
        <v>2.2000000000000002</v>
      </c>
      <c r="E16803">
        <v>3770.06</v>
      </c>
      <c r="F16803">
        <v>88.7102</v>
      </c>
    </row>
    <row r="16804" spans="1:6" x14ac:dyDescent="0.25">
      <c r="A16804">
        <v>171.3</v>
      </c>
      <c r="B16804">
        <v>200.41</v>
      </c>
      <c r="C16804">
        <v>6436.35</v>
      </c>
      <c r="D16804">
        <v>2.5</v>
      </c>
      <c r="E16804">
        <v>3628.78</v>
      </c>
      <c r="F16804">
        <v>90.121499999999997</v>
      </c>
    </row>
    <row r="16805" spans="1:6" x14ac:dyDescent="0.25">
      <c r="A16805">
        <v>171.3</v>
      </c>
      <c r="B16805">
        <v>200.41</v>
      </c>
      <c r="C16805">
        <v>6436.35</v>
      </c>
      <c r="D16805">
        <v>2.8</v>
      </c>
      <c r="E16805">
        <v>3576.13</v>
      </c>
      <c r="F16805">
        <v>81.687899999999999</v>
      </c>
    </row>
    <row r="16806" spans="1:6" x14ac:dyDescent="0.25">
      <c r="A16806">
        <v>171.3</v>
      </c>
      <c r="B16806">
        <v>200.41</v>
      </c>
      <c r="C16806">
        <v>6436.35</v>
      </c>
      <c r="D16806">
        <v>3.1</v>
      </c>
      <c r="E16806">
        <v>3454.94</v>
      </c>
      <c r="F16806">
        <v>77.115099999999998</v>
      </c>
    </row>
    <row r="16807" spans="1:6" x14ac:dyDescent="0.25">
      <c r="A16807">
        <v>171.3</v>
      </c>
      <c r="B16807">
        <v>200.41</v>
      </c>
      <c r="C16807">
        <v>6436.35</v>
      </c>
      <c r="D16807">
        <v>3.4</v>
      </c>
      <c r="E16807">
        <v>3498.06</v>
      </c>
      <c r="F16807">
        <v>80.956699999999998</v>
      </c>
    </row>
    <row r="16808" spans="1:6" x14ac:dyDescent="0.25">
      <c r="A16808">
        <v>171.3</v>
      </c>
      <c r="B16808">
        <v>200.41</v>
      </c>
      <c r="C16808">
        <v>6436.35</v>
      </c>
      <c r="D16808">
        <v>3.7</v>
      </c>
      <c r="E16808">
        <v>3360.73</v>
      </c>
      <c r="F16808">
        <v>92.319900000000004</v>
      </c>
    </row>
    <row r="16809" spans="1:6" x14ac:dyDescent="0.25">
      <c r="A16809">
        <v>171.3</v>
      </c>
      <c r="B16809">
        <v>200.41</v>
      </c>
      <c r="C16809">
        <v>6436.35</v>
      </c>
      <c r="D16809">
        <v>4</v>
      </c>
      <c r="E16809">
        <v>3417.62</v>
      </c>
      <c r="F16809">
        <v>79.263800000000003</v>
      </c>
    </row>
    <row r="16810" spans="1:6" x14ac:dyDescent="0.25">
      <c r="A16810">
        <v>171.3</v>
      </c>
      <c r="B16810">
        <v>200.41</v>
      </c>
      <c r="C16810">
        <v>7981.8</v>
      </c>
      <c r="D16810">
        <v>1</v>
      </c>
      <c r="E16810">
        <v>4920.03</v>
      </c>
      <c r="F16810">
        <v>86.072299999999998</v>
      </c>
    </row>
    <row r="16811" spans="1:6" x14ac:dyDescent="0.25">
      <c r="A16811">
        <v>171.3</v>
      </c>
      <c r="B16811">
        <v>200.41</v>
      </c>
      <c r="C16811">
        <v>7981.8</v>
      </c>
      <c r="D16811">
        <v>1.3</v>
      </c>
      <c r="E16811">
        <v>4456.42</v>
      </c>
      <c r="F16811">
        <v>78.077500000000001</v>
      </c>
    </row>
    <row r="16812" spans="1:6" x14ac:dyDescent="0.25">
      <c r="A16812">
        <v>171.3</v>
      </c>
      <c r="B16812">
        <v>200.41</v>
      </c>
      <c r="C16812">
        <v>7981.8</v>
      </c>
      <c r="D16812">
        <v>1.6</v>
      </c>
      <c r="E16812">
        <v>4090.49</v>
      </c>
      <c r="F16812">
        <v>74.488399999999999</v>
      </c>
    </row>
    <row r="16813" spans="1:6" x14ac:dyDescent="0.25">
      <c r="A16813">
        <v>171.3</v>
      </c>
      <c r="B16813">
        <v>200.41</v>
      </c>
      <c r="C16813">
        <v>7981.8</v>
      </c>
      <c r="D16813">
        <v>1.9</v>
      </c>
      <c r="E16813">
        <v>3911.67</v>
      </c>
      <c r="F16813">
        <v>88.646299999999997</v>
      </c>
    </row>
    <row r="16814" spans="1:6" x14ac:dyDescent="0.25">
      <c r="A16814">
        <v>171.3</v>
      </c>
      <c r="B16814">
        <v>200.41</v>
      </c>
      <c r="C16814">
        <v>7981.8</v>
      </c>
      <c r="D16814">
        <v>2.2000000000000002</v>
      </c>
      <c r="E16814">
        <v>3770.06</v>
      </c>
      <c r="F16814">
        <v>88.7102</v>
      </c>
    </row>
    <row r="16815" spans="1:6" x14ac:dyDescent="0.25">
      <c r="A16815">
        <v>171.3</v>
      </c>
      <c r="B16815">
        <v>200.41</v>
      </c>
      <c r="C16815">
        <v>7981.8</v>
      </c>
      <c r="D16815">
        <v>2.5</v>
      </c>
      <c r="E16815">
        <v>3628.78</v>
      </c>
      <c r="F16815">
        <v>90.121499999999997</v>
      </c>
    </row>
    <row r="16816" spans="1:6" x14ac:dyDescent="0.25">
      <c r="A16816">
        <v>171.3</v>
      </c>
      <c r="B16816">
        <v>200.41</v>
      </c>
      <c r="C16816">
        <v>7981.8</v>
      </c>
      <c r="D16816">
        <v>2.8</v>
      </c>
      <c r="E16816">
        <v>3576.13</v>
      </c>
      <c r="F16816">
        <v>81.687899999999999</v>
      </c>
    </row>
    <row r="16817" spans="1:6" x14ac:dyDescent="0.25">
      <c r="A16817">
        <v>171.3</v>
      </c>
      <c r="B16817">
        <v>200.41</v>
      </c>
      <c r="C16817">
        <v>7981.8</v>
      </c>
      <c r="D16817">
        <v>3.1</v>
      </c>
      <c r="E16817">
        <v>3454.94</v>
      </c>
      <c r="F16817">
        <v>77.115099999999998</v>
      </c>
    </row>
    <row r="16818" spans="1:6" x14ac:dyDescent="0.25">
      <c r="A16818">
        <v>171.3</v>
      </c>
      <c r="B16818">
        <v>200.41</v>
      </c>
      <c r="C16818">
        <v>7981.8</v>
      </c>
      <c r="D16818">
        <v>3.4</v>
      </c>
      <c r="E16818">
        <v>3498.06</v>
      </c>
      <c r="F16818">
        <v>80.956699999999998</v>
      </c>
    </row>
    <row r="16819" spans="1:6" x14ac:dyDescent="0.25">
      <c r="A16819">
        <v>171.3</v>
      </c>
      <c r="B16819">
        <v>200.41</v>
      </c>
      <c r="C16819">
        <v>7981.8</v>
      </c>
      <c r="D16819">
        <v>3.7</v>
      </c>
      <c r="E16819">
        <v>3360.73</v>
      </c>
      <c r="F16819">
        <v>92.319900000000004</v>
      </c>
    </row>
    <row r="16820" spans="1:6" x14ac:dyDescent="0.25">
      <c r="A16820">
        <v>171.3</v>
      </c>
      <c r="B16820">
        <v>200.41</v>
      </c>
      <c r="C16820">
        <v>7981.8</v>
      </c>
      <c r="D16820">
        <v>4</v>
      </c>
      <c r="E16820">
        <v>3417.62</v>
      </c>
      <c r="F16820">
        <v>79.263800000000003</v>
      </c>
    </row>
    <row r="16821" spans="1:6" x14ac:dyDescent="0.25">
      <c r="A16821">
        <v>171.3</v>
      </c>
      <c r="B16821">
        <v>200.41</v>
      </c>
      <c r="C16821">
        <v>9527.25</v>
      </c>
      <c r="D16821">
        <v>1</v>
      </c>
      <c r="E16821">
        <v>4920.03</v>
      </c>
      <c r="F16821">
        <v>86.072299999999998</v>
      </c>
    </row>
    <row r="16822" spans="1:6" x14ac:dyDescent="0.25">
      <c r="A16822">
        <v>171.3</v>
      </c>
      <c r="B16822">
        <v>200.41</v>
      </c>
      <c r="C16822">
        <v>9527.25</v>
      </c>
      <c r="D16822">
        <v>1.3</v>
      </c>
      <c r="E16822">
        <v>4456.42</v>
      </c>
      <c r="F16822">
        <v>78.077500000000001</v>
      </c>
    </row>
    <row r="16823" spans="1:6" x14ac:dyDescent="0.25">
      <c r="A16823">
        <v>171.3</v>
      </c>
      <c r="B16823">
        <v>200.41</v>
      </c>
      <c r="C16823">
        <v>9527.25</v>
      </c>
      <c r="D16823">
        <v>1.6</v>
      </c>
      <c r="E16823">
        <v>4090.49</v>
      </c>
      <c r="F16823">
        <v>74.488399999999999</v>
      </c>
    </row>
    <row r="16824" spans="1:6" x14ac:dyDescent="0.25">
      <c r="A16824">
        <v>171.3</v>
      </c>
      <c r="B16824">
        <v>200.41</v>
      </c>
      <c r="C16824">
        <v>9527.25</v>
      </c>
      <c r="D16824">
        <v>1.9</v>
      </c>
      <c r="E16824">
        <v>3911.67</v>
      </c>
      <c r="F16824">
        <v>88.646299999999997</v>
      </c>
    </row>
    <row r="16825" spans="1:6" x14ac:dyDescent="0.25">
      <c r="A16825">
        <v>171.3</v>
      </c>
      <c r="B16825">
        <v>200.41</v>
      </c>
      <c r="C16825">
        <v>9527.25</v>
      </c>
      <c r="D16825">
        <v>2.2000000000000002</v>
      </c>
      <c r="E16825">
        <v>3770.06</v>
      </c>
      <c r="F16825">
        <v>88.7102</v>
      </c>
    </row>
    <row r="16826" spans="1:6" x14ac:dyDescent="0.25">
      <c r="A16826">
        <v>171.3</v>
      </c>
      <c r="B16826">
        <v>200.41</v>
      </c>
      <c r="C16826">
        <v>9527.25</v>
      </c>
      <c r="D16826">
        <v>2.5</v>
      </c>
      <c r="E16826">
        <v>3628.78</v>
      </c>
      <c r="F16826">
        <v>90.121499999999997</v>
      </c>
    </row>
    <row r="16827" spans="1:6" x14ac:dyDescent="0.25">
      <c r="A16827">
        <v>171.3</v>
      </c>
      <c r="B16827">
        <v>200.41</v>
      </c>
      <c r="C16827">
        <v>9527.25</v>
      </c>
      <c r="D16827">
        <v>2.8</v>
      </c>
      <c r="E16827">
        <v>3576.13</v>
      </c>
      <c r="F16827">
        <v>81.687899999999999</v>
      </c>
    </row>
    <row r="16828" spans="1:6" x14ac:dyDescent="0.25">
      <c r="A16828">
        <v>171.3</v>
      </c>
      <c r="B16828">
        <v>200.41</v>
      </c>
      <c r="C16828">
        <v>9527.25</v>
      </c>
      <c r="D16828">
        <v>3.1</v>
      </c>
      <c r="E16828">
        <v>3454.94</v>
      </c>
      <c r="F16828">
        <v>77.115099999999998</v>
      </c>
    </row>
    <row r="16829" spans="1:6" x14ac:dyDescent="0.25">
      <c r="A16829">
        <v>171.3</v>
      </c>
      <c r="B16829">
        <v>200.41</v>
      </c>
      <c r="C16829">
        <v>9527.25</v>
      </c>
      <c r="D16829">
        <v>3.4</v>
      </c>
      <c r="E16829">
        <v>3498.06</v>
      </c>
      <c r="F16829">
        <v>80.956699999999998</v>
      </c>
    </row>
    <row r="16830" spans="1:6" x14ac:dyDescent="0.25">
      <c r="A16830">
        <v>171.3</v>
      </c>
      <c r="B16830">
        <v>200.41</v>
      </c>
      <c r="C16830">
        <v>9527.25</v>
      </c>
      <c r="D16830">
        <v>3.7</v>
      </c>
      <c r="E16830">
        <v>3360.73</v>
      </c>
      <c r="F16830">
        <v>92.319900000000004</v>
      </c>
    </row>
    <row r="16831" spans="1:6" x14ac:dyDescent="0.25">
      <c r="A16831">
        <v>171.3</v>
      </c>
      <c r="B16831">
        <v>200.41</v>
      </c>
      <c r="C16831">
        <v>9527.25</v>
      </c>
      <c r="D16831">
        <v>4</v>
      </c>
      <c r="E16831">
        <v>3417.62</v>
      </c>
      <c r="F16831">
        <v>79.263800000000003</v>
      </c>
    </row>
    <row r="16832" spans="1:6" x14ac:dyDescent="0.25">
      <c r="A16832">
        <v>171.3</v>
      </c>
      <c r="B16832">
        <v>200.41</v>
      </c>
      <c r="C16832">
        <v>11072.7</v>
      </c>
      <c r="D16832">
        <v>1</v>
      </c>
      <c r="E16832">
        <v>4920.03</v>
      </c>
      <c r="F16832">
        <v>86.072299999999998</v>
      </c>
    </row>
    <row r="16833" spans="1:6" x14ac:dyDescent="0.25">
      <c r="A16833">
        <v>171.3</v>
      </c>
      <c r="B16833">
        <v>200.41</v>
      </c>
      <c r="C16833">
        <v>11072.7</v>
      </c>
      <c r="D16833">
        <v>1.3</v>
      </c>
      <c r="E16833">
        <v>4456.42</v>
      </c>
      <c r="F16833">
        <v>78.077500000000001</v>
      </c>
    </row>
    <row r="16834" spans="1:6" x14ac:dyDescent="0.25">
      <c r="A16834">
        <v>171.3</v>
      </c>
      <c r="B16834">
        <v>200.41</v>
      </c>
      <c r="C16834">
        <v>11072.7</v>
      </c>
      <c r="D16834">
        <v>1.6</v>
      </c>
      <c r="E16834">
        <v>4090.49</v>
      </c>
      <c r="F16834">
        <v>74.488399999999999</v>
      </c>
    </row>
    <row r="16835" spans="1:6" x14ac:dyDescent="0.25">
      <c r="A16835">
        <v>171.3</v>
      </c>
      <c r="B16835">
        <v>200.41</v>
      </c>
      <c r="C16835">
        <v>11072.7</v>
      </c>
      <c r="D16835">
        <v>1.9</v>
      </c>
      <c r="E16835">
        <v>3911.67</v>
      </c>
      <c r="F16835">
        <v>88.646299999999997</v>
      </c>
    </row>
    <row r="16836" spans="1:6" x14ac:dyDescent="0.25">
      <c r="A16836">
        <v>171.3</v>
      </c>
      <c r="B16836">
        <v>200.41</v>
      </c>
      <c r="C16836">
        <v>11072.7</v>
      </c>
      <c r="D16836">
        <v>2.2000000000000002</v>
      </c>
      <c r="E16836">
        <v>3770.06</v>
      </c>
      <c r="F16836">
        <v>88.7102</v>
      </c>
    </row>
    <row r="16837" spans="1:6" x14ac:dyDescent="0.25">
      <c r="A16837">
        <v>171.3</v>
      </c>
      <c r="B16837">
        <v>200.41</v>
      </c>
      <c r="C16837">
        <v>11072.7</v>
      </c>
      <c r="D16837">
        <v>2.5</v>
      </c>
      <c r="E16837">
        <v>3628.78</v>
      </c>
      <c r="F16837">
        <v>90.121499999999997</v>
      </c>
    </row>
    <row r="16838" spans="1:6" x14ac:dyDescent="0.25">
      <c r="A16838">
        <v>171.3</v>
      </c>
      <c r="B16838">
        <v>200.41</v>
      </c>
      <c r="C16838">
        <v>11072.7</v>
      </c>
      <c r="D16838">
        <v>2.8</v>
      </c>
      <c r="E16838">
        <v>3576.13</v>
      </c>
      <c r="F16838">
        <v>81.687899999999999</v>
      </c>
    </row>
    <row r="16839" spans="1:6" x14ac:dyDescent="0.25">
      <c r="A16839">
        <v>171.3</v>
      </c>
      <c r="B16839">
        <v>200.41</v>
      </c>
      <c r="C16839">
        <v>11072.7</v>
      </c>
      <c r="D16839">
        <v>3.1</v>
      </c>
      <c r="E16839">
        <v>3454.94</v>
      </c>
      <c r="F16839">
        <v>77.115099999999998</v>
      </c>
    </row>
    <row r="16840" spans="1:6" x14ac:dyDescent="0.25">
      <c r="A16840">
        <v>171.3</v>
      </c>
      <c r="B16840">
        <v>200.41</v>
      </c>
      <c r="C16840">
        <v>11072.7</v>
      </c>
      <c r="D16840">
        <v>3.4</v>
      </c>
      <c r="E16840">
        <v>3498.06</v>
      </c>
      <c r="F16840">
        <v>80.956699999999998</v>
      </c>
    </row>
    <row r="16841" spans="1:6" x14ac:dyDescent="0.25">
      <c r="A16841">
        <v>171.3</v>
      </c>
      <c r="B16841">
        <v>200.41</v>
      </c>
      <c r="C16841">
        <v>11072.7</v>
      </c>
      <c r="D16841">
        <v>3.7</v>
      </c>
      <c r="E16841">
        <v>3360.73</v>
      </c>
      <c r="F16841">
        <v>92.319900000000004</v>
      </c>
    </row>
    <row r="16842" spans="1:6" x14ac:dyDescent="0.25">
      <c r="A16842">
        <v>171.3</v>
      </c>
      <c r="B16842">
        <v>200.41</v>
      </c>
      <c r="C16842">
        <v>11072.7</v>
      </c>
      <c r="D16842">
        <v>4</v>
      </c>
      <c r="E16842">
        <v>3417.62</v>
      </c>
      <c r="F16842">
        <v>79.263800000000003</v>
      </c>
    </row>
    <row r="16843" spans="1:6" x14ac:dyDescent="0.25">
      <c r="A16843">
        <v>171.3</v>
      </c>
      <c r="B16843">
        <v>200.41</v>
      </c>
      <c r="C16843">
        <v>12618.2</v>
      </c>
      <c r="D16843">
        <v>1</v>
      </c>
      <c r="E16843">
        <v>4920.03</v>
      </c>
      <c r="F16843">
        <v>86.072299999999998</v>
      </c>
    </row>
    <row r="16844" spans="1:6" x14ac:dyDescent="0.25">
      <c r="A16844">
        <v>171.3</v>
      </c>
      <c r="B16844">
        <v>200.41</v>
      </c>
      <c r="C16844">
        <v>12618.2</v>
      </c>
      <c r="D16844">
        <v>1.3</v>
      </c>
      <c r="E16844">
        <v>4456.42</v>
      </c>
      <c r="F16844">
        <v>78.077500000000001</v>
      </c>
    </row>
    <row r="16845" spans="1:6" x14ac:dyDescent="0.25">
      <c r="A16845">
        <v>171.3</v>
      </c>
      <c r="B16845">
        <v>200.41</v>
      </c>
      <c r="C16845">
        <v>12618.2</v>
      </c>
      <c r="D16845">
        <v>1.6</v>
      </c>
      <c r="E16845">
        <v>4090.49</v>
      </c>
      <c r="F16845">
        <v>74.488399999999999</v>
      </c>
    </row>
    <row r="16846" spans="1:6" x14ac:dyDescent="0.25">
      <c r="A16846">
        <v>171.3</v>
      </c>
      <c r="B16846">
        <v>200.41</v>
      </c>
      <c r="C16846">
        <v>12618.2</v>
      </c>
      <c r="D16846">
        <v>1.9</v>
      </c>
      <c r="E16846">
        <v>3911.67</v>
      </c>
      <c r="F16846">
        <v>88.646299999999997</v>
      </c>
    </row>
    <row r="16847" spans="1:6" x14ac:dyDescent="0.25">
      <c r="A16847">
        <v>171.3</v>
      </c>
      <c r="B16847">
        <v>200.41</v>
      </c>
      <c r="C16847">
        <v>12618.2</v>
      </c>
      <c r="D16847">
        <v>2.2000000000000002</v>
      </c>
      <c r="E16847">
        <v>3770.06</v>
      </c>
      <c r="F16847">
        <v>88.7102</v>
      </c>
    </row>
    <row r="16848" spans="1:6" x14ac:dyDescent="0.25">
      <c r="A16848">
        <v>171.3</v>
      </c>
      <c r="B16848">
        <v>200.41</v>
      </c>
      <c r="C16848">
        <v>12618.2</v>
      </c>
      <c r="D16848">
        <v>2.5</v>
      </c>
      <c r="E16848">
        <v>3628.78</v>
      </c>
      <c r="F16848">
        <v>90.121499999999997</v>
      </c>
    </row>
    <row r="16849" spans="1:6" x14ac:dyDescent="0.25">
      <c r="A16849">
        <v>171.3</v>
      </c>
      <c r="B16849">
        <v>200.41</v>
      </c>
      <c r="C16849">
        <v>12618.2</v>
      </c>
      <c r="D16849">
        <v>2.8</v>
      </c>
      <c r="E16849">
        <v>3576.13</v>
      </c>
      <c r="F16849">
        <v>81.687899999999999</v>
      </c>
    </row>
    <row r="16850" spans="1:6" x14ac:dyDescent="0.25">
      <c r="A16850">
        <v>171.3</v>
      </c>
      <c r="B16850">
        <v>200.41</v>
      </c>
      <c r="C16850">
        <v>12618.2</v>
      </c>
      <c r="D16850">
        <v>3.1</v>
      </c>
      <c r="E16850">
        <v>3454.94</v>
      </c>
      <c r="F16850">
        <v>77.115099999999998</v>
      </c>
    </row>
    <row r="16851" spans="1:6" x14ac:dyDescent="0.25">
      <c r="A16851">
        <v>171.3</v>
      </c>
      <c r="B16851">
        <v>200.41</v>
      </c>
      <c r="C16851">
        <v>12618.2</v>
      </c>
      <c r="D16851">
        <v>3.4</v>
      </c>
      <c r="E16851">
        <v>3498.06</v>
      </c>
      <c r="F16851">
        <v>80.956699999999998</v>
      </c>
    </row>
    <row r="16852" spans="1:6" x14ac:dyDescent="0.25">
      <c r="A16852">
        <v>171.3</v>
      </c>
      <c r="B16852">
        <v>200.41</v>
      </c>
      <c r="C16852">
        <v>12618.2</v>
      </c>
      <c r="D16852">
        <v>3.7</v>
      </c>
      <c r="E16852">
        <v>3360.73</v>
      </c>
      <c r="F16852">
        <v>92.319900000000004</v>
      </c>
    </row>
    <row r="16853" spans="1:6" x14ac:dyDescent="0.25">
      <c r="A16853">
        <v>171.3</v>
      </c>
      <c r="B16853">
        <v>200.41</v>
      </c>
      <c r="C16853">
        <v>12618.2</v>
      </c>
      <c r="D16853">
        <v>4</v>
      </c>
      <c r="E16853">
        <v>3417.62</v>
      </c>
      <c r="F16853">
        <v>79.263800000000003</v>
      </c>
    </row>
    <row r="16854" spans="1:6" x14ac:dyDescent="0.25">
      <c r="A16854">
        <v>171.3</v>
      </c>
      <c r="B16854">
        <v>200.41</v>
      </c>
      <c r="C16854">
        <v>14163.6</v>
      </c>
      <c r="D16854">
        <v>1</v>
      </c>
      <c r="E16854">
        <v>4920.03</v>
      </c>
      <c r="F16854">
        <v>86.072299999999998</v>
      </c>
    </row>
    <row r="16855" spans="1:6" x14ac:dyDescent="0.25">
      <c r="A16855">
        <v>171.3</v>
      </c>
      <c r="B16855">
        <v>200.41</v>
      </c>
      <c r="C16855">
        <v>14163.6</v>
      </c>
      <c r="D16855">
        <v>1.3</v>
      </c>
      <c r="E16855">
        <v>4456.42</v>
      </c>
      <c r="F16855">
        <v>78.077500000000001</v>
      </c>
    </row>
    <row r="16856" spans="1:6" x14ac:dyDescent="0.25">
      <c r="A16856">
        <v>171.3</v>
      </c>
      <c r="B16856">
        <v>200.41</v>
      </c>
      <c r="C16856">
        <v>14163.6</v>
      </c>
      <c r="D16856">
        <v>1.6</v>
      </c>
      <c r="E16856">
        <v>4090.49</v>
      </c>
      <c r="F16856">
        <v>74.488399999999999</v>
      </c>
    </row>
    <row r="16857" spans="1:6" x14ac:dyDescent="0.25">
      <c r="A16857">
        <v>171.3</v>
      </c>
      <c r="B16857">
        <v>200.41</v>
      </c>
      <c r="C16857">
        <v>14163.6</v>
      </c>
      <c r="D16857">
        <v>1.9</v>
      </c>
      <c r="E16857">
        <v>3911.67</v>
      </c>
      <c r="F16857">
        <v>88.646299999999997</v>
      </c>
    </row>
    <row r="16858" spans="1:6" x14ac:dyDescent="0.25">
      <c r="A16858">
        <v>171.3</v>
      </c>
      <c r="B16858">
        <v>200.41</v>
      </c>
      <c r="C16858">
        <v>14163.6</v>
      </c>
      <c r="D16858">
        <v>2.2000000000000002</v>
      </c>
      <c r="E16858">
        <v>3770.06</v>
      </c>
      <c r="F16858">
        <v>88.7102</v>
      </c>
    </row>
    <row r="16859" spans="1:6" x14ac:dyDescent="0.25">
      <c r="A16859">
        <v>171.3</v>
      </c>
      <c r="B16859">
        <v>200.41</v>
      </c>
      <c r="C16859">
        <v>14163.6</v>
      </c>
      <c r="D16859">
        <v>2.5</v>
      </c>
      <c r="E16859">
        <v>3628.78</v>
      </c>
      <c r="F16859">
        <v>90.121499999999997</v>
      </c>
    </row>
    <row r="16860" spans="1:6" x14ac:dyDescent="0.25">
      <c r="A16860">
        <v>171.3</v>
      </c>
      <c r="B16860">
        <v>200.41</v>
      </c>
      <c r="C16860">
        <v>14163.6</v>
      </c>
      <c r="D16860">
        <v>2.8</v>
      </c>
      <c r="E16860">
        <v>3576.13</v>
      </c>
      <c r="F16860">
        <v>81.687899999999999</v>
      </c>
    </row>
    <row r="16861" spans="1:6" x14ac:dyDescent="0.25">
      <c r="A16861">
        <v>171.3</v>
      </c>
      <c r="B16861">
        <v>200.41</v>
      </c>
      <c r="C16861">
        <v>14163.6</v>
      </c>
      <c r="D16861">
        <v>3.1</v>
      </c>
      <c r="E16861">
        <v>3454.94</v>
      </c>
      <c r="F16861">
        <v>77.115099999999998</v>
      </c>
    </row>
    <row r="16862" spans="1:6" x14ac:dyDescent="0.25">
      <c r="A16862">
        <v>171.3</v>
      </c>
      <c r="B16862">
        <v>200.41</v>
      </c>
      <c r="C16862">
        <v>14163.6</v>
      </c>
      <c r="D16862">
        <v>3.4</v>
      </c>
      <c r="E16862">
        <v>3498.06</v>
      </c>
      <c r="F16862">
        <v>80.956699999999998</v>
      </c>
    </row>
    <row r="16863" spans="1:6" x14ac:dyDescent="0.25">
      <c r="A16863">
        <v>171.3</v>
      </c>
      <c r="B16863">
        <v>200.41</v>
      </c>
      <c r="C16863">
        <v>14163.6</v>
      </c>
      <c r="D16863">
        <v>3.7</v>
      </c>
      <c r="E16863">
        <v>3360.73</v>
      </c>
      <c r="F16863">
        <v>92.319900000000004</v>
      </c>
    </row>
    <row r="16864" spans="1:6" x14ac:dyDescent="0.25">
      <c r="A16864">
        <v>171.3</v>
      </c>
      <c r="B16864">
        <v>200.41</v>
      </c>
      <c r="C16864">
        <v>14163.6</v>
      </c>
      <c r="D16864">
        <v>4</v>
      </c>
      <c r="E16864">
        <v>3417.62</v>
      </c>
      <c r="F16864">
        <v>79.263800000000003</v>
      </c>
    </row>
    <row r="16865" spans="1:6" x14ac:dyDescent="0.25">
      <c r="A16865">
        <v>171.3</v>
      </c>
      <c r="B16865">
        <v>200.41</v>
      </c>
      <c r="C16865">
        <v>15709.1</v>
      </c>
      <c r="D16865">
        <v>1</v>
      </c>
      <c r="E16865">
        <v>4920.03</v>
      </c>
      <c r="F16865">
        <v>86.072299999999998</v>
      </c>
    </row>
    <row r="16866" spans="1:6" x14ac:dyDescent="0.25">
      <c r="A16866">
        <v>171.3</v>
      </c>
      <c r="B16866">
        <v>200.41</v>
      </c>
      <c r="C16866">
        <v>15709.1</v>
      </c>
      <c r="D16866">
        <v>1.3</v>
      </c>
      <c r="E16866">
        <v>4456.42</v>
      </c>
      <c r="F16866">
        <v>78.077500000000001</v>
      </c>
    </row>
    <row r="16867" spans="1:6" x14ac:dyDescent="0.25">
      <c r="A16867">
        <v>171.3</v>
      </c>
      <c r="B16867">
        <v>200.41</v>
      </c>
      <c r="C16867">
        <v>15709.1</v>
      </c>
      <c r="D16867">
        <v>1.6</v>
      </c>
      <c r="E16867">
        <v>4090.49</v>
      </c>
      <c r="F16867">
        <v>74.488399999999999</v>
      </c>
    </row>
    <row r="16868" spans="1:6" x14ac:dyDescent="0.25">
      <c r="A16868">
        <v>171.3</v>
      </c>
      <c r="B16868">
        <v>200.41</v>
      </c>
      <c r="C16868">
        <v>15709.1</v>
      </c>
      <c r="D16868">
        <v>1.9</v>
      </c>
      <c r="E16868">
        <v>3911.67</v>
      </c>
      <c r="F16868">
        <v>88.646299999999997</v>
      </c>
    </row>
    <row r="16869" spans="1:6" x14ac:dyDescent="0.25">
      <c r="A16869">
        <v>171.3</v>
      </c>
      <c r="B16869">
        <v>200.41</v>
      </c>
      <c r="C16869">
        <v>15709.1</v>
      </c>
      <c r="D16869">
        <v>2.2000000000000002</v>
      </c>
      <c r="E16869">
        <v>3770.06</v>
      </c>
      <c r="F16869">
        <v>88.7102</v>
      </c>
    </row>
    <row r="16870" spans="1:6" x14ac:dyDescent="0.25">
      <c r="A16870">
        <v>171.3</v>
      </c>
      <c r="B16870">
        <v>200.41</v>
      </c>
      <c r="C16870">
        <v>15709.1</v>
      </c>
      <c r="D16870">
        <v>2.5</v>
      </c>
      <c r="E16870">
        <v>3628.78</v>
      </c>
      <c r="F16870">
        <v>90.121499999999997</v>
      </c>
    </row>
    <row r="16871" spans="1:6" x14ac:dyDescent="0.25">
      <c r="A16871">
        <v>171.3</v>
      </c>
      <c r="B16871">
        <v>200.41</v>
      </c>
      <c r="C16871">
        <v>15709.1</v>
      </c>
      <c r="D16871">
        <v>2.8</v>
      </c>
      <c r="E16871">
        <v>3576.13</v>
      </c>
      <c r="F16871">
        <v>81.687899999999999</v>
      </c>
    </row>
    <row r="16872" spans="1:6" x14ac:dyDescent="0.25">
      <c r="A16872">
        <v>171.3</v>
      </c>
      <c r="B16872">
        <v>200.41</v>
      </c>
      <c r="C16872">
        <v>15709.1</v>
      </c>
      <c r="D16872">
        <v>3.1</v>
      </c>
      <c r="E16872">
        <v>3454.94</v>
      </c>
      <c r="F16872">
        <v>77.115099999999998</v>
      </c>
    </row>
    <row r="16873" spans="1:6" x14ac:dyDescent="0.25">
      <c r="A16873">
        <v>171.3</v>
      </c>
      <c r="B16873">
        <v>200.41</v>
      </c>
      <c r="C16873">
        <v>15709.1</v>
      </c>
      <c r="D16873">
        <v>3.4</v>
      </c>
      <c r="E16873">
        <v>3498.06</v>
      </c>
      <c r="F16873">
        <v>80.956699999999998</v>
      </c>
    </row>
    <row r="16874" spans="1:6" x14ac:dyDescent="0.25">
      <c r="A16874">
        <v>171.3</v>
      </c>
      <c r="B16874">
        <v>200.41</v>
      </c>
      <c r="C16874">
        <v>15709.1</v>
      </c>
      <c r="D16874">
        <v>3.7</v>
      </c>
      <c r="E16874">
        <v>3360.73</v>
      </c>
      <c r="F16874">
        <v>92.319900000000004</v>
      </c>
    </row>
    <row r="16875" spans="1:6" x14ac:dyDescent="0.25">
      <c r="A16875">
        <v>171.3</v>
      </c>
      <c r="B16875">
        <v>200.41</v>
      </c>
      <c r="C16875">
        <v>15709.1</v>
      </c>
      <c r="D16875">
        <v>4</v>
      </c>
      <c r="E16875">
        <v>3417.62</v>
      </c>
      <c r="F16875">
        <v>79.263800000000003</v>
      </c>
    </row>
    <row r="16876" spans="1:6" x14ac:dyDescent="0.25">
      <c r="A16876">
        <v>171.3</v>
      </c>
      <c r="B16876">
        <v>200.41</v>
      </c>
      <c r="C16876">
        <v>17254.5</v>
      </c>
      <c r="D16876">
        <v>1</v>
      </c>
      <c r="E16876">
        <v>4920.03</v>
      </c>
      <c r="F16876">
        <v>86.072299999999998</v>
      </c>
    </row>
    <row r="16877" spans="1:6" x14ac:dyDescent="0.25">
      <c r="A16877">
        <v>171.3</v>
      </c>
      <c r="B16877">
        <v>200.41</v>
      </c>
      <c r="C16877">
        <v>17254.5</v>
      </c>
      <c r="D16877">
        <v>1.3</v>
      </c>
      <c r="E16877">
        <v>4456.42</v>
      </c>
      <c r="F16877">
        <v>78.077500000000001</v>
      </c>
    </row>
    <row r="16878" spans="1:6" x14ac:dyDescent="0.25">
      <c r="A16878">
        <v>171.3</v>
      </c>
      <c r="B16878">
        <v>200.41</v>
      </c>
      <c r="C16878">
        <v>17254.5</v>
      </c>
      <c r="D16878">
        <v>1.6</v>
      </c>
      <c r="E16878">
        <v>4090.49</v>
      </c>
      <c r="F16878">
        <v>74.488399999999999</v>
      </c>
    </row>
    <row r="16879" spans="1:6" x14ac:dyDescent="0.25">
      <c r="A16879">
        <v>171.3</v>
      </c>
      <c r="B16879">
        <v>200.41</v>
      </c>
      <c r="C16879">
        <v>17254.5</v>
      </c>
      <c r="D16879">
        <v>1.9</v>
      </c>
      <c r="E16879">
        <v>3911.67</v>
      </c>
      <c r="F16879">
        <v>88.646299999999997</v>
      </c>
    </row>
    <row r="16880" spans="1:6" x14ac:dyDescent="0.25">
      <c r="A16880">
        <v>171.3</v>
      </c>
      <c r="B16880">
        <v>200.41</v>
      </c>
      <c r="C16880">
        <v>17254.5</v>
      </c>
      <c r="D16880">
        <v>2.2000000000000002</v>
      </c>
      <c r="E16880">
        <v>3770.06</v>
      </c>
      <c r="F16880">
        <v>88.7102</v>
      </c>
    </row>
    <row r="16881" spans="1:6" x14ac:dyDescent="0.25">
      <c r="A16881">
        <v>171.3</v>
      </c>
      <c r="B16881">
        <v>200.41</v>
      </c>
      <c r="C16881">
        <v>17254.5</v>
      </c>
      <c r="D16881">
        <v>2.5</v>
      </c>
      <c r="E16881">
        <v>3628.78</v>
      </c>
      <c r="F16881">
        <v>90.121499999999997</v>
      </c>
    </row>
    <row r="16882" spans="1:6" x14ac:dyDescent="0.25">
      <c r="A16882">
        <v>171.3</v>
      </c>
      <c r="B16882">
        <v>200.41</v>
      </c>
      <c r="C16882">
        <v>17254.5</v>
      </c>
      <c r="D16882">
        <v>2.8</v>
      </c>
      <c r="E16882">
        <v>3576.13</v>
      </c>
      <c r="F16882">
        <v>81.687899999999999</v>
      </c>
    </row>
    <row r="16883" spans="1:6" x14ac:dyDescent="0.25">
      <c r="A16883">
        <v>171.3</v>
      </c>
      <c r="B16883">
        <v>200.41</v>
      </c>
      <c r="C16883">
        <v>17254.5</v>
      </c>
      <c r="D16883">
        <v>3.1</v>
      </c>
      <c r="E16883">
        <v>3454.94</v>
      </c>
      <c r="F16883">
        <v>77.115099999999998</v>
      </c>
    </row>
    <row r="16884" spans="1:6" x14ac:dyDescent="0.25">
      <c r="A16884">
        <v>171.3</v>
      </c>
      <c r="B16884">
        <v>200.41</v>
      </c>
      <c r="C16884">
        <v>17254.5</v>
      </c>
      <c r="D16884">
        <v>3.4</v>
      </c>
      <c r="E16884">
        <v>3498.06</v>
      </c>
      <c r="F16884">
        <v>80.956699999999998</v>
      </c>
    </row>
    <row r="16885" spans="1:6" x14ac:dyDescent="0.25">
      <c r="A16885">
        <v>171.3</v>
      </c>
      <c r="B16885">
        <v>200.41</v>
      </c>
      <c r="C16885">
        <v>17254.5</v>
      </c>
      <c r="D16885">
        <v>3.7</v>
      </c>
      <c r="E16885">
        <v>3360.73</v>
      </c>
      <c r="F16885">
        <v>92.319900000000004</v>
      </c>
    </row>
    <row r="16886" spans="1:6" x14ac:dyDescent="0.25">
      <c r="A16886">
        <v>171.3</v>
      </c>
      <c r="B16886">
        <v>200.41</v>
      </c>
      <c r="C16886">
        <v>17254.5</v>
      </c>
      <c r="D16886">
        <v>4</v>
      </c>
      <c r="E16886">
        <v>3417.62</v>
      </c>
      <c r="F16886">
        <v>79.263800000000003</v>
      </c>
    </row>
    <row r="16887" spans="1:6" x14ac:dyDescent="0.25">
      <c r="A16887">
        <v>171.3</v>
      </c>
      <c r="B16887">
        <v>200.41</v>
      </c>
      <c r="C16887">
        <v>18800</v>
      </c>
      <c r="D16887">
        <v>1</v>
      </c>
      <c r="E16887">
        <v>4920.03</v>
      </c>
      <c r="F16887">
        <v>86.072299999999998</v>
      </c>
    </row>
    <row r="16888" spans="1:6" x14ac:dyDescent="0.25">
      <c r="A16888">
        <v>171.3</v>
      </c>
      <c r="B16888">
        <v>200.41</v>
      </c>
      <c r="C16888">
        <v>18800</v>
      </c>
      <c r="D16888">
        <v>1.3</v>
      </c>
      <c r="E16888">
        <v>4456.42</v>
      </c>
      <c r="F16888">
        <v>78.077500000000001</v>
      </c>
    </row>
    <row r="16889" spans="1:6" x14ac:dyDescent="0.25">
      <c r="A16889">
        <v>171.3</v>
      </c>
      <c r="B16889">
        <v>200.41</v>
      </c>
      <c r="C16889">
        <v>18800</v>
      </c>
      <c r="D16889">
        <v>1.6</v>
      </c>
      <c r="E16889">
        <v>4090.49</v>
      </c>
      <c r="F16889">
        <v>74.488399999999999</v>
      </c>
    </row>
    <row r="16890" spans="1:6" x14ac:dyDescent="0.25">
      <c r="A16890">
        <v>171.3</v>
      </c>
      <c r="B16890">
        <v>200.41</v>
      </c>
      <c r="C16890">
        <v>18800</v>
      </c>
      <c r="D16890">
        <v>1.9</v>
      </c>
      <c r="E16890">
        <v>3911.67</v>
      </c>
      <c r="F16890">
        <v>88.646299999999997</v>
      </c>
    </row>
    <row r="16891" spans="1:6" x14ac:dyDescent="0.25">
      <c r="A16891">
        <v>171.3</v>
      </c>
      <c r="B16891">
        <v>200.41</v>
      </c>
      <c r="C16891">
        <v>18800</v>
      </c>
      <c r="D16891">
        <v>2.2000000000000002</v>
      </c>
      <c r="E16891">
        <v>3770.06</v>
      </c>
      <c r="F16891">
        <v>88.7102</v>
      </c>
    </row>
    <row r="16892" spans="1:6" x14ac:dyDescent="0.25">
      <c r="A16892">
        <v>171.3</v>
      </c>
      <c r="B16892">
        <v>200.41</v>
      </c>
      <c r="C16892">
        <v>18800</v>
      </c>
      <c r="D16892">
        <v>2.5</v>
      </c>
      <c r="E16892">
        <v>3628.78</v>
      </c>
      <c r="F16892">
        <v>90.121499999999997</v>
      </c>
    </row>
    <row r="16893" spans="1:6" x14ac:dyDescent="0.25">
      <c r="A16893">
        <v>171.3</v>
      </c>
      <c r="B16893">
        <v>200.41</v>
      </c>
      <c r="C16893">
        <v>18800</v>
      </c>
      <c r="D16893">
        <v>2.8</v>
      </c>
      <c r="E16893">
        <v>3576.13</v>
      </c>
      <c r="F16893">
        <v>81.687899999999999</v>
      </c>
    </row>
    <row r="16894" spans="1:6" x14ac:dyDescent="0.25">
      <c r="A16894">
        <v>171.3</v>
      </c>
      <c r="B16894">
        <v>200.41</v>
      </c>
      <c r="C16894">
        <v>18800</v>
      </c>
      <c r="D16894">
        <v>3.1</v>
      </c>
      <c r="E16894">
        <v>3454.94</v>
      </c>
      <c r="F16894">
        <v>77.115099999999998</v>
      </c>
    </row>
    <row r="16895" spans="1:6" x14ac:dyDescent="0.25">
      <c r="A16895">
        <v>171.3</v>
      </c>
      <c r="B16895">
        <v>200.41</v>
      </c>
      <c r="C16895">
        <v>18800</v>
      </c>
      <c r="D16895">
        <v>3.4</v>
      </c>
      <c r="E16895">
        <v>3498.06</v>
      </c>
      <c r="F16895">
        <v>80.956699999999998</v>
      </c>
    </row>
    <row r="16896" spans="1:6" x14ac:dyDescent="0.25">
      <c r="A16896">
        <v>171.3</v>
      </c>
      <c r="B16896">
        <v>200.41</v>
      </c>
      <c r="C16896">
        <v>18800</v>
      </c>
      <c r="D16896">
        <v>3.7</v>
      </c>
      <c r="E16896">
        <v>3360.73</v>
      </c>
      <c r="F16896">
        <v>92.319900000000004</v>
      </c>
    </row>
    <row r="16897" spans="1:6" x14ac:dyDescent="0.25">
      <c r="A16897">
        <v>171.3</v>
      </c>
      <c r="B16897">
        <v>200.41</v>
      </c>
      <c r="C16897">
        <v>18800</v>
      </c>
      <c r="D16897">
        <v>4</v>
      </c>
      <c r="E16897">
        <v>3417.62</v>
      </c>
      <c r="F16897">
        <v>79.263800000000003</v>
      </c>
    </row>
    <row r="16898" spans="1:6" x14ac:dyDescent="0.25">
      <c r="A16898">
        <v>171.3</v>
      </c>
      <c r="B16898">
        <v>204.04</v>
      </c>
      <c r="C16898">
        <v>1800</v>
      </c>
      <c r="D16898">
        <v>1</v>
      </c>
      <c r="E16898">
        <v>4920.03</v>
      </c>
      <c r="F16898">
        <v>86.072299999999998</v>
      </c>
    </row>
    <row r="16899" spans="1:6" x14ac:dyDescent="0.25">
      <c r="A16899">
        <v>171.3</v>
      </c>
      <c r="B16899">
        <v>204.04</v>
      </c>
      <c r="C16899">
        <v>1800</v>
      </c>
      <c r="D16899">
        <v>1.3</v>
      </c>
      <c r="E16899">
        <v>4456.42</v>
      </c>
      <c r="F16899">
        <v>78.077500000000001</v>
      </c>
    </row>
    <row r="16900" spans="1:6" x14ac:dyDescent="0.25">
      <c r="A16900">
        <v>171.3</v>
      </c>
      <c r="B16900">
        <v>204.04</v>
      </c>
      <c r="C16900">
        <v>1800</v>
      </c>
      <c r="D16900">
        <v>1.6</v>
      </c>
      <c r="E16900">
        <v>4090.49</v>
      </c>
      <c r="F16900">
        <v>74.488399999999999</v>
      </c>
    </row>
    <row r="16901" spans="1:6" x14ac:dyDescent="0.25">
      <c r="A16901">
        <v>171.3</v>
      </c>
      <c r="B16901">
        <v>204.04</v>
      </c>
      <c r="C16901">
        <v>1800</v>
      </c>
      <c r="D16901">
        <v>1.9</v>
      </c>
      <c r="E16901">
        <v>3763.97</v>
      </c>
      <c r="F16901">
        <v>88.646299999999997</v>
      </c>
    </row>
    <row r="16902" spans="1:6" x14ac:dyDescent="0.25">
      <c r="A16902">
        <v>171.3</v>
      </c>
      <c r="B16902">
        <v>204.04</v>
      </c>
      <c r="C16902">
        <v>1800</v>
      </c>
      <c r="D16902">
        <v>2.2000000000000002</v>
      </c>
      <c r="E16902">
        <v>3621.99</v>
      </c>
      <c r="F16902">
        <v>88.7102</v>
      </c>
    </row>
    <row r="16903" spans="1:6" x14ac:dyDescent="0.25">
      <c r="A16903">
        <v>171.3</v>
      </c>
      <c r="B16903">
        <v>204.04</v>
      </c>
      <c r="C16903">
        <v>1800</v>
      </c>
      <c r="D16903">
        <v>2.5</v>
      </c>
      <c r="E16903">
        <v>3369.2</v>
      </c>
      <c r="F16903">
        <v>90.121499999999997</v>
      </c>
    </row>
    <row r="16904" spans="1:6" x14ac:dyDescent="0.25">
      <c r="A16904">
        <v>171.3</v>
      </c>
      <c r="B16904">
        <v>204.04</v>
      </c>
      <c r="C16904">
        <v>1800</v>
      </c>
      <c r="D16904">
        <v>2.8</v>
      </c>
      <c r="E16904">
        <v>3250.65</v>
      </c>
      <c r="F16904">
        <v>81.687899999999999</v>
      </c>
    </row>
    <row r="16905" spans="1:6" x14ac:dyDescent="0.25">
      <c r="A16905">
        <v>171.3</v>
      </c>
      <c r="B16905">
        <v>204.04</v>
      </c>
      <c r="C16905">
        <v>1800</v>
      </c>
      <c r="D16905">
        <v>3.1</v>
      </c>
      <c r="E16905">
        <v>3243.49</v>
      </c>
      <c r="F16905">
        <v>77.115099999999998</v>
      </c>
    </row>
    <row r="16906" spans="1:6" x14ac:dyDescent="0.25">
      <c r="A16906">
        <v>171.3</v>
      </c>
      <c r="B16906">
        <v>204.04</v>
      </c>
      <c r="C16906">
        <v>1800</v>
      </c>
      <c r="D16906">
        <v>3.4</v>
      </c>
      <c r="E16906">
        <v>3181.86</v>
      </c>
      <c r="F16906">
        <v>80.956699999999998</v>
      </c>
    </row>
    <row r="16907" spans="1:6" x14ac:dyDescent="0.25">
      <c r="A16907">
        <v>171.3</v>
      </c>
      <c r="B16907">
        <v>204.04</v>
      </c>
      <c r="C16907">
        <v>1800</v>
      </c>
      <c r="D16907">
        <v>3.7</v>
      </c>
      <c r="E16907">
        <v>3060.25</v>
      </c>
      <c r="F16907">
        <v>92.319900000000004</v>
      </c>
    </row>
    <row r="16908" spans="1:6" x14ac:dyDescent="0.25">
      <c r="A16908">
        <v>171.3</v>
      </c>
      <c r="B16908">
        <v>204.04</v>
      </c>
      <c r="C16908">
        <v>1800</v>
      </c>
      <c r="D16908">
        <v>4</v>
      </c>
      <c r="E16908">
        <v>2974.12</v>
      </c>
      <c r="F16908">
        <v>79.263800000000003</v>
      </c>
    </row>
    <row r="16909" spans="1:6" x14ac:dyDescent="0.25">
      <c r="A16909">
        <v>171.3</v>
      </c>
      <c r="B16909">
        <v>204.04</v>
      </c>
      <c r="C16909">
        <v>3345.45</v>
      </c>
      <c r="D16909">
        <v>1</v>
      </c>
      <c r="E16909">
        <v>4920.03</v>
      </c>
      <c r="F16909">
        <v>86.072299999999998</v>
      </c>
    </row>
    <row r="16910" spans="1:6" x14ac:dyDescent="0.25">
      <c r="A16910">
        <v>171.3</v>
      </c>
      <c r="B16910">
        <v>204.04</v>
      </c>
      <c r="C16910">
        <v>3345.45</v>
      </c>
      <c r="D16910">
        <v>1.3</v>
      </c>
      <c r="E16910">
        <v>4456.42</v>
      </c>
      <c r="F16910">
        <v>78.077500000000001</v>
      </c>
    </row>
    <row r="16911" spans="1:6" x14ac:dyDescent="0.25">
      <c r="A16911">
        <v>171.3</v>
      </c>
      <c r="B16911">
        <v>204.04</v>
      </c>
      <c r="C16911">
        <v>3345.45</v>
      </c>
      <c r="D16911">
        <v>1.6</v>
      </c>
      <c r="E16911">
        <v>4090.49</v>
      </c>
      <c r="F16911">
        <v>74.488399999999999</v>
      </c>
    </row>
    <row r="16912" spans="1:6" x14ac:dyDescent="0.25">
      <c r="A16912">
        <v>171.3</v>
      </c>
      <c r="B16912">
        <v>204.04</v>
      </c>
      <c r="C16912">
        <v>3345.45</v>
      </c>
      <c r="D16912">
        <v>1.9</v>
      </c>
      <c r="E16912">
        <v>3911.67</v>
      </c>
      <c r="F16912">
        <v>88.646299999999997</v>
      </c>
    </row>
    <row r="16913" spans="1:6" x14ac:dyDescent="0.25">
      <c r="A16913">
        <v>171.3</v>
      </c>
      <c r="B16913">
        <v>204.04</v>
      </c>
      <c r="C16913">
        <v>3345.45</v>
      </c>
      <c r="D16913">
        <v>2.2000000000000002</v>
      </c>
      <c r="E16913">
        <v>3770.06</v>
      </c>
      <c r="F16913">
        <v>88.7102</v>
      </c>
    </row>
    <row r="16914" spans="1:6" x14ac:dyDescent="0.25">
      <c r="A16914">
        <v>171.3</v>
      </c>
      <c r="B16914">
        <v>204.04</v>
      </c>
      <c r="C16914">
        <v>3345.45</v>
      </c>
      <c r="D16914">
        <v>2.5</v>
      </c>
      <c r="E16914">
        <v>3628.78</v>
      </c>
      <c r="F16914">
        <v>90.121499999999997</v>
      </c>
    </row>
    <row r="16915" spans="1:6" x14ac:dyDescent="0.25">
      <c r="A16915">
        <v>171.3</v>
      </c>
      <c r="B16915">
        <v>204.04</v>
      </c>
      <c r="C16915">
        <v>3345.45</v>
      </c>
      <c r="D16915">
        <v>2.8</v>
      </c>
      <c r="E16915">
        <v>3576.13</v>
      </c>
      <c r="F16915">
        <v>81.687899999999999</v>
      </c>
    </row>
    <row r="16916" spans="1:6" x14ac:dyDescent="0.25">
      <c r="A16916">
        <v>171.3</v>
      </c>
      <c r="B16916">
        <v>204.04</v>
      </c>
      <c r="C16916">
        <v>3345.45</v>
      </c>
      <c r="D16916">
        <v>3.1</v>
      </c>
      <c r="E16916">
        <v>3454.94</v>
      </c>
      <c r="F16916">
        <v>77.115099999999998</v>
      </c>
    </row>
    <row r="16917" spans="1:6" x14ac:dyDescent="0.25">
      <c r="A16917">
        <v>171.3</v>
      </c>
      <c r="B16917">
        <v>204.04</v>
      </c>
      <c r="C16917">
        <v>3345.45</v>
      </c>
      <c r="D16917">
        <v>3.4</v>
      </c>
      <c r="E16917">
        <v>3498.06</v>
      </c>
      <c r="F16917">
        <v>80.956699999999998</v>
      </c>
    </row>
    <row r="16918" spans="1:6" x14ac:dyDescent="0.25">
      <c r="A16918">
        <v>171.3</v>
      </c>
      <c r="B16918">
        <v>204.04</v>
      </c>
      <c r="C16918">
        <v>3345.45</v>
      </c>
      <c r="D16918">
        <v>3.7</v>
      </c>
      <c r="E16918">
        <v>3360.73</v>
      </c>
      <c r="F16918">
        <v>92.319900000000004</v>
      </c>
    </row>
    <row r="16919" spans="1:6" x14ac:dyDescent="0.25">
      <c r="A16919">
        <v>171.3</v>
      </c>
      <c r="B16919">
        <v>204.04</v>
      </c>
      <c r="C16919">
        <v>3345.45</v>
      </c>
      <c r="D16919">
        <v>4</v>
      </c>
      <c r="E16919">
        <v>3417.62</v>
      </c>
      <c r="F16919">
        <v>79.263800000000003</v>
      </c>
    </row>
    <row r="16920" spans="1:6" x14ac:dyDescent="0.25">
      <c r="A16920">
        <v>171.3</v>
      </c>
      <c r="B16920">
        <v>204.04</v>
      </c>
      <c r="C16920">
        <v>4890.8999999999996</v>
      </c>
      <c r="D16920">
        <v>1</v>
      </c>
      <c r="E16920">
        <v>4920.03</v>
      </c>
      <c r="F16920">
        <v>86.072299999999998</v>
      </c>
    </row>
    <row r="16921" spans="1:6" x14ac:dyDescent="0.25">
      <c r="A16921">
        <v>171.3</v>
      </c>
      <c r="B16921">
        <v>204.04</v>
      </c>
      <c r="C16921">
        <v>4890.8999999999996</v>
      </c>
      <c r="D16921">
        <v>1.3</v>
      </c>
      <c r="E16921">
        <v>4456.42</v>
      </c>
      <c r="F16921">
        <v>78.077500000000001</v>
      </c>
    </row>
    <row r="16922" spans="1:6" x14ac:dyDescent="0.25">
      <c r="A16922">
        <v>171.3</v>
      </c>
      <c r="B16922">
        <v>204.04</v>
      </c>
      <c r="C16922">
        <v>4890.8999999999996</v>
      </c>
      <c r="D16922">
        <v>1.6</v>
      </c>
      <c r="E16922">
        <v>4090.49</v>
      </c>
      <c r="F16922">
        <v>74.488399999999999</v>
      </c>
    </row>
    <row r="16923" spans="1:6" x14ac:dyDescent="0.25">
      <c r="A16923">
        <v>171.3</v>
      </c>
      <c r="B16923">
        <v>204.04</v>
      </c>
      <c r="C16923">
        <v>4890.8999999999996</v>
      </c>
      <c r="D16923">
        <v>1.9</v>
      </c>
      <c r="E16923">
        <v>3911.67</v>
      </c>
      <c r="F16923">
        <v>88.646299999999997</v>
      </c>
    </row>
    <row r="16924" spans="1:6" x14ac:dyDescent="0.25">
      <c r="A16924">
        <v>171.3</v>
      </c>
      <c r="B16924">
        <v>204.04</v>
      </c>
      <c r="C16924">
        <v>4890.8999999999996</v>
      </c>
      <c r="D16924">
        <v>2.2000000000000002</v>
      </c>
      <c r="E16924">
        <v>3770.06</v>
      </c>
      <c r="F16924">
        <v>88.7102</v>
      </c>
    </row>
    <row r="16925" spans="1:6" x14ac:dyDescent="0.25">
      <c r="A16925">
        <v>171.3</v>
      </c>
      <c r="B16925">
        <v>204.04</v>
      </c>
      <c r="C16925">
        <v>4890.8999999999996</v>
      </c>
      <c r="D16925">
        <v>2.5</v>
      </c>
      <c r="E16925">
        <v>3628.78</v>
      </c>
      <c r="F16925">
        <v>90.121499999999997</v>
      </c>
    </row>
    <row r="16926" spans="1:6" x14ac:dyDescent="0.25">
      <c r="A16926">
        <v>171.3</v>
      </c>
      <c r="B16926">
        <v>204.04</v>
      </c>
      <c r="C16926">
        <v>4890.8999999999996</v>
      </c>
      <c r="D16926">
        <v>2.8</v>
      </c>
      <c r="E16926">
        <v>3576.13</v>
      </c>
      <c r="F16926">
        <v>81.687899999999999</v>
      </c>
    </row>
    <row r="16927" spans="1:6" x14ac:dyDescent="0.25">
      <c r="A16927">
        <v>171.3</v>
      </c>
      <c r="B16927">
        <v>204.04</v>
      </c>
      <c r="C16927">
        <v>4890.8999999999996</v>
      </c>
      <c r="D16927">
        <v>3.1</v>
      </c>
      <c r="E16927">
        <v>3454.94</v>
      </c>
      <c r="F16927">
        <v>77.115099999999998</v>
      </c>
    </row>
    <row r="16928" spans="1:6" x14ac:dyDescent="0.25">
      <c r="A16928">
        <v>171.3</v>
      </c>
      <c r="B16928">
        <v>204.04</v>
      </c>
      <c r="C16928">
        <v>4890.8999999999996</v>
      </c>
      <c r="D16928">
        <v>3.4</v>
      </c>
      <c r="E16928">
        <v>3498.06</v>
      </c>
      <c r="F16928">
        <v>80.956699999999998</v>
      </c>
    </row>
    <row r="16929" spans="1:6" x14ac:dyDescent="0.25">
      <c r="A16929">
        <v>171.3</v>
      </c>
      <c r="B16929">
        <v>204.04</v>
      </c>
      <c r="C16929">
        <v>4890.8999999999996</v>
      </c>
      <c r="D16929">
        <v>3.7</v>
      </c>
      <c r="E16929">
        <v>3360.73</v>
      </c>
      <c r="F16929">
        <v>92.319900000000004</v>
      </c>
    </row>
    <row r="16930" spans="1:6" x14ac:dyDescent="0.25">
      <c r="A16930">
        <v>171.3</v>
      </c>
      <c r="B16930">
        <v>204.04</v>
      </c>
      <c r="C16930">
        <v>4890.8999999999996</v>
      </c>
      <c r="D16930">
        <v>4</v>
      </c>
      <c r="E16930">
        <v>3417.62</v>
      </c>
      <c r="F16930">
        <v>79.263800000000003</v>
      </c>
    </row>
    <row r="16931" spans="1:6" x14ac:dyDescent="0.25">
      <c r="A16931">
        <v>171.3</v>
      </c>
      <c r="B16931">
        <v>204.04</v>
      </c>
      <c r="C16931">
        <v>6436.35</v>
      </c>
      <c r="D16931">
        <v>1</v>
      </c>
      <c r="E16931">
        <v>4920.03</v>
      </c>
      <c r="F16931">
        <v>86.072299999999998</v>
      </c>
    </row>
    <row r="16932" spans="1:6" x14ac:dyDescent="0.25">
      <c r="A16932">
        <v>171.3</v>
      </c>
      <c r="B16932">
        <v>204.04</v>
      </c>
      <c r="C16932">
        <v>6436.35</v>
      </c>
      <c r="D16932">
        <v>1.3</v>
      </c>
      <c r="E16932">
        <v>4456.42</v>
      </c>
      <c r="F16932">
        <v>78.077500000000001</v>
      </c>
    </row>
    <row r="16933" spans="1:6" x14ac:dyDescent="0.25">
      <c r="A16933">
        <v>171.3</v>
      </c>
      <c r="B16933">
        <v>204.04</v>
      </c>
      <c r="C16933">
        <v>6436.35</v>
      </c>
      <c r="D16933">
        <v>1.6</v>
      </c>
      <c r="E16933">
        <v>4090.49</v>
      </c>
      <c r="F16933">
        <v>74.488399999999999</v>
      </c>
    </row>
    <row r="16934" spans="1:6" x14ac:dyDescent="0.25">
      <c r="A16934">
        <v>171.3</v>
      </c>
      <c r="B16934">
        <v>204.04</v>
      </c>
      <c r="C16934">
        <v>6436.35</v>
      </c>
      <c r="D16934">
        <v>1.9</v>
      </c>
      <c r="E16934">
        <v>3911.67</v>
      </c>
      <c r="F16934">
        <v>88.646299999999997</v>
      </c>
    </row>
    <row r="16935" spans="1:6" x14ac:dyDescent="0.25">
      <c r="A16935">
        <v>171.3</v>
      </c>
      <c r="B16935">
        <v>204.04</v>
      </c>
      <c r="C16935">
        <v>6436.35</v>
      </c>
      <c r="D16935">
        <v>2.2000000000000002</v>
      </c>
      <c r="E16935">
        <v>3770.06</v>
      </c>
      <c r="F16935">
        <v>88.7102</v>
      </c>
    </row>
    <row r="16936" spans="1:6" x14ac:dyDescent="0.25">
      <c r="A16936">
        <v>171.3</v>
      </c>
      <c r="B16936">
        <v>204.04</v>
      </c>
      <c r="C16936">
        <v>6436.35</v>
      </c>
      <c r="D16936">
        <v>2.5</v>
      </c>
      <c r="E16936">
        <v>3628.78</v>
      </c>
      <c r="F16936">
        <v>90.121499999999997</v>
      </c>
    </row>
    <row r="16937" spans="1:6" x14ac:dyDescent="0.25">
      <c r="A16937">
        <v>171.3</v>
      </c>
      <c r="B16937">
        <v>204.04</v>
      </c>
      <c r="C16937">
        <v>6436.35</v>
      </c>
      <c r="D16937">
        <v>2.8</v>
      </c>
      <c r="E16937">
        <v>3576.13</v>
      </c>
      <c r="F16937">
        <v>81.687899999999999</v>
      </c>
    </row>
    <row r="16938" spans="1:6" x14ac:dyDescent="0.25">
      <c r="A16938">
        <v>171.3</v>
      </c>
      <c r="B16938">
        <v>204.04</v>
      </c>
      <c r="C16938">
        <v>6436.35</v>
      </c>
      <c r="D16938">
        <v>3.1</v>
      </c>
      <c r="E16938">
        <v>3454.94</v>
      </c>
      <c r="F16938">
        <v>77.115099999999998</v>
      </c>
    </row>
    <row r="16939" spans="1:6" x14ac:dyDescent="0.25">
      <c r="A16939">
        <v>171.3</v>
      </c>
      <c r="B16939">
        <v>204.04</v>
      </c>
      <c r="C16939">
        <v>6436.35</v>
      </c>
      <c r="D16939">
        <v>3.4</v>
      </c>
      <c r="E16939">
        <v>3498.06</v>
      </c>
      <c r="F16939">
        <v>80.956699999999998</v>
      </c>
    </row>
    <row r="16940" spans="1:6" x14ac:dyDescent="0.25">
      <c r="A16940">
        <v>171.3</v>
      </c>
      <c r="B16940">
        <v>204.04</v>
      </c>
      <c r="C16940">
        <v>6436.35</v>
      </c>
      <c r="D16940">
        <v>3.7</v>
      </c>
      <c r="E16940">
        <v>3360.73</v>
      </c>
      <c r="F16940">
        <v>92.319900000000004</v>
      </c>
    </row>
    <row r="16941" spans="1:6" x14ac:dyDescent="0.25">
      <c r="A16941">
        <v>171.3</v>
      </c>
      <c r="B16941">
        <v>204.04</v>
      </c>
      <c r="C16941">
        <v>6436.35</v>
      </c>
      <c r="D16941">
        <v>4</v>
      </c>
      <c r="E16941">
        <v>3417.62</v>
      </c>
      <c r="F16941">
        <v>79.263800000000003</v>
      </c>
    </row>
    <row r="16942" spans="1:6" x14ac:dyDescent="0.25">
      <c r="A16942">
        <v>171.3</v>
      </c>
      <c r="B16942">
        <v>204.04</v>
      </c>
      <c r="C16942">
        <v>7981.8</v>
      </c>
      <c r="D16942">
        <v>1</v>
      </c>
      <c r="E16942">
        <v>4920.03</v>
      </c>
      <c r="F16942">
        <v>86.072299999999998</v>
      </c>
    </row>
    <row r="16943" spans="1:6" x14ac:dyDescent="0.25">
      <c r="A16943">
        <v>171.3</v>
      </c>
      <c r="B16943">
        <v>204.04</v>
      </c>
      <c r="C16943">
        <v>7981.8</v>
      </c>
      <c r="D16943">
        <v>1.3</v>
      </c>
      <c r="E16943">
        <v>4456.42</v>
      </c>
      <c r="F16943">
        <v>78.077500000000001</v>
      </c>
    </row>
    <row r="16944" spans="1:6" x14ac:dyDescent="0.25">
      <c r="A16944">
        <v>171.3</v>
      </c>
      <c r="B16944">
        <v>204.04</v>
      </c>
      <c r="C16944">
        <v>7981.8</v>
      </c>
      <c r="D16944">
        <v>1.6</v>
      </c>
      <c r="E16944">
        <v>4090.49</v>
      </c>
      <c r="F16944">
        <v>74.488399999999999</v>
      </c>
    </row>
    <row r="16945" spans="1:6" x14ac:dyDescent="0.25">
      <c r="A16945">
        <v>171.3</v>
      </c>
      <c r="B16945">
        <v>204.04</v>
      </c>
      <c r="C16945">
        <v>7981.8</v>
      </c>
      <c r="D16945">
        <v>1.9</v>
      </c>
      <c r="E16945">
        <v>3911.67</v>
      </c>
      <c r="F16945">
        <v>88.646299999999997</v>
      </c>
    </row>
    <row r="16946" spans="1:6" x14ac:dyDescent="0.25">
      <c r="A16946">
        <v>171.3</v>
      </c>
      <c r="B16946">
        <v>204.04</v>
      </c>
      <c r="C16946">
        <v>7981.8</v>
      </c>
      <c r="D16946">
        <v>2.2000000000000002</v>
      </c>
      <c r="E16946">
        <v>3770.06</v>
      </c>
      <c r="F16946">
        <v>88.7102</v>
      </c>
    </row>
    <row r="16947" spans="1:6" x14ac:dyDescent="0.25">
      <c r="A16947">
        <v>171.3</v>
      </c>
      <c r="B16947">
        <v>204.04</v>
      </c>
      <c r="C16947">
        <v>7981.8</v>
      </c>
      <c r="D16947">
        <v>2.5</v>
      </c>
      <c r="E16947">
        <v>3628.78</v>
      </c>
      <c r="F16947">
        <v>90.121499999999997</v>
      </c>
    </row>
    <row r="16948" spans="1:6" x14ac:dyDescent="0.25">
      <c r="A16948">
        <v>171.3</v>
      </c>
      <c r="B16948">
        <v>204.04</v>
      </c>
      <c r="C16948">
        <v>7981.8</v>
      </c>
      <c r="D16948">
        <v>2.8</v>
      </c>
      <c r="E16948">
        <v>3576.13</v>
      </c>
      <c r="F16948">
        <v>81.687899999999999</v>
      </c>
    </row>
    <row r="16949" spans="1:6" x14ac:dyDescent="0.25">
      <c r="A16949">
        <v>171.3</v>
      </c>
      <c r="B16949">
        <v>204.04</v>
      </c>
      <c r="C16949">
        <v>7981.8</v>
      </c>
      <c r="D16949">
        <v>3.1</v>
      </c>
      <c r="E16949">
        <v>3454.94</v>
      </c>
      <c r="F16949">
        <v>77.115099999999998</v>
      </c>
    </row>
    <row r="16950" spans="1:6" x14ac:dyDescent="0.25">
      <c r="A16950">
        <v>171.3</v>
      </c>
      <c r="B16950">
        <v>204.04</v>
      </c>
      <c r="C16950">
        <v>7981.8</v>
      </c>
      <c r="D16950">
        <v>3.4</v>
      </c>
      <c r="E16950">
        <v>3498.06</v>
      </c>
      <c r="F16950">
        <v>80.956699999999998</v>
      </c>
    </row>
    <row r="16951" spans="1:6" x14ac:dyDescent="0.25">
      <c r="A16951">
        <v>171.3</v>
      </c>
      <c r="B16951">
        <v>204.04</v>
      </c>
      <c r="C16951">
        <v>7981.8</v>
      </c>
      <c r="D16951">
        <v>3.7</v>
      </c>
      <c r="E16951">
        <v>3360.73</v>
      </c>
      <c r="F16951">
        <v>92.319900000000004</v>
      </c>
    </row>
    <row r="16952" spans="1:6" x14ac:dyDescent="0.25">
      <c r="A16952">
        <v>171.3</v>
      </c>
      <c r="B16952">
        <v>204.04</v>
      </c>
      <c r="C16952">
        <v>7981.8</v>
      </c>
      <c r="D16952">
        <v>4</v>
      </c>
      <c r="E16952">
        <v>3417.62</v>
      </c>
      <c r="F16952">
        <v>79.263800000000003</v>
      </c>
    </row>
    <row r="16953" spans="1:6" x14ac:dyDescent="0.25">
      <c r="A16953">
        <v>171.3</v>
      </c>
      <c r="B16953">
        <v>204.04</v>
      </c>
      <c r="C16953">
        <v>9527.25</v>
      </c>
      <c r="D16953">
        <v>1</v>
      </c>
      <c r="E16953">
        <v>4920.03</v>
      </c>
      <c r="F16953">
        <v>86.072299999999998</v>
      </c>
    </row>
    <row r="16954" spans="1:6" x14ac:dyDescent="0.25">
      <c r="A16954">
        <v>171.3</v>
      </c>
      <c r="B16954">
        <v>204.04</v>
      </c>
      <c r="C16954">
        <v>9527.25</v>
      </c>
      <c r="D16954">
        <v>1.3</v>
      </c>
      <c r="E16954">
        <v>4456.42</v>
      </c>
      <c r="F16954">
        <v>78.077500000000001</v>
      </c>
    </row>
    <row r="16955" spans="1:6" x14ac:dyDescent="0.25">
      <c r="A16955">
        <v>171.3</v>
      </c>
      <c r="B16955">
        <v>204.04</v>
      </c>
      <c r="C16955">
        <v>9527.25</v>
      </c>
      <c r="D16955">
        <v>1.6</v>
      </c>
      <c r="E16955">
        <v>4090.49</v>
      </c>
      <c r="F16955">
        <v>74.488399999999999</v>
      </c>
    </row>
    <row r="16956" spans="1:6" x14ac:dyDescent="0.25">
      <c r="A16956">
        <v>171.3</v>
      </c>
      <c r="B16956">
        <v>204.04</v>
      </c>
      <c r="C16956">
        <v>9527.25</v>
      </c>
      <c r="D16956">
        <v>1.9</v>
      </c>
      <c r="E16956">
        <v>3911.67</v>
      </c>
      <c r="F16956">
        <v>88.646299999999997</v>
      </c>
    </row>
    <row r="16957" spans="1:6" x14ac:dyDescent="0.25">
      <c r="A16957">
        <v>171.3</v>
      </c>
      <c r="B16957">
        <v>204.04</v>
      </c>
      <c r="C16957">
        <v>9527.25</v>
      </c>
      <c r="D16957">
        <v>2.2000000000000002</v>
      </c>
      <c r="E16957">
        <v>3770.06</v>
      </c>
      <c r="F16957">
        <v>88.7102</v>
      </c>
    </row>
    <row r="16958" spans="1:6" x14ac:dyDescent="0.25">
      <c r="A16958">
        <v>171.3</v>
      </c>
      <c r="B16958">
        <v>204.04</v>
      </c>
      <c r="C16958">
        <v>9527.25</v>
      </c>
      <c r="D16958">
        <v>2.5</v>
      </c>
      <c r="E16958">
        <v>3628.78</v>
      </c>
      <c r="F16958">
        <v>90.121499999999997</v>
      </c>
    </row>
    <row r="16959" spans="1:6" x14ac:dyDescent="0.25">
      <c r="A16959">
        <v>171.3</v>
      </c>
      <c r="B16959">
        <v>204.04</v>
      </c>
      <c r="C16959">
        <v>9527.25</v>
      </c>
      <c r="D16959">
        <v>2.8</v>
      </c>
      <c r="E16959">
        <v>3576.13</v>
      </c>
      <c r="F16959">
        <v>81.687899999999999</v>
      </c>
    </row>
    <row r="16960" spans="1:6" x14ac:dyDescent="0.25">
      <c r="A16960">
        <v>171.3</v>
      </c>
      <c r="B16960">
        <v>204.04</v>
      </c>
      <c r="C16960">
        <v>9527.25</v>
      </c>
      <c r="D16960">
        <v>3.1</v>
      </c>
      <c r="E16960">
        <v>3454.94</v>
      </c>
      <c r="F16960">
        <v>77.115099999999998</v>
      </c>
    </row>
    <row r="16961" spans="1:6" x14ac:dyDescent="0.25">
      <c r="A16961">
        <v>171.3</v>
      </c>
      <c r="B16961">
        <v>204.04</v>
      </c>
      <c r="C16961">
        <v>9527.25</v>
      </c>
      <c r="D16961">
        <v>3.4</v>
      </c>
      <c r="E16961">
        <v>3498.06</v>
      </c>
      <c r="F16961">
        <v>80.956699999999998</v>
      </c>
    </row>
    <row r="16962" spans="1:6" x14ac:dyDescent="0.25">
      <c r="A16962">
        <v>171.3</v>
      </c>
      <c r="B16962">
        <v>204.04</v>
      </c>
      <c r="C16962">
        <v>9527.25</v>
      </c>
      <c r="D16962">
        <v>3.7</v>
      </c>
      <c r="E16962">
        <v>3360.73</v>
      </c>
      <c r="F16962">
        <v>92.319900000000004</v>
      </c>
    </row>
    <row r="16963" spans="1:6" x14ac:dyDescent="0.25">
      <c r="A16963">
        <v>171.3</v>
      </c>
      <c r="B16963">
        <v>204.04</v>
      </c>
      <c r="C16963">
        <v>9527.25</v>
      </c>
      <c r="D16963">
        <v>4</v>
      </c>
      <c r="E16963">
        <v>3417.62</v>
      </c>
      <c r="F16963">
        <v>79.263800000000003</v>
      </c>
    </row>
    <row r="16964" spans="1:6" x14ac:dyDescent="0.25">
      <c r="A16964">
        <v>171.3</v>
      </c>
      <c r="B16964">
        <v>204.04</v>
      </c>
      <c r="C16964">
        <v>11072.7</v>
      </c>
      <c r="D16964">
        <v>1</v>
      </c>
      <c r="E16964">
        <v>4920.03</v>
      </c>
      <c r="F16964">
        <v>86.072299999999998</v>
      </c>
    </row>
    <row r="16965" spans="1:6" x14ac:dyDescent="0.25">
      <c r="A16965">
        <v>171.3</v>
      </c>
      <c r="B16965">
        <v>204.04</v>
      </c>
      <c r="C16965">
        <v>11072.7</v>
      </c>
      <c r="D16965">
        <v>1.3</v>
      </c>
      <c r="E16965">
        <v>4456.42</v>
      </c>
      <c r="F16965">
        <v>78.077500000000001</v>
      </c>
    </row>
    <row r="16966" spans="1:6" x14ac:dyDescent="0.25">
      <c r="A16966">
        <v>171.3</v>
      </c>
      <c r="B16966">
        <v>204.04</v>
      </c>
      <c r="C16966">
        <v>11072.7</v>
      </c>
      <c r="D16966">
        <v>1.6</v>
      </c>
      <c r="E16966">
        <v>4090.49</v>
      </c>
      <c r="F16966">
        <v>74.488399999999999</v>
      </c>
    </row>
    <row r="16967" spans="1:6" x14ac:dyDescent="0.25">
      <c r="A16967">
        <v>171.3</v>
      </c>
      <c r="B16967">
        <v>204.04</v>
      </c>
      <c r="C16967">
        <v>11072.7</v>
      </c>
      <c r="D16967">
        <v>1.9</v>
      </c>
      <c r="E16967">
        <v>3911.67</v>
      </c>
      <c r="F16967">
        <v>88.646299999999997</v>
      </c>
    </row>
    <row r="16968" spans="1:6" x14ac:dyDescent="0.25">
      <c r="A16968">
        <v>171.3</v>
      </c>
      <c r="B16968">
        <v>204.04</v>
      </c>
      <c r="C16968">
        <v>11072.7</v>
      </c>
      <c r="D16968">
        <v>2.2000000000000002</v>
      </c>
      <c r="E16968">
        <v>3770.06</v>
      </c>
      <c r="F16968">
        <v>88.7102</v>
      </c>
    </row>
    <row r="16969" spans="1:6" x14ac:dyDescent="0.25">
      <c r="A16969">
        <v>171.3</v>
      </c>
      <c r="B16969">
        <v>204.04</v>
      </c>
      <c r="C16969">
        <v>11072.7</v>
      </c>
      <c r="D16969">
        <v>2.5</v>
      </c>
      <c r="E16969">
        <v>3628.78</v>
      </c>
      <c r="F16969">
        <v>90.121499999999997</v>
      </c>
    </row>
    <row r="16970" spans="1:6" x14ac:dyDescent="0.25">
      <c r="A16970">
        <v>171.3</v>
      </c>
      <c r="B16970">
        <v>204.04</v>
      </c>
      <c r="C16970">
        <v>11072.7</v>
      </c>
      <c r="D16970">
        <v>2.8</v>
      </c>
      <c r="E16970">
        <v>3576.13</v>
      </c>
      <c r="F16970">
        <v>81.687899999999999</v>
      </c>
    </row>
    <row r="16971" spans="1:6" x14ac:dyDescent="0.25">
      <c r="A16971">
        <v>171.3</v>
      </c>
      <c r="B16971">
        <v>204.04</v>
      </c>
      <c r="C16971">
        <v>11072.7</v>
      </c>
      <c r="D16971">
        <v>3.1</v>
      </c>
      <c r="E16971">
        <v>3454.94</v>
      </c>
      <c r="F16971">
        <v>77.115099999999998</v>
      </c>
    </row>
    <row r="16972" spans="1:6" x14ac:dyDescent="0.25">
      <c r="A16972">
        <v>171.3</v>
      </c>
      <c r="B16972">
        <v>204.04</v>
      </c>
      <c r="C16972">
        <v>11072.7</v>
      </c>
      <c r="D16972">
        <v>3.4</v>
      </c>
      <c r="E16972">
        <v>3498.06</v>
      </c>
      <c r="F16972">
        <v>80.956699999999998</v>
      </c>
    </row>
    <row r="16973" spans="1:6" x14ac:dyDescent="0.25">
      <c r="A16973">
        <v>171.3</v>
      </c>
      <c r="B16973">
        <v>204.04</v>
      </c>
      <c r="C16973">
        <v>11072.7</v>
      </c>
      <c r="D16973">
        <v>3.7</v>
      </c>
      <c r="E16973">
        <v>3360.73</v>
      </c>
      <c r="F16973">
        <v>92.319900000000004</v>
      </c>
    </row>
    <row r="16974" spans="1:6" x14ac:dyDescent="0.25">
      <c r="A16974">
        <v>171.3</v>
      </c>
      <c r="B16974">
        <v>204.04</v>
      </c>
      <c r="C16974">
        <v>11072.7</v>
      </c>
      <c r="D16974">
        <v>4</v>
      </c>
      <c r="E16974">
        <v>3417.62</v>
      </c>
      <c r="F16974">
        <v>79.263800000000003</v>
      </c>
    </row>
    <row r="16975" spans="1:6" x14ac:dyDescent="0.25">
      <c r="A16975">
        <v>171.3</v>
      </c>
      <c r="B16975">
        <v>204.04</v>
      </c>
      <c r="C16975">
        <v>12618.2</v>
      </c>
      <c r="D16975">
        <v>1</v>
      </c>
      <c r="E16975">
        <v>4920.03</v>
      </c>
      <c r="F16975">
        <v>86.072299999999998</v>
      </c>
    </row>
    <row r="16976" spans="1:6" x14ac:dyDescent="0.25">
      <c r="A16976">
        <v>171.3</v>
      </c>
      <c r="B16976">
        <v>204.04</v>
      </c>
      <c r="C16976">
        <v>12618.2</v>
      </c>
      <c r="D16976">
        <v>1.3</v>
      </c>
      <c r="E16976">
        <v>4456.42</v>
      </c>
      <c r="F16976">
        <v>78.077500000000001</v>
      </c>
    </row>
    <row r="16977" spans="1:6" x14ac:dyDescent="0.25">
      <c r="A16977">
        <v>171.3</v>
      </c>
      <c r="B16977">
        <v>204.04</v>
      </c>
      <c r="C16977">
        <v>12618.2</v>
      </c>
      <c r="D16977">
        <v>1.6</v>
      </c>
      <c r="E16977">
        <v>4090.49</v>
      </c>
      <c r="F16977">
        <v>74.488399999999999</v>
      </c>
    </row>
    <row r="16978" spans="1:6" x14ac:dyDescent="0.25">
      <c r="A16978">
        <v>171.3</v>
      </c>
      <c r="B16978">
        <v>204.04</v>
      </c>
      <c r="C16978">
        <v>12618.2</v>
      </c>
      <c r="D16978">
        <v>1.9</v>
      </c>
      <c r="E16978">
        <v>3911.67</v>
      </c>
      <c r="F16978">
        <v>88.646299999999997</v>
      </c>
    </row>
    <row r="16979" spans="1:6" x14ac:dyDescent="0.25">
      <c r="A16979">
        <v>171.3</v>
      </c>
      <c r="B16979">
        <v>204.04</v>
      </c>
      <c r="C16979">
        <v>12618.2</v>
      </c>
      <c r="D16979">
        <v>2.2000000000000002</v>
      </c>
      <c r="E16979">
        <v>3770.06</v>
      </c>
      <c r="F16979">
        <v>88.7102</v>
      </c>
    </row>
    <row r="16980" spans="1:6" x14ac:dyDescent="0.25">
      <c r="A16980">
        <v>171.3</v>
      </c>
      <c r="B16980">
        <v>204.04</v>
      </c>
      <c r="C16980">
        <v>12618.2</v>
      </c>
      <c r="D16980">
        <v>2.5</v>
      </c>
      <c r="E16980">
        <v>3628.78</v>
      </c>
      <c r="F16980">
        <v>90.121499999999997</v>
      </c>
    </row>
    <row r="16981" spans="1:6" x14ac:dyDescent="0.25">
      <c r="A16981">
        <v>171.3</v>
      </c>
      <c r="B16981">
        <v>204.04</v>
      </c>
      <c r="C16981">
        <v>12618.2</v>
      </c>
      <c r="D16981">
        <v>2.8</v>
      </c>
      <c r="E16981">
        <v>3576.13</v>
      </c>
      <c r="F16981">
        <v>81.687899999999999</v>
      </c>
    </row>
    <row r="16982" spans="1:6" x14ac:dyDescent="0.25">
      <c r="A16982">
        <v>171.3</v>
      </c>
      <c r="B16982">
        <v>204.04</v>
      </c>
      <c r="C16982">
        <v>12618.2</v>
      </c>
      <c r="D16982">
        <v>3.1</v>
      </c>
      <c r="E16982">
        <v>3454.94</v>
      </c>
      <c r="F16982">
        <v>77.115099999999998</v>
      </c>
    </row>
    <row r="16983" spans="1:6" x14ac:dyDescent="0.25">
      <c r="A16983">
        <v>171.3</v>
      </c>
      <c r="B16983">
        <v>204.04</v>
      </c>
      <c r="C16983">
        <v>12618.2</v>
      </c>
      <c r="D16983">
        <v>3.4</v>
      </c>
      <c r="E16983">
        <v>3498.06</v>
      </c>
      <c r="F16983">
        <v>80.956699999999998</v>
      </c>
    </row>
    <row r="16984" spans="1:6" x14ac:dyDescent="0.25">
      <c r="A16984">
        <v>171.3</v>
      </c>
      <c r="B16984">
        <v>204.04</v>
      </c>
      <c r="C16984">
        <v>12618.2</v>
      </c>
      <c r="D16984">
        <v>3.7</v>
      </c>
      <c r="E16984">
        <v>3360.73</v>
      </c>
      <c r="F16984">
        <v>92.319900000000004</v>
      </c>
    </row>
    <row r="16985" spans="1:6" x14ac:dyDescent="0.25">
      <c r="A16985">
        <v>171.3</v>
      </c>
      <c r="B16985">
        <v>204.04</v>
      </c>
      <c r="C16985">
        <v>12618.2</v>
      </c>
      <c r="D16985">
        <v>4</v>
      </c>
      <c r="E16985">
        <v>3417.62</v>
      </c>
      <c r="F16985">
        <v>79.263800000000003</v>
      </c>
    </row>
    <row r="16986" spans="1:6" x14ac:dyDescent="0.25">
      <c r="A16986">
        <v>171.3</v>
      </c>
      <c r="B16986">
        <v>204.04</v>
      </c>
      <c r="C16986">
        <v>14163.6</v>
      </c>
      <c r="D16986">
        <v>1</v>
      </c>
      <c r="E16986">
        <v>4920.03</v>
      </c>
      <c r="F16986">
        <v>86.072299999999998</v>
      </c>
    </row>
    <row r="16987" spans="1:6" x14ac:dyDescent="0.25">
      <c r="A16987">
        <v>171.3</v>
      </c>
      <c r="B16987">
        <v>204.04</v>
      </c>
      <c r="C16987">
        <v>14163.6</v>
      </c>
      <c r="D16987">
        <v>1.3</v>
      </c>
      <c r="E16987">
        <v>4456.42</v>
      </c>
      <c r="F16987">
        <v>78.077500000000001</v>
      </c>
    </row>
    <row r="16988" spans="1:6" x14ac:dyDescent="0.25">
      <c r="A16988">
        <v>171.3</v>
      </c>
      <c r="B16988">
        <v>204.04</v>
      </c>
      <c r="C16988">
        <v>14163.6</v>
      </c>
      <c r="D16988">
        <v>1.6</v>
      </c>
      <c r="E16988">
        <v>4090.49</v>
      </c>
      <c r="F16988">
        <v>74.488399999999999</v>
      </c>
    </row>
    <row r="16989" spans="1:6" x14ac:dyDescent="0.25">
      <c r="A16989">
        <v>171.3</v>
      </c>
      <c r="B16989">
        <v>204.04</v>
      </c>
      <c r="C16989">
        <v>14163.6</v>
      </c>
      <c r="D16989">
        <v>1.9</v>
      </c>
      <c r="E16989">
        <v>3911.67</v>
      </c>
      <c r="F16989">
        <v>88.646299999999997</v>
      </c>
    </row>
    <row r="16990" spans="1:6" x14ac:dyDescent="0.25">
      <c r="A16990">
        <v>171.3</v>
      </c>
      <c r="B16990">
        <v>204.04</v>
      </c>
      <c r="C16990">
        <v>14163.6</v>
      </c>
      <c r="D16990">
        <v>2.2000000000000002</v>
      </c>
      <c r="E16990">
        <v>3770.06</v>
      </c>
      <c r="F16990">
        <v>88.7102</v>
      </c>
    </row>
    <row r="16991" spans="1:6" x14ac:dyDescent="0.25">
      <c r="A16991">
        <v>171.3</v>
      </c>
      <c r="B16991">
        <v>204.04</v>
      </c>
      <c r="C16991">
        <v>14163.6</v>
      </c>
      <c r="D16991">
        <v>2.5</v>
      </c>
      <c r="E16991">
        <v>3628.78</v>
      </c>
      <c r="F16991">
        <v>90.121499999999997</v>
      </c>
    </row>
    <row r="16992" spans="1:6" x14ac:dyDescent="0.25">
      <c r="A16992">
        <v>171.3</v>
      </c>
      <c r="B16992">
        <v>204.04</v>
      </c>
      <c r="C16992">
        <v>14163.6</v>
      </c>
      <c r="D16992">
        <v>2.8</v>
      </c>
      <c r="E16992">
        <v>3576.13</v>
      </c>
      <c r="F16992">
        <v>81.687899999999999</v>
      </c>
    </row>
    <row r="16993" spans="1:6" x14ac:dyDescent="0.25">
      <c r="A16993">
        <v>171.3</v>
      </c>
      <c r="B16993">
        <v>204.04</v>
      </c>
      <c r="C16993">
        <v>14163.6</v>
      </c>
      <c r="D16993">
        <v>3.1</v>
      </c>
      <c r="E16993">
        <v>3454.94</v>
      </c>
      <c r="F16993">
        <v>77.115099999999998</v>
      </c>
    </row>
    <row r="16994" spans="1:6" x14ac:dyDescent="0.25">
      <c r="A16994">
        <v>171.3</v>
      </c>
      <c r="B16994">
        <v>204.04</v>
      </c>
      <c r="C16994">
        <v>14163.6</v>
      </c>
      <c r="D16994">
        <v>3.4</v>
      </c>
      <c r="E16994">
        <v>3498.06</v>
      </c>
      <c r="F16994">
        <v>80.956699999999998</v>
      </c>
    </row>
    <row r="16995" spans="1:6" x14ac:dyDescent="0.25">
      <c r="A16995">
        <v>171.3</v>
      </c>
      <c r="B16995">
        <v>204.04</v>
      </c>
      <c r="C16995">
        <v>14163.6</v>
      </c>
      <c r="D16995">
        <v>3.7</v>
      </c>
      <c r="E16995">
        <v>3360.73</v>
      </c>
      <c r="F16995">
        <v>92.319900000000004</v>
      </c>
    </row>
    <row r="16996" spans="1:6" x14ac:dyDescent="0.25">
      <c r="A16996">
        <v>171.3</v>
      </c>
      <c r="B16996">
        <v>204.04</v>
      </c>
      <c r="C16996">
        <v>14163.6</v>
      </c>
      <c r="D16996">
        <v>4</v>
      </c>
      <c r="E16996">
        <v>3417.62</v>
      </c>
      <c r="F16996">
        <v>79.263800000000003</v>
      </c>
    </row>
    <row r="16997" spans="1:6" x14ac:dyDescent="0.25">
      <c r="A16997">
        <v>171.3</v>
      </c>
      <c r="B16997">
        <v>204.04</v>
      </c>
      <c r="C16997">
        <v>15709.1</v>
      </c>
      <c r="D16997">
        <v>1</v>
      </c>
      <c r="E16997">
        <v>4920.03</v>
      </c>
      <c r="F16997">
        <v>86.072299999999998</v>
      </c>
    </row>
    <row r="16998" spans="1:6" x14ac:dyDescent="0.25">
      <c r="A16998">
        <v>171.3</v>
      </c>
      <c r="B16998">
        <v>204.04</v>
      </c>
      <c r="C16998">
        <v>15709.1</v>
      </c>
      <c r="D16998">
        <v>1.3</v>
      </c>
      <c r="E16998">
        <v>4456.42</v>
      </c>
      <c r="F16998">
        <v>78.077500000000001</v>
      </c>
    </row>
    <row r="16999" spans="1:6" x14ac:dyDescent="0.25">
      <c r="A16999">
        <v>171.3</v>
      </c>
      <c r="B16999">
        <v>204.04</v>
      </c>
      <c r="C16999">
        <v>15709.1</v>
      </c>
      <c r="D16999">
        <v>1.6</v>
      </c>
      <c r="E16999">
        <v>4090.49</v>
      </c>
      <c r="F16999">
        <v>74.488399999999999</v>
      </c>
    </row>
    <row r="17000" spans="1:6" x14ac:dyDescent="0.25">
      <c r="A17000">
        <v>171.3</v>
      </c>
      <c r="B17000">
        <v>204.04</v>
      </c>
      <c r="C17000">
        <v>15709.1</v>
      </c>
      <c r="D17000">
        <v>1.9</v>
      </c>
      <c r="E17000">
        <v>3911.67</v>
      </c>
      <c r="F17000">
        <v>88.646299999999997</v>
      </c>
    </row>
    <row r="17001" spans="1:6" x14ac:dyDescent="0.25">
      <c r="A17001">
        <v>171.3</v>
      </c>
      <c r="B17001">
        <v>204.04</v>
      </c>
      <c r="C17001">
        <v>15709.1</v>
      </c>
      <c r="D17001">
        <v>2.2000000000000002</v>
      </c>
      <c r="E17001">
        <v>3770.06</v>
      </c>
      <c r="F17001">
        <v>88.7102</v>
      </c>
    </row>
    <row r="17002" spans="1:6" x14ac:dyDescent="0.25">
      <c r="A17002">
        <v>171.3</v>
      </c>
      <c r="B17002">
        <v>204.04</v>
      </c>
      <c r="C17002">
        <v>15709.1</v>
      </c>
      <c r="D17002">
        <v>2.5</v>
      </c>
      <c r="E17002">
        <v>3628.78</v>
      </c>
      <c r="F17002">
        <v>90.121499999999997</v>
      </c>
    </row>
    <row r="17003" spans="1:6" x14ac:dyDescent="0.25">
      <c r="A17003">
        <v>171.3</v>
      </c>
      <c r="B17003">
        <v>204.04</v>
      </c>
      <c r="C17003">
        <v>15709.1</v>
      </c>
      <c r="D17003">
        <v>2.8</v>
      </c>
      <c r="E17003">
        <v>3576.13</v>
      </c>
      <c r="F17003">
        <v>81.687899999999999</v>
      </c>
    </row>
    <row r="17004" spans="1:6" x14ac:dyDescent="0.25">
      <c r="A17004">
        <v>171.3</v>
      </c>
      <c r="B17004">
        <v>204.04</v>
      </c>
      <c r="C17004">
        <v>15709.1</v>
      </c>
      <c r="D17004">
        <v>3.1</v>
      </c>
      <c r="E17004">
        <v>3454.94</v>
      </c>
      <c r="F17004">
        <v>77.115099999999998</v>
      </c>
    </row>
    <row r="17005" spans="1:6" x14ac:dyDescent="0.25">
      <c r="A17005">
        <v>171.3</v>
      </c>
      <c r="B17005">
        <v>204.04</v>
      </c>
      <c r="C17005">
        <v>15709.1</v>
      </c>
      <c r="D17005">
        <v>3.4</v>
      </c>
      <c r="E17005">
        <v>3498.06</v>
      </c>
      <c r="F17005">
        <v>80.956699999999998</v>
      </c>
    </row>
    <row r="17006" spans="1:6" x14ac:dyDescent="0.25">
      <c r="A17006">
        <v>171.3</v>
      </c>
      <c r="B17006">
        <v>204.04</v>
      </c>
      <c r="C17006">
        <v>15709.1</v>
      </c>
      <c r="D17006">
        <v>3.7</v>
      </c>
      <c r="E17006">
        <v>3360.73</v>
      </c>
      <c r="F17006">
        <v>92.319900000000004</v>
      </c>
    </row>
    <row r="17007" spans="1:6" x14ac:dyDescent="0.25">
      <c r="A17007">
        <v>171.3</v>
      </c>
      <c r="B17007">
        <v>204.04</v>
      </c>
      <c r="C17007">
        <v>15709.1</v>
      </c>
      <c r="D17007">
        <v>4</v>
      </c>
      <c r="E17007">
        <v>3417.62</v>
      </c>
      <c r="F17007">
        <v>79.263800000000003</v>
      </c>
    </row>
    <row r="17008" spans="1:6" x14ac:dyDescent="0.25">
      <c r="A17008">
        <v>171.3</v>
      </c>
      <c r="B17008">
        <v>204.04</v>
      </c>
      <c r="C17008">
        <v>17254.5</v>
      </c>
      <c r="D17008">
        <v>1</v>
      </c>
      <c r="E17008">
        <v>4920.03</v>
      </c>
      <c r="F17008">
        <v>86.072299999999998</v>
      </c>
    </row>
    <row r="17009" spans="1:6" x14ac:dyDescent="0.25">
      <c r="A17009">
        <v>171.3</v>
      </c>
      <c r="B17009">
        <v>204.04</v>
      </c>
      <c r="C17009">
        <v>17254.5</v>
      </c>
      <c r="D17009">
        <v>1.3</v>
      </c>
      <c r="E17009">
        <v>4456.42</v>
      </c>
      <c r="F17009">
        <v>78.077500000000001</v>
      </c>
    </row>
    <row r="17010" spans="1:6" x14ac:dyDescent="0.25">
      <c r="A17010">
        <v>171.3</v>
      </c>
      <c r="B17010">
        <v>204.04</v>
      </c>
      <c r="C17010">
        <v>17254.5</v>
      </c>
      <c r="D17010">
        <v>1.6</v>
      </c>
      <c r="E17010">
        <v>4090.49</v>
      </c>
      <c r="F17010">
        <v>74.488399999999999</v>
      </c>
    </row>
    <row r="17011" spans="1:6" x14ac:dyDescent="0.25">
      <c r="A17011">
        <v>171.3</v>
      </c>
      <c r="B17011">
        <v>204.04</v>
      </c>
      <c r="C17011">
        <v>17254.5</v>
      </c>
      <c r="D17011">
        <v>1.9</v>
      </c>
      <c r="E17011">
        <v>3911.67</v>
      </c>
      <c r="F17011">
        <v>88.646299999999997</v>
      </c>
    </row>
    <row r="17012" spans="1:6" x14ac:dyDescent="0.25">
      <c r="A17012">
        <v>171.3</v>
      </c>
      <c r="B17012">
        <v>204.04</v>
      </c>
      <c r="C17012">
        <v>17254.5</v>
      </c>
      <c r="D17012">
        <v>2.2000000000000002</v>
      </c>
      <c r="E17012">
        <v>3770.06</v>
      </c>
      <c r="F17012">
        <v>88.7102</v>
      </c>
    </row>
    <row r="17013" spans="1:6" x14ac:dyDescent="0.25">
      <c r="A17013">
        <v>171.3</v>
      </c>
      <c r="B17013">
        <v>204.04</v>
      </c>
      <c r="C17013">
        <v>17254.5</v>
      </c>
      <c r="D17013">
        <v>2.5</v>
      </c>
      <c r="E17013">
        <v>3628.78</v>
      </c>
      <c r="F17013">
        <v>90.121499999999997</v>
      </c>
    </row>
    <row r="17014" spans="1:6" x14ac:dyDescent="0.25">
      <c r="A17014">
        <v>171.3</v>
      </c>
      <c r="B17014">
        <v>204.04</v>
      </c>
      <c r="C17014">
        <v>17254.5</v>
      </c>
      <c r="D17014">
        <v>2.8</v>
      </c>
      <c r="E17014">
        <v>3576.13</v>
      </c>
      <c r="F17014">
        <v>81.687899999999999</v>
      </c>
    </row>
    <row r="17015" spans="1:6" x14ac:dyDescent="0.25">
      <c r="A17015">
        <v>171.3</v>
      </c>
      <c r="B17015">
        <v>204.04</v>
      </c>
      <c r="C17015">
        <v>17254.5</v>
      </c>
      <c r="D17015">
        <v>3.1</v>
      </c>
      <c r="E17015">
        <v>3454.94</v>
      </c>
      <c r="F17015">
        <v>77.115099999999998</v>
      </c>
    </row>
    <row r="17016" spans="1:6" x14ac:dyDescent="0.25">
      <c r="A17016">
        <v>171.3</v>
      </c>
      <c r="B17016">
        <v>204.04</v>
      </c>
      <c r="C17016">
        <v>17254.5</v>
      </c>
      <c r="D17016">
        <v>3.4</v>
      </c>
      <c r="E17016">
        <v>3498.06</v>
      </c>
      <c r="F17016">
        <v>80.956699999999998</v>
      </c>
    </row>
    <row r="17017" spans="1:6" x14ac:dyDescent="0.25">
      <c r="A17017">
        <v>171.3</v>
      </c>
      <c r="B17017">
        <v>204.04</v>
      </c>
      <c r="C17017">
        <v>17254.5</v>
      </c>
      <c r="D17017">
        <v>3.7</v>
      </c>
      <c r="E17017">
        <v>3360.73</v>
      </c>
      <c r="F17017">
        <v>92.319900000000004</v>
      </c>
    </row>
    <row r="17018" spans="1:6" x14ac:dyDescent="0.25">
      <c r="A17018">
        <v>171.3</v>
      </c>
      <c r="B17018">
        <v>204.04</v>
      </c>
      <c r="C17018">
        <v>17254.5</v>
      </c>
      <c r="D17018">
        <v>4</v>
      </c>
      <c r="E17018">
        <v>3417.62</v>
      </c>
      <c r="F17018">
        <v>79.263800000000003</v>
      </c>
    </row>
    <row r="17019" spans="1:6" x14ac:dyDescent="0.25">
      <c r="A17019">
        <v>171.3</v>
      </c>
      <c r="B17019">
        <v>204.04</v>
      </c>
      <c r="C17019">
        <v>18800</v>
      </c>
      <c r="D17019">
        <v>1</v>
      </c>
      <c r="E17019">
        <v>4920.03</v>
      </c>
      <c r="F17019">
        <v>86.072299999999998</v>
      </c>
    </row>
    <row r="17020" spans="1:6" x14ac:dyDescent="0.25">
      <c r="A17020">
        <v>171.3</v>
      </c>
      <c r="B17020">
        <v>204.04</v>
      </c>
      <c r="C17020">
        <v>18800</v>
      </c>
      <c r="D17020">
        <v>1.3</v>
      </c>
      <c r="E17020">
        <v>4456.42</v>
      </c>
      <c r="F17020">
        <v>78.077500000000001</v>
      </c>
    </row>
    <row r="17021" spans="1:6" x14ac:dyDescent="0.25">
      <c r="A17021">
        <v>171.3</v>
      </c>
      <c r="B17021">
        <v>204.04</v>
      </c>
      <c r="C17021">
        <v>18800</v>
      </c>
      <c r="D17021">
        <v>1.6</v>
      </c>
      <c r="E17021">
        <v>4090.49</v>
      </c>
      <c r="F17021">
        <v>74.488399999999999</v>
      </c>
    </row>
    <row r="17022" spans="1:6" x14ac:dyDescent="0.25">
      <c r="A17022">
        <v>171.3</v>
      </c>
      <c r="B17022">
        <v>204.04</v>
      </c>
      <c r="C17022">
        <v>18800</v>
      </c>
      <c r="D17022">
        <v>1.9</v>
      </c>
      <c r="E17022">
        <v>3911.67</v>
      </c>
      <c r="F17022">
        <v>88.646299999999997</v>
      </c>
    </row>
    <row r="17023" spans="1:6" x14ac:dyDescent="0.25">
      <c r="A17023">
        <v>171.3</v>
      </c>
      <c r="B17023">
        <v>204.04</v>
      </c>
      <c r="C17023">
        <v>18800</v>
      </c>
      <c r="D17023">
        <v>2.2000000000000002</v>
      </c>
      <c r="E17023">
        <v>3770.06</v>
      </c>
      <c r="F17023">
        <v>88.7102</v>
      </c>
    </row>
    <row r="17024" spans="1:6" x14ac:dyDescent="0.25">
      <c r="A17024">
        <v>171.3</v>
      </c>
      <c r="B17024">
        <v>204.04</v>
      </c>
      <c r="C17024">
        <v>18800</v>
      </c>
      <c r="D17024">
        <v>2.5</v>
      </c>
      <c r="E17024">
        <v>3628.78</v>
      </c>
      <c r="F17024">
        <v>90.121499999999997</v>
      </c>
    </row>
    <row r="17025" spans="1:6" x14ac:dyDescent="0.25">
      <c r="A17025">
        <v>171.3</v>
      </c>
      <c r="B17025">
        <v>204.04</v>
      </c>
      <c r="C17025">
        <v>18800</v>
      </c>
      <c r="D17025">
        <v>2.8</v>
      </c>
      <c r="E17025">
        <v>3576.13</v>
      </c>
      <c r="F17025">
        <v>81.687899999999999</v>
      </c>
    </row>
    <row r="17026" spans="1:6" x14ac:dyDescent="0.25">
      <c r="A17026">
        <v>171.3</v>
      </c>
      <c r="B17026">
        <v>204.04</v>
      </c>
      <c r="C17026">
        <v>18800</v>
      </c>
      <c r="D17026">
        <v>3.1</v>
      </c>
      <c r="E17026">
        <v>3454.94</v>
      </c>
      <c r="F17026">
        <v>77.115099999999998</v>
      </c>
    </row>
    <row r="17027" spans="1:6" x14ac:dyDescent="0.25">
      <c r="A17027">
        <v>171.3</v>
      </c>
      <c r="B17027">
        <v>204.04</v>
      </c>
      <c r="C17027">
        <v>18800</v>
      </c>
      <c r="D17027">
        <v>3.4</v>
      </c>
      <c r="E17027">
        <v>3498.06</v>
      </c>
      <c r="F17027">
        <v>80.956699999999998</v>
      </c>
    </row>
    <row r="17028" spans="1:6" x14ac:dyDescent="0.25">
      <c r="A17028">
        <v>171.3</v>
      </c>
      <c r="B17028">
        <v>204.04</v>
      </c>
      <c r="C17028">
        <v>18800</v>
      </c>
      <c r="D17028">
        <v>3.7</v>
      </c>
      <c r="E17028">
        <v>3360.73</v>
      </c>
      <c r="F17028">
        <v>92.319900000000004</v>
      </c>
    </row>
    <row r="17029" spans="1:6" x14ac:dyDescent="0.25">
      <c r="A17029">
        <v>171.3</v>
      </c>
      <c r="B17029">
        <v>204.04</v>
      </c>
      <c r="C17029">
        <v>18800</v>
      </c>
      <c r="D17029">
        <v>4</v>
      </c>
      <c r="E17029">
        <v>3417.62</v>
      </c>
      <c r="F17029">
        <v>79.263800000000003</v>
      </c>
    </row>
    <row r="17030" spans="1:6" x14ac:dyDescent="0.25">
      <c r="A17030">
        <v>171.3</v>
      </c>
      <c r="B17030">
        <v>207.67</v>
      </c>
      <c r="C17030">
        <v>1800</v>
      </c>
      <c r="D17030">
        <v>1</v>
      </c>
      <c r="E17030">
        <v>4920.03</v>
      </c>
      <c r="F17030">
        <v>86.072299999999998</v>
      </c>
    </row>
    <row r="17031" spans="1:6" x14ac:dyDescent="0.25">
      <c r="A17031">
        <v>171.3</v>
      </c>
      <c r="B17031">
        <v>207.67</v>
      </c>
      <c r="C17031">
        <v>1800</v>
      </c>
      <c r="D17031">
        <v>1.3</v>
      </c>
      <c r="E17031">
        <v>4456.42</v>
      </c>
      <c r="F17031">
        <v>78.077500000000001</v>
      </c>
    </row>
    <row r="17032" spans="1:6" x14ac:dyDescent="0.25">
      <c r="A17032">
        <v>171.3</v>
      </c>
      <c r="B17032">
        <v>207.67</v>
      </c>
      <c r="C17032">
        <v>1800</v>
      </c>
      <c r="D17032">
        <v>1.6</v>
      </c>
      <c r="E17032">
        <v>4090.49</v>
      </c>
      <c r="F17032">
        <v>74.488399999999999</v>
      </c>
    </row>
    <row r="17033" spans="1:6" x14ac:dyDescent="0.25">
      <c r="A17033">
        <v>171.3</v>
      </c>
      <c r="B17033">
        <v>207.67</v>
      </c>
      <c r="C17033">
        <v>1800</v>
      </c>
      <c r="D17033">
        <v>1.9</v>
      </c>
      <c r="E17033">
        <v>3763.97</v>
      </c>
      <c r="F17033">
        <v>88.646299999999997</v>
      </c>
    </row>
    <row r="17034" spans="1:6" x14ac:dyDescent="0.25">
      <c r="A17034">
        <v>171.3</v>
      </c>
      <c r="B17034">
        <v>207.67</v>
      </c>
      <c r="C17034">
        <v>1800</v>
      </c>
      <c r="D17034">
        <v>2.2000000000000002</v>
      </c>
      <c r="E17034">
        <v>3621.99</v>
      </c>
      <c r="F17034">
        <v>88.7102</v>
      </c>
    </row>
    <row r="17035" spans="1:6" x14ac:dyDescent="0.25">
      <c r="A17035">
        <v>171.3</v>
      </c>
      <c r="B17035">
        <v>207.67</v>
      </c>
      <c r="C17035">
        <v>1800</v>
      </c>
      <c r="D17035">
        <v>2.5</v>
      </c>
      <c r="E17035">
        <v>3369.2</v>
      </c>
      <c r="F17035">
        <v>90.121499999999997</v>
      </c>
    </row>
    <row r="17036" spans="1:6" x14ac:dyDescent="0.25">
      <c r="A17036">
        <v>171.3</v>
      </c>
      <c r="B17036">
        <v>207.67</v>
      </c>
      <c r="C17036">
        <v>1800</v>
      </c>
      <c r="D17036">
        <v>2.8</v>
      </c>
      <c r="E17036">
        <v>3250.65</v>
      </c>
      <c r="F17036">
        <v>81.687899999999999</v>
      </c>
    </row>
    <row r="17037" spans="1:6" x14ac:dyDescent="0.25">
      <c r="A17037">
        <v>171.3</v>
      </c>
      <c r="B17037">
        <v>207.67</v>
      </c>
      <c r="C17037">
        <v>1800</v>
      </c>
      <c r="D17037">
        <v>3.1</v>
      </c>
      <c r="E17037">
        <v>3243.49</v>
      </c>
      <c r="F17037">
        <v>77.115099999999998</v>
      </c>
    </row>
    <row r="17038" spans="1:6" x14ac:dyDescent="0.25">
      <c r="A17038">
        <v>171.3</v>
      </c>
      <c r="B17038">
        <v>207.67</v>
      </c>
      <c r="C17038">
        <v>1800</v>
      </c>
      <c r="D17038">
        <v>3.4</v>
      </c>
      <c r="E17038">
        <v>3181.86</v>
      </c>
      <c r="F17038">
        <v>80.956699999999998</v>
      </c>
    </row>
    <row r="17039" spans="1:6" x14ac:dyDescent="0.25">
      <c r="A17039">
        <v>171.3</v>
      </c>
      <c r="B17039">
        <v>207.67</v>
      </c>
      <c r="C17039">
        <v>1800</v>
      </c>
      <c r="D17039">
        <v>3.7</v>
      </c>
      <c r="E17039">
        <v>3060.25</v>
      </c>
      <c r="F17039">
        <v>92.319900000000004</v>
      </c>
    </row>
    <row r="17040" spans="1:6" x14ac:dyDescent="0.25">
      <c r="A17040">
        <v>171.3</v>
      </c>
      <c r="B17040">
        <v>207.67</v>
      </c>
      <c r="C17040">
        <v>1800</v>
      </c>
      <c r="D17040">
        <v>4</v>
      </c>
      <c r="E17040">
        <v>2974.12</v>
      </c>
      <c r="F17040">
        <v>79.263800000000003</v>
      </c>
    </row>
    <row r="17041" spans="1:6" x14ac:dyDescent="0.25">
      <c r="A17041">
        <v>171.3</v>
      </c>
      <c r="B17041">
        <v>207.67</v>
      </c>
      <c r="C17041">
        <v>3345.45</v>
      </c>
      <c r="D17041">
        <v>1</v>
      </c>
      <c r="E17041">
        <v>4920.03</v>
      </c>
      <c r="F17041">
        <v>86.072299999999998</v>
      </c>
    </row>
    <row r="17042" spans="1:6" x14ac:dyDescent="0.25">
      <c r="A17042">
        <v>171.3</v>
      </c>
      <c r="B17042">
        <v>207.67</v>
      </c>
      <c r="C17042">
        <v>3345.45</v>
      </c>
      <c r="D17042">
        <v>1.3</v>
      </c>
      <c r="E17042">
        <v>4456.42</v>
      </c>
      <c r="F17042">
        <v>78.077500000000001</v>
      </c>
    </row>
    <row r="17043" spans="1:6" x14ac:dyDescent="0.25">
      <c r="A17043">
        <v>171.3</v>
      </c>
      <c r="B17043">
        <v>207.67</v>
      </c>
      <c r="C17043">
        <v>3345.45</v>
      </c>
      <c r="D17043">
        <v>1.6</v>
      </c>
      <c r="E17043">
        <v>4090.49</v>
      </c>
      <c r="F17043">
        <v>74.488399999999999</v>
      </c>
    </row>
    <row r="17044" spans="1:6" x14ac:dyDescent="0.25">
      <c r="A17044">
        <v>171.3</v>
      </c>
      <c r="B17044">
        <v>207.67</v>
      </c>
      <c r="C17044">
        <v>3345.45</v>
      </c>
      <c r="D17044">
        <v>1.9</v>
      </c>
      <c r="E17044">
        <v>3911.67</v>
      </c>
      <c r="F17044">
        <v>88.646299999999997</v>
      </c>
    </row>
    <row r="17045" spans="1:6" x14ac:dyDescent="0.25">
      <c r="A17045">
        <v>171.3</v>
      </c>
      <c r="B17045">
        <v>207.67</v>
      </c>
      <c r="C17045">
        <v>3345.45</v>
      </c>
      <c r="D17045">
        <v>2.2000000000000002</v>
      </c>
      <c r="E17045">
        <v>3770.06</v>
      </c>
      <c r="F17045">
        <v>88.7102</v>
      </c>
    </row>
    <row r="17046" spans="1:6" x14ac:dyDescent="0.25">
      <c r="A17046">
        <v>171.3</v>
      </c>
      <c r="B17046">
        <v>207.67</v>
      </c>
      <c r="C17046">
        <v>3345.45</v>
      </c>
      <c r="D17046">
        <v>2.5</v>
      </c>
      <c r="E17046">
        <v>3628.78</v>
      </c>
      <c r="F17046">
        <v>90.121499999999997</v>
      </c>
    </row>
    <row r="17047" spans="1:6" x14ac:dyDescent="0.25">
      <c r="A17047">
        <v>171.3</v>
      </c>
      <c r="B17047">
        <v>207.67</v>
      </c>
      <c r="C17047">
        <v>3345.45</v>
      </c>
      <c r="D17047">
        <v>2.8</v>
      </c>
      <c r="E17047">
        <v>3576.13</v>
      </c>
      <c r="F17047">
        <v>81.687899999999999</v>
      </c>
    </row>
    <row r="17048" spans="1:6" x14ac:dyDescent="0.25">
      <c r="A17048">
        <v>171.3</v>
      </c>
      <c r="B17048">
        <v>207.67</v>
      </c>
      <c r="C17048">
        <v>3345.45</v>
      </c>
      <c r="D17048">
        <v>3.1</v>
      </c>
      <c r="E17048">
        <v>3454.94</v>
      </c>
      <c r="F17048">
        <v>77.115099999999998</v>
      </c>
    </row>
    <row r="17049" spans="1:6" x14ac:dyDescent="0.25">
      <c r="A17049">
        <v>171.3</v>
      </c>
      <c r="B17049">
        <v>207.67</v>
      </c>
      <c r="C17049">
        <v>3345.45</v>
      </c>
      <c r="D17049">
        <v>3.4</v>
      </c>
      <c r="E17049">
        <v>3498.06</v>
      </c>
      <c r="F17049">
        <v>80.956699999999998</v>
      </c>
    </row>
    <row r="17050" spans="1:6" x14ac:dyDescent="0.25">
      <c r="A17050">
        <v>171.3</v>
      </c>
      <c r="B17050">
        <v>207.67</v>
      </c>
      <c r="C17050">
        <v>3345.45</v>
      </c>
      <c r="D17050">
        <v>3.7</v>
      </c>
      <c r="E17050">
        <v>3360.73</v>
      </c>
      <c r="F17050">
        <v>92.319900000000004</v>
      </c>
    </row>
    <row r="17051" spans="1:6" x14ac:dyDescent="0.25">
      <c r="A17051">
        <v>171.3</v>
      </c>
      <c r="B17051">
        <v>207.67</v>
      </c>
      <c r="C17051">
        <v>3345.45</v>
      </c>
      <c r="D17051">
        <v>4</v>
      </c>
      <c r="E17051">
        <v>3417.62</v>
      </c>
      <c r="F17051">
        <v>79.263800000000003</v>
      </c>
    </row>
    <row r="17052" spans="1:6" x14ac:dyDescent="0.25">
      <c r="A17052">
        <v>171.3</v>
      </c>
      <c r="B17052">
        <v>207.67</v>
      </c>
      <c r="C17052">
        <v>4890.8999999999996</v>
      </c>
      <c r="D17052">
        <v>1</v>
      </c>
      <c r="E17052">
        <v>4920.03</v>
      </c>
      <c r="F17052">
        <v>86.072299999999998</v>
      </c>
    </row>
    <row r="17053" spans="1:6" x14ac:dyDescent="0.25">
      <c r="A17053">
        <v>171.3</v>
      </c>
      <c r="B17053">
        <v>207.67</v>
      </c>
      <c r="C17053">
        <v>4890.8999999999996</v>
      </c>
      <c r="D17053">
        <v>1.3</v>
      </c>
      <c r="E17053">
        <v>4456.42</v>
      </c>
      <c r="F17053">
        <v>78.077500000000001</v>
      </c>
    </row>
    <row r="17054" spans="1:6" x14ac:dyDescent="0.25">
      <c r="A17054">
        <v>171.3</v>
      </c>
      <c r="B17054">
        <v>207.67</v>
      </c>
      <c r="C17054">
        <v>4890.8999999999996</v>
      </c>
      <c r="D17054">
        <v>1.6</v>
      </c>
      <c r="E17054">
        <v>4090.49</v>
      </c>
      <c r="F17054">
        <v>74.488399999999999</v>
      </c>
    </row>
    <row r="17055" spans="1:6" x14ac:dyDescent="0.25">
      <c r="A17055">
        <v>171.3</v>
      </c>
      <c r="B17055">
        <v>207.67</v>
      </c>
      <c r="C17055">
        <v>4890.8999999999996</v>
      </c>
      <c r="D17055">
        <v>1.9</v>
      </c>
      <c r="E17055">
        <v>3911.67</v>
      </c>
      <c r="F17055">
        <v>88.646299999999997</v>
      </c>
    </row>
    <row r="17056" spans="1:6" x14ac:dyDescent="0.25">
      <c r="A17056">
        <v>171.3</v>
      </c>
      <c r="B17056">
        <v>207.67</v>
      </c>
      <c r="C17056">
        <v>4890.8999999999996</v>
      </c>
      <c r="D17056">
        <v>2.2000000000000002</v>
      </c>
      <c r="E17056">
        <v>3770.06</v>
      </c>
      <c r="F17056">
        <v>88.7102</v>
      </c>
    </row>
    <row r="17057" spans="1:6" x14ac:dyDescent="0.25">
      <c r="A17057">
        <v>171.3</v>
      </c>
      <c r="B17057">
        <v>207.67</v>
      </c>
      <c r="C17057">
        <v>4890.8999999999996</v>
      </c>
      <c r="D17057">
        <v>2.5</v>
      </c>
      <c r="E17057">
        <v>3628.78</v>
      </c>
      <c r="F17057">
        <v>90.121499999999997</v>
      </c>
    </row>
    <row r="17058" spans="1:6" x14ac:dyDescent="0.25">
      <c r="A17058">
        <v>171.3</v>
      </c>
      <c r="B17058">
        <v>207.67</v>
      </c>
      <c r="C17058">
        <v>4890.8999999999996</v>
      </c>
      <c r="D17058">
        <v>2.8</v>
      </c>
      <c r="E17058">
        <v>3576.13</v>
      </c>
      <c r="F17058">
        <v>81.687899999999999</v>
      </c>
    </row>
    <row r="17059" spans="1:6" x14ac:dyDescent="0.25">
      <c r="A17059">
        <v>171.3</v>
      </c>
      <c r="B17059">
        <v>207.67</v>
      </c>
      <c r="C17059">
        <v>4890.8999999999996</v>
      </c>
      <c r="D17059">
        <v>3.1</v>
      </c>
      <c r="E17059">
        <v>3454.94</v>
      </c>
      <c r="F17059">
        <v>77.115099999999998</v>
      </c>
    </row>
    <row r="17060" spans="1:6" x14ac:dyDescent="0.25">
      <c r="A17060">
        <v>171.3</v>
      </c>
      <c r="B17060">
        <v>207.67</v>
      </c>
      <c r="C17060">
        <v>4890.8999999999996</v>
      </c>
      <c r="D17060">
        <v>3.4</v>
      </c>
      <c r="E17060">
        <v>3498.06</v>
      </c>
      <c r="F17060">
        <v>80.956699999999998</v>
      </c>
    </row>
    <row r="17061" spans="1:6" x14ac:dyDescent="0.25">
      <c r="A17061">
        <v>171.3</v>
      </c>
      <c r="B17061">
        <v>207.67</v>
      </c>
      <c r="C17061">
        <v>4890.8999999999996</v>
      </c>
      <c r="D17061">
        <v>3.7</v>
      </c>
      <c r="E17061">
        <v>3360.73</v>
      </c>
      <c r="F17061">
        <v>92.319900000000004</v>
      </c>
    </row>
    <row r="17062" spans="1:6" x14ac:dyDescent="0.25">
      <c r="A17062">
        <v>171.3</v>
      </c>
      <c r="B17062">
        <v>207.67</v>
      </c>
      <c r="C17062">
        <v>4890.8999999999996</v>
      </c>
      <c r="D17062">
        <v>4</v>
      </c>
      <c r="E17062">
        <v>3417.62</v>
      </c>
      <c r="F17062">
        <v>79.263800000000003</v>
      </c>
    </row>
    <row r="17063" spans="1:6" x14ac:dyDescent="0.25">
      <c r="A17063">
        <v>171.3</v>
      </c>
      <c r="B17063">
        <v>207.67</v>
      </c>
      <c r="C17063">
        <v>6436.35</v>
      </c>
      <c r="D17063">
        <v>1</v>
      </c>
      <c r="E17063">
        <v>4920.03</v>
      </c>
      <c r="F17063">
        <v>86.072299999999998</v>
      </c>
    </row>
    <row r="17064" spans="1:6" x14ac:dyDescent="0.25">
      <c r="A17064">
        <v>171.3</v>
      </c>
      <c r="B17064">
        <v>207.67</v>
      </c>
      <c r="C17064">
        <v>6436.35</v>
      </c>
      <c r="D17064">
        <v>1.3</v>
      </c>
      <c r="E17064">
        <v>4456.42</v>
      </c>
      <c r="F17064">
        <v>78.077500000000001</v>
      </c>
    </row>
    <row r="17065" spans="1:6" x14ac:dyDescent="0.25">
      <c r="A17065">
        <v>171.3</v>
      </c>
      <c r="B17065">
        <v>207.67</v>
      </c>
      <c r="C17065">
        <v>6436.35</v>
      </c>
      <c r="D17065">
        <v>1.6</v>
      </c>
      <c r="E17065">
        <v>4090.49</v>
      </c>
      <c r="F17065">
        <v>74.488399999999999</v>
      </c>
    </row>
    <row r="17066" spans="1:6" x14ac:dyDescent="0.25">
      <c r="A17066">
        <v>171.3</v>
      </c>
      <c r="B17066">
        <v>207.67</v>
      </c>
      <c r="C17066">
        <v>6436.35</v>
      </c>
      <c r="D17066">
        <v>1.9</v>
      </c>
      <c r="E17066">
        <v>3911.67</v>
      </c>
      <c r="F17066">
        <v>88.646299999999997</v>
      </c>
    </row>
    <row r="17067" spans="1:6" x14ac:dyDescent="0.25">
      <c r="A17067">
        <v>171.3</v>
      </c>
      <c r="B17067">
        <v>207.67</v>
      </c>
      <c r="C17067">
        <v>6436.35</v>
      </c>
      <c r="D17067">
        <v>2.2000000000000002</v>
      </c>
      <c r="E17067">
        <v>3770.06</v>
      </c>
      <c r="F17067">
        <v>88.7102</v>
      </c>
    </row>
    <row r="17068" spans="1:6" x14ac:dyDescent="0.25">
      <c r="A17068">
        <v>171.3</v>
      </c>
      <c r="B17068">
        <v>207.67</v>
      </c>
      <c r="C17068">
        <v>6436.35</v>
      </c>
      <c r="D17068">
        <v>2.5</v>
      </c>
      <c r="E17068">
        <v>3628.78</v>
      </c>
      <c r="F17068">
        <v>90.121499999999997</v>
      </c>
    </row>
    <row r="17069" spans="1:6" x14ac:dyDescent="0.25">
      <c r="A17069">
        <v>171.3</v>
      </c>
      <c r="B17069">
        <v>207.67</v>
      </c>
      <c r="C17069">
        <v>6436.35</v>
      </c>
      <c r="D17069">
        <v>2.8</v>
      </c>
      <c r="E17069">
        <v>3576.13</v>
      </c>
      <c r="F17069">
        <v>81.687899999999999</v>
      </c>
    </row>
    <row r="17070" spans="1:6" x14ac:dyDescent="0.25">
      <c r="A17070">
        <v>171.3</v>
      </c>
      <c r="B17070">
        <v>207.67</v>
      </c>
      <c r="C17070">
        <v>6436.35</v>
      </c>
      <c r="D17070">
        <v>3.1</v>
      </c>
      <c r="E17070">
        <v>3454.94</v>
      </c>
      <c r="F17070">
        <v>77.115099999999998</v>
      </c>
    </row>
    <row r="17071" spans="1:6" x14ac:dyDescent="0.25">
      <c r="A17071">
        <v>171.3</v>
      </c>
      <c r="B17071">
        <v>207.67</v>
      </c>
      <c r="C17071">
        <v>6436.35</v>
      </c>
      <c r="D17071">
        <v>3.4</v>
      </c>
      <c r="E17071">
        <v>3498.06</v>
      </c>
      <c r="F17071">
        <v>80.956699999999998</v>
      </c>
    </row>
    <row r="17072" spans="1:6" x14ac:dyDescent="0.25">
      <c r="A17072">
        <v>171.3</v>
      </c>
      <c r="B17072">
        <v>207.67</v>
      </c>
      <c r="C17072">
        <v>6436.35</v>
      </c>
      <c r="D17072">
        <v>3.7</v>
      </c>
      <c r="E17072">
        <v>3360.73</v>
      </c>
      <c r="F17072">
        <v>92.319900000000004</v>
      </c>
    </row>
    <row r="17073" spans="1:6" x14ac:dyDescent="0.25">
      <c r="A17073">
        <v>171.3</v>
      </c>
      <c r="B17073">
        <v>207.67</v>
      </c>
      <c r="C17073">
        <v>6436.35</v>
      </c>
      <c r="D17073">
        <v>4</v>
      </c>
      <c r="E17073">
        <v>3417.62</v>
      </c>
      <c r="F17073">
        <v>79.263800000000003</v>
      </c>
    </row>
    <row r="17074" spans="1:6" x14ac:dyDescent="0.25">
      <c r="A17074">
        <v>171.3</v>
      </c>
      <c r="B17074">
        <v>207.67</v>
      </c>
      <c r="C17074">
        <v>7981.8</v>
      </c>
      <c r="D17074">
        <v>1</v>
      </c>
      <c r="E17074">
        <v>4920.03</v>
      </c>
      <c r="F17074">
        <v>86.072299999999998</v>
      </c>
    </row>
    <row r="17075" spans="1:6" x14ac:dyDescent="0.25">
      <c r="A17075">
        <v>171.3</v>
      </c>
      <c r="B17075">
        <v>207.67</v>
      </c>
      <c r="C17075">
        <v>7981.8</v>
      </c>
      <c r="D17075">
        <v>1.3</v>
      </c>
      <c r="E17075">
        <v>4456.42</v>
      </c>
      <c r="F17075">
        <v>78.077500000000001</v>
      </c>
    </row>
    <row r="17076" spans="1:6" x14ac:dyDescent="0.25">
      <c r="A17076">
        <v>171.3</v>
      </c>
      <c r="B17076">
        <v>207.67</v>
      </c>
      <c r="C17076">
        <v>7981.8</v>
      </c>
      <c r="D17076">
        <v>1.6</v>
      </c>
      <c r="E17076">
        <v>4090.49</v>
      </c>
      <c r="F17076">
        <v>74.488399999999999</v>
      </c>
    </row>
    <row r="17077" spans="1:6" x14ac:dyDescent="0.25">
      <c r="A17077">
        <v>171.3</v>
      </c>
      <c r="B17077">
        <v>207.67</v>
      </c>
      <c r="C17077">
        <v>7981.8</v>
      </c>
      <c r="D17077">
        <v>1.9</v>
      </c>
      <c r="E17077">
        <v>3911.67</v>
      </c>
      <c r="F17077">
        <v>88.646299999999997</v>
      </c>
    </row>
    <row r="17078" spans="1:6" x14ac:dyDescent="0.25">
      <c r="A17078">
        <v>171.3</v>
      </c>
      <c r="B17078">
        <v>207.67</v>
      </c>
      <c r="C17078">
        <v>7981.8</v>
      </c>
      <c r="D17078">
        <v>2.2000000000000002</v>
      </c>
      <c r="E17078">
        <v>3770.06</v>
      </c>
      <c r="F17078">
        <v>88.7102</v>
      </c>
    </row>
    <row r="17079" spans="1:6" x14ac:dyDescent="0.25">
      <c r="A17079">
        <v>171.3</v>
      </c>
      <c r="B17079">
        <v>207.67</v>
      </c>
      <c r="C17079">
        <v>7981.8</v>
      </c>
      <c r="D17079">
        <v>2.5</v>
      </c>
      <c r="E17079">
        <v>3628.78</v>
      </c>
      <c r="F17079">
        <v>90.121499999999997</v>
      </c>
    </row>
    <row r="17080" spans="1:6" x14ac:dyDescent="0.25">
      <c r="A17080">
        <v>171.3</v>
      </c>
      <c r="B17080">
        <v>207.67</v>
      </c>
      <c r="C17080">
        <v>7981.8</v>
      </c>
      <c r="D17080">
        <v>2.8</v>
      </c>
      <c r="E17080">
        <v>3576.13</v>
      </c>
      <c r="F17080">
        <v>81.687899999999999</v>
      </c>
    </row>
    <row r="17081" spans="1:6" x14ac:dyDescent="0.25">
      <c r="A17081">
        <v>171.3</v>
      </c>
      <c r="B17081">
        <v>207.67</v>
      </c>
      <c r="C17081">
        <v>7981.8</v>
      </c>
      <c r="D17081">
        <v>3.1</v>
      </c>
      <c r="E17081">
        <v>3454.94</v>
      </c>
      <c r="F17081">
        <v>77.115099999999998</v>
      </c>
    </row>
    <row r="17082" spans="1:6" x14ac:dyDescent="0.25">
      <c r="A17082">
        <v>171.3</v>
      </c>
      <c r="B17082">
        <v>207.67</v>
      </c>
      <c r="C17082">
        <v>7981.8</v>
      </c>
      <c r="D17082">
        <v>3.4</v>
      </c>
      <c r="E17082">
        <v>3498.06</v>
      </c>
      <c r="F17082">
        <v>80.956699999999998</v>
      </c>
    </row>
    <row r="17083" spans="1:6" x14ac:dyDescent="0.25">
      <c r="A17083">
        <v>171.3</v>
      </c>
      <c r="B17083">
        <v>207.67</v>
      </c>
      <c r="C17083">
        <v>7981.8</v>
      </c>
      <c r="D17083">
        <v>3.7</v>
      </c>
      <c r="E17083">
        <v>3360.73</v>
      </c>
      <c r="F17083">
        <v>92.319900000000004</v>
      </c>
    </row>
    <row r="17084" spans="1:6" x14ac:dyDescent="0.25">
      <c r="A17084">
        <v>171.3</v>
      </c>
      <c r="B17084">
        <v>207.67</v>
      </c>
      <c r="C17084">
        <v>7981.8</v>
      </c>
      <c r="D17084">
        <v>4</v>
      </c>
      <c r="E17084">
        <v>3417.62</v>
      </c>
      <c r="F17084">
        <v>79.263800000000003</v>
      </c>
    </row>
    <row r="17085" spans="1:6" x14ac:dyDescent="0.25">
      <c r="A17085">
        <v>171.3</v>
      </c>
      <c r="B17085">
        <v>207.67</v>
      </c>
      <c r="C17085">
        <v>9527.25</v>
      </c>
      <c r="D17085">
        <v>1</v>
      </c>
      <c r="E17085">
        <v>4920.03</v>
      </c>
      <c r="F17085">
        <v>86.072299999999998</v>
      </c>
    </row>
    <row r="17086" spans="1:6" x14ac:dyDescent="0.25">
      <c r="A17086">
        <v>171.3</v>
      </c>
      <c r="B17086">
        <v>207.67</v>
      </c>
      <c r="C17086">
        <v>9527.25</v>
      </c>
      <c r="D17086">
        <v>1.3</v>
      </c>
      <c r="E17086">
        <v>4456.42</v>
      </c>
      <c r="F17086">
        <v>78.077500000000001</v>
      </c>
    </row>
    <row r="17087" spans="1:6" x14ac:dyDescent="0.25">
      <c r="A17087">
        <v>171.3</v>
      </c>
      <c r="B17087">
        <v>207.67</v>
      </c>
      <c r="C17087">
        <v>9527.25</v>
      </c>
      <c r="D17087">
        <v>1.6</v>
      </c>
      <c r="E17087">
        <v>4090.49</v>
      </c>
      <c r="F17087">
        <v>74.488399999999999</v>
      </c>
    </row>
    <row r="17088" spans="1:6" x14ac:dyDescent="0.25">
      <c r="A17088">
        <v>171.3</v>
      </c>
      <c r="B17088">
        <v>207.67</v>
      </c>
      <c r="C17088">
        <v>9527.25</v>
      </c>
      <c r="D17088">
        <v>1.9</v>
      </c>
      <c r="E17088">
        <v>3911.67</v>
      </c>
      <c r="F17088">
        <v>88.646299999999997</v>
      </c>
    </row>
    <row r="17089" spans="1:6" x14ac:dyDescent="0.25">
      <c r="A17089">
        <v>171.3</v>
      </c>
      <c r="B17089">
        <v>207.67</v>
      </c>
      <c r="C17089">
        <v>9527.25</v>
      </c>
      <c r="D17089">
        <v>2.2000000000000002</v>
      </c>
      <c r="E17089">
        <v>3770.06</v>
      </c>
      <c r="F17089">
        <v>88.7102</v>
      </c>
    </row>
    <row r="17090" spans="1:6" x14ac:dyDescent="0.25">
      <c r="A17090">
        <v>171.3</v>
      </c>
      <c r="B17090">
        <v>207.67</v>
      </c>
      <c r="C17090">
        <v>9527.25</v>
      </c>
      <c r="D17090">
        <v>2.5</v>
      </c>
      <c r="E17090">
        <v>3628.78</v>
      </c>
      <c r="F17090">
        <v>90.121499999999997</v>
      </c>
    </row>
    <row r="17091" spans="1:6" x14ac:dyDescent="0.25">
      <c r="A17091">
        <v>171.3</v>
      </c>
      <c r="B17091">
        <v>207.67</v>
      </c>
      <c r="C17091">
        <v>9527.25</v>
      </c>
      <c r="D17091">
        <v>2.8</v>
      </c>
      <c r="E17091">
        <v>3576.13</v>
      </c>
      <c r="F17091">
        <v>81.687899999999999</v>
      </c>
    </row>
    <row r="17092" spans="1:6" x14ac:dyDescent="0.25">
      <c r="A17092">
        <v>171.3</v>
      </c>
      <c r="B17092">
        <v>207.67</v>
      </c>
      <c r="C17092">
        <v>9527.25</v>
      </c>
      <c r="D17092">
        <v>3.1</v>
      </c>
      <c r="E17092">
        <v>3454.94</v>
      </c>
      <c r="F17092">
        <v>77.115099999999998</v>
      </c>
    </row>
    <row r="17093" spans="1:6" x14ac:dyDescent="0.25">
      <c r="A17093">
        <v>171.3</v>
      </c>
      <c r="B17093">
        <v>207.67</v>
      </c>
      <c r="C17093">
        <v>9527.25</v>
      </c>
      <c r="D17093">
        <v>3.4</v>
      </c>
      <c r="E17093">
        <v>3498.06</v>
      </c>
      <c r="F17093">
        <v>80.956699999999998</v>
      </c>
    </row>
    <row r="17094" spans="1:6" x14ac:dyDescent="0.25">
      <c r="A17094">
        <v>171.3</v>
      </c>
      <c r="B17094">
        <v>207.67</v>
      </c>
      <c r="C17094">
        <v>9527.25</v>
      </c>
      <c r="D17094">
        <v>3.7</v>
      </c>
      <c r="E17094">
        <v>3360.73</v>
      </c>
      <c r="F17094">
        <v>92.319900000000004</v>
      </c>
    </row>
    <row r="17095" spans="1:6" x14ac:dyDescent="0.25">
      <c r="A17095">
        <v>171.3</v>
      </c>
      <c r="B17095">
        <v>207.67</v>
      </c>
      <c r="C17095">
        <v>9527.25</v>
      </c>
      <c r="D17095">
        <v>4</v>
      </c>
      <c r="E17095">
        <v>3417.62</v>
      </c>
      <c r="F17095">
        <v>79.263800000000003</v>
      </c>
    </row>
    <row r="17096" spans="1:6" x14ac:dyDescent="0.25">
      <c r="A17096">
        <v>171.3</v>
      </c>
      <c r="B17096">
        <v>207.67</v>
      </c>
      <c r="C17096">
        <v>11072.7</v>
      </c>
      <c r="D17096">
        <v>1</v>
      </c>
      <c r="E17096">
        <v>4920.03</v>
      </c>
      <c r="F17096">
        <v>86.072299999999998</v>
      </c>
    </row>
    <row r="17097" spans="1:6" x14ac:dyDescent="0.25">
      <c r="A17097">
        <v>171.3</v>
      </c>
      <c r="B17097">
        <v>207.67</v>
      </c>
      <c r="C17097">
        <v>11072.7</v>
      </c>
      <c r="D17097">
        <v>1.3</v>
      </c>
      <c r="E17097">
        <v>4456.42</v>
      </c>
      <c r="F17097">
        <v>78.077500000000001</v>
      </c>
    </row>
    <row r="17098" spans="1:6" x14ac:dyDescent="0.25">
      <c r="A17098">
        <v>171.3</v>
      </c>
      <c r="B17098">
        <v>207.67</v>
      </c>
      <c r="C17098">
        <v>11072.7</v>
      </c>
      <c r="D17098">
        <v>1.6</v>
      </c>
      <c r="E17098">
        <v>4090.49</v>
      </c>
      <c r="F17098">
        <v>74.488399999999999</v>
      </c>
    </row>
    <row r="17099" spans="1:6" x14ac:dyDescent="0.25">
      <c r="A17099">
        <v>171.3</v>
      </c>
      <c r="B17099">
        <v>207.67</v>
      </c>
      <c r="C17099">
        <v>11072.7</v>
      </c>
      <c r="D17099">
        <v>1.9</v>
      </c>
      <c r="E17099">
        <v>3911.67</v>
      </c>
      <c r="F17099">
        <v>88.646299999999997</v>
      </c>
    </row>
    <row r="17100" spans="1:6" x14ac:dyDescent="0.25">
      <c r="A17100">
        <v>171.3</v>
      </c>
      <c r="B17100">
        <v>207.67</v>
      </c>
      <c r="C17100">
        <v>11072.7</v>
      </c>
      <c r="D17100">
        <v>2.2000000000000002</v>
      </c>
      <c r="E17100">
        <v>3770.06</v>
      </c>
      <c r="F17100">
        <v>88.7102</v>
      </c>
    </row>
    <row r="17101" spans="1:6" x14ac:dyDescent="0.25">
      <c r="A17101">
        <v>171.3</v>
      </c>
      <c r="B17101">
        <v>207.67</v>
      </c>
      <c r="C17101">
        <v>11072.7</v>
      </c>
      <c r="D17101">
        <v>2.5</v>
      </c>
      <c r="E17101">
        <v>3628.78</v>
      </c>
      <c r="F17101">
        <v>90.121499999999997</v>
      </c>
    </row>
    <row r="17102" spans="1:6" x14ac:dyDescent="0.25">
      <c r="A17102">
        <v>171.3</v>
      </c>
      <c r="B17102">
        <v>207.67</v>
      </c>
      <c r="C17102">
        <v>11072.7</v>
      </c>
      <c r="D17102">
        <v>2.8</v>
      </c>
      <c r="E17102">
        <v>3576.13</v>
      </c>
      <c r="F17102">
        <v>81.687899999999999</v>
      </c>
    </row>
    <row r="17103" spans="1:6" x14ac:dyDescent="0.25">
      <c r="A17103">
        <v>171.3</v>
      </c>
      <c r="B17103">
        <v>207.67</v>
      </c>
      <c r="C17103">
        <v>11072.7</v>
      </c>
      <c r="D17103">
        <v>3.1</v>
      </c>
      <c r="E17103">
        <v>3454.94</v>
      </c>
      <c r="F17103">
        <v>77.115099999999998</v>
      </c>
    </row>
    <row r="17104" spans="1:6" x14ac:dyDescent="0.25">
      <c r="A17104">
        <v>171.3</v>
      </c>
      <c r="B17104">
        <v>207.67</v>
      </c>
      <c r="C17104">
        <v>11072.7</v>
      </c>
      <c r="D17104">
        <v>3.4</v>
      </c>
      <c r="E17104">
        <v>3498.06</v>
      </c>
      <c r="F17104">
        <v>80.956699999999998</v>
      </c>
    </row>
    <row r="17105" spans="1:6" x14ac:dyDescent="0.25">
      <c r="A17105">
        <v>171.3</v>
      </c>
      <c r="B17105">
        <v>207.67</v>
      </c>
      <c r="C17105">
        <v>11072.7</v>
      </c>
      <c r="D17105">
        <v>3.7</v>
      </c>
      <c r="E17105">
        <v>3360.73</v>
      </c>
      <c r="F17105">
        <v>92.319900000000004</v>
      </c>
    </row>
    <row r="17106" spans="1:6" x14ac:dyDescent="0.25">
      <c r="A17106">
        <v>171.3</v>
      </c>
      <c r="B17106">
        <v>207.67</v>
      </c>
      <c r="C17106">
        <v>11072.7</v>
      </c>
      <c r="D17106">
        <v>4</v>
      </c>
      <c r="E17106">
        <v>3417.62</v>
      </c>
      <c r="F17106">
        <v>79.263800000000003</v>
      </c>
    </row>
    <row r="17107" spans="1:6" x14ac:dyDescent="0.25">
      <c r="A17107">
        <v>171.3</v>
      </c>
      <c r="B17107">
        <v>207.67</v>
      </c>
      <c r="C17107">
        <v>12618.2</v>
      </c>
      <c r="D17107">
        <v>1</v>
      </c>
      <c r="E17107">
        <v>4920.03</v>
      </c>
      <c r="F17107">
        <v>86.072299999999998</v>
      </c>
    </row>
    <row r="17108" spans="1:6" x14ac:dyDescent="0.25">
      <c r="A17108">
        <v>171.3</v>
      </c>
      <c r="B17108">
        <v>207.67</v>
      </c>
      <c r="C17108">
        <v>12618.2</v>
      </c>
      <c r="D17108">
        <v>1.3</v>
      </c>
      <c r="E17108">
        <v>4456.42</v>
      </c>
      <c r="F17108">
        <v>78.077500000000001</v>
      </c>
    </row>
    <row r="17109" spans="1:6" x14ac:dyDescent="0.25">
      <c r="A17109">
        <v>171.3</v>
      </c>
      <c r="B17109">
        <v>207.67</v>
      </c>
      <c r="C17109">
        <v>12618.2</v>
      </c>
      <c r="D17109">
        <v>1.6</v>
      </c>
      <c r="E17109">
        <v>4090.49</v>
      </c>
      <c r="F17109">
        <v>74.488399999999999</v>
      </c>
    </row>
    <row r="17110" spans="1:6" x14ac:dyDescent="0.25">
      <c r="A17110">
        <v>171.3</v>
      </c>
      <c r="B17110">
        <v>207.67</v>
      </c>
      <c r="C17110">
        <v>12618.2</v>
      </c>
      <c r="D17110">
        <v>1.9</v>
      </c>
      <c r="E17110">
        <v>3911.67</v>
      </c>
      <c r="F17110">
        <v>88.646299999999997</v>
      </c>
    </row>
    <row r="17111" spans="1:6" x14ac:dyDescent="0.25">
      <c r="A17111">
        <v>171.3</v>
      </c>
      <c r="B17111">
        <v>207.67</v>
      </c>
      <c r="C17111">
        <v>12618.2</v>
      </c>
      <c r="D17111">
        <v>2.2000000000000002</v>
      </c>
      <c r="E17111">
        <v>3770.06</v>
      </c>
      <c r="F17111">
        <v>88.7102</v>
      </c>
    </row>
    <row r="17112" spans="1:6" x14ac:dyDescent="0.25">
      <c r="A17112">
        <v>171.3</v>
      </c>
      <c r="B17112">
        <v>207.67</v>
      </c>
      <c r="C17112">
        <v>12618.2</v>
      </c>
      <c r="D17112">
        <v>2.5</v>
      </c>
      <c r="E17112">
        <v>3628.78</v>
      </c>
      <c r="F17112">
        <v>90.121499999999997</v>
      </c>
    </row>
    <row r="17113" spans="1:6" x14ac:dyDescent="0.25">
      <c r="A17113">
        <v>171.3</v>
      </c>
      <c r="B17113">
        <v>207.67</v>
      </c>
      <c r="C17113">
        <v>12618.2</v>
      </c>
      <c r="D17113">
        <v>2.8</v>
      </c>
      <c r="E17113">
        <v>3576.13</v>
      </c>
      <c r="F17113">
        <v>81.687899999999999</v>
      </c>
    </row>
    <row r="17114" spans="1:6" x14ac:dyDescent="0.25">
      <c r="A17114">
        <v>171.3</v>
      </c>
      <c r="B17114">
        <v>207.67</v>
      </c>
      <c r="C17114">
        <v>12618.2</v>
      </c>
      <c r="D17114">
        <v>3.1</v>
      </c>
      <c r="E17114">
        <v>3454.94</v>
      </c>
      <c r="F17114">
        <v>77.115099999999998</v>
      </c>
    </row>
    <row r="17115" spans="1:6" x14ac:dyDescent="0.25">
      <c r="A17115">
        <v>171.3</v>
      </c>
      <c r="B17115">
        <v>207.67</v>
      </c>
      <c r="C17115">
        <v>12618.2</v>
      </c>
      <c r="D17115">
        <v>3.4</v>
      </c>
      <c r="E17115">
        <v>3498.06</v>
      </c>
      <c r="F17115">
        <v>80.956699999999998</v>
      </c>
    </row>
    <row r="17116" spans="1:6" x14ac:dyDescent="0.25">
      <c r="A17116">
        <v>171.3</v>
      </c>
      <c r="B17116">
        <v>207.67</v>
      </c>
      <c r="C17116">
        <v>12618.2</v>
      </c>
      <c r="D17116">
        <v>3.7</v>
      </c>
      <c r="E17116">
        <v>3360.73</v>
      </c>
      <c r="F17116">
        <v>92.319900000000004</v>
      </c>
    </row>
    <row r="17117" spans="1:6" x14ac:dyDescent="0.25">
      <c r="A17117">
        <v>171.3</v>
      </c>
      <c r="B17117">
        <v>207.67</v>
      </c>
      <c r="C17117">
        <v>12618.2</v>
      </c>
      <c r="D17117">
        <v>4</v>
      </c>
      <c r="E17117">
        <v>3417.62</v>
      </c>
      <c r="F17117">
        <v>79.263800000000003</v>
      </c>
    </row>
    <row r="17118" spans="1:6" x14ac:dyDescent="0.25">
      <c r="A17118">
        <v>171.3</v>
      </c>
      <c r="B17118">
        <v>207.67</v>
      </c>
      <c r="C17118">
        <v>14163.6</v>
      </c>
      <c r="D17118">
        <v>1</v>
      </c>
      <c r="E17118">
        <v>4920.03</v>
      </c>
      <c r="F17118">
        <v>86.072299999999998</v>
      </c>
    </row>
    <row r="17119" spans="1:6" x14ac:dyDescent="0.25">
      <c r="A17119">
        <v>171.3</v>
      </c>
      <c r="B17119">
        <v>207.67</v>
      </c>
      <c r="C17119">
        <v>14163.6</v>
      </c>
      <c r="D17119">
        <v>1.3</v>
      </c>
      <c r="E17119">
        <v>4456.42</v>
      </c>
      <c r="F17119">
        <v>78.077500000000001</v>
      </c>
    </row>
    <row r="17120" spans="1:6" x14ac:dyDescent="0.25">
      <c r="A17120">
        <v>171.3</v>
      </c>
      <c r="B17120">
        <v>207.67</v>
      </c>
      <c r="C17120">
        <v>14163.6</v>
      </c>
      <c r="D17120">
        <v>1.6</v>
      </c>
      <c r="E17120">
        <v>4090.49</v>
      </c>
      <c r="F17120">
        <v>74.488399999999999</v>
      </c>
    </row>
    <row r="17121" spans="1:6" x14ac:dyDescent="0.25">
      <c r="A17121">
        <v>171.3</v>
      </c>
      <c r="B17121">
        <v>207.67</v>
      </c>
      <c r="C17121">
        <v>14163.6</v>
      </c>
      <c r="D17121">
        <v>1.9</v>
      </c>
      <c r="E17121">
        <v>3911.67</v>
      </c>
      <c r="F17121">
        <v>88.646299999999997</v>
      </c>
    </row>
    <row r="17122" spans="1:6" x14ac:dyDescent="0.25">
      <c r="A17122">
        <v>171.3</v>
      </c>
      <c r="B17122">
        <v>207.67</v>
      </c>
      <c r="C17122">
        <v>14163.6</v>
      </c>
      <c r="D17122">
        <v>2.2000000000000002</v>
      </c>
      <c r="E17122">
        <v>3770.06</v>
      </c>
      <c r="F17122">
        <v>88.7102</v>
      </c>
    </row>
    <row r="17123" spans="1:6" x14ac:dyDescent="0.25">
      <c r="A17123">
        <v>171.3</v>
      </c>
      <c r="B17123">
        <v>207.67</v>
      </c>
      <c r="C17123">
        <v>14163.6</v>
      </c>
      <c r="D17123">
        <v>2.5</v>
      </c>
      <c r="E17123">
        <v>3628.78</v>
      </c>
      <c r="F17123">
        <v>90.121499999999997</v>
      </c>
    </row>
    <row r="17124" spans="1:6" x14ac:dyDescent="0.25">
      <c r="A17124">
        <v>171.3</v>
      </c>
      <c r="B17124">
        <v>207.67</v>
      </c>
      <c r="C17124">
        <v>14163.6</v>
      </c>
      <c r="D17124">
        <v>2.8</v>
      </c>
      <c r="E17124">
        <v>3576.13</v>
      </c>
      <c r="F17124">
        <v>81.687899999999999</v>
      </c>
    </row>
    <row r="17125" spans="1:6" x14ac:dyDescent="0.25">
      <c r="A17125">
        <v>171.3</v>
      </c>
      <c r="B17125">
        <v>207.67</v>
      </c>
      <c r="C17125">
        <v>14163.6</v>
      </c>
      <c r="D17125">
        <v>3.1</v>
      </c>
      <c r="E17125">
        <v>3454.94</v>
      </c>
      <c r="F17125">
        <v>77.115099999999998</v>
      </c>
    </row>
    <row r="17126" spans="1:6" x14ac:dyDescent="0.25">
      <c r="A17126">
        <v>171.3</v>
      </c>
      <c r="B17126">
        <v>207.67</v>
      </c>
      <c r="C17126">
        <v>14163.6</v>
      </c>
      <c r="D17126">
        <v>3.4</v>
      </c>
      <c r="E17126">
        <v>3498.06</v>
      </c>
      <c r="F17126">
        <v>80.956699999999998</v>
      </c>
    </row>
    <row r="17127" spans="1:6" x14ac:dyDescent="0.25">
      <c r="A17127">
        <v>171.3</v>
      </c>
      <c r="B17127">
        <v>207.67</v>
      </c>
      <c r="C17127">
        <v>14163.6</v>
      </c>
      <c r="D17127">
        <v>3.7</v>
      </c>
      <c r="E17127">
        <v>3360.73</v>
      </c>
      <c r="F17127">
        <v>92.319900000000004</v>
      </c>
    </row>
    <row r="17128" spans="1:6" x14ac:dyDescent="0.25">
      <c r="A17128">
        <v>171.3</v>
      </c>
      <c r="B17128">
        <v>207.67</v>
      </c>
      <c r="C17128">
        <v>14163.6</v>
      </c>
      <c r="D17128">
        <v>4</v>
      </c>
      <c r="E17128">
        <v>3417.62</v>
      </c>
      <c r="F17128">
        <v>79.263800000000003</v>
      </c>
    </row>
    <row r="17129" spans="1:6" x14ac:dyDescent="0.25">
      <c r="A17129">
        <v>171.3</v>
      </c>
      <c r="B17129">
        <v>207.67</v>
      </c>
      <c r="C17129">
        <v>15709.1</v>
      </c>
      <c r="D17129">
        <v>1</v>
      </c>
      <c r="E17129">
        <v>4920.03</v>
      </c>
      <c r="F17129">
        <v>86.072299999999998</v>
      </c>
    </row>
    <row r="17130" spans="1:6" x14ac:dyDescent="0.25">
      <c r="A17130">
        <v>171.3</v>
      </c>
      <c r="B17130">
        <v>207.67</v>
      </c>
      <c r="C17130">
        <v>15709.1</v>
      </c>
      <c r="D17130">
        <v>1.3</v>
      </c>
      <c r="E17130">
        <v>4456.42</v>
      </c>
      <c r="F17130">
        <v>78.077500000000001</v>
      </c>
    </row>
    <row r="17131" spans="1:6" x14ac:dyDescent="0.25">
      <c r="A17131">
        <v>171.3</v>
      </c>
      <c r="B17131">
        <v>207.67</v>
      </c>
      <c r="C17131">
        <v>15709.1</v>
      </c>
      <c r="D17131">
        <v>1.6</v>
      </c>
      <c r="E17131">
        <v>4090.49</v>
      </c>
      <c r="F17131">
        <v>74.488399999999999</v>
      </c>
    </row>
    <row r="17132" spans="1:6" x14ac:dyDescent="0.25">
      <c r="A17132">
        <v>171.3</v>
      </c>
      <c r="B17132">
        <v>207.67</v>
      </c>
      <c r="C17132">
        <v>15709.1</v>
      </c>
      <c r="D17132">
        <v>1.9</v>
      </c>
      <c r="E17132">
        <v>3911.67</v>
      </c>
      <c r="F17132">
        <v>88.646299999999997</v>
      </c>
    </row>
    <row r="17133" spans="1:6" x14ac:dyDescent="0.25">
      <c r="A17133">
        <v>171.3</v>
      </c>
      <c r="B17133">
        <v>207.67</v>
      </c>
      <c r="C17133">
        <v>15709.1</v>
      </c>
      <c r="D17133">
        <v>2.2000000000000002</v>
      </c>
      <c r="E17133">
        <v>3770.06</v>
      </c>
      <c r="F17133">
        <v>88.7102</v>
      </c>
    </row>
    <row r="17134" spans="1:6" x14ac:dyDescent="0.25">
      <c r="A17134">
        <v>171.3</v>
      </c>
      <c r="B17134">
        <v>207.67</v>
      </c>
      <c r="C17134">
        <v>15709.1</v>
      </c>
      <c r="D17134">
        <v>2.5</v>
      </c>
      <c r="E17134">
        <v>3628.78</v>
      </c>
      <c r="F17134">
        <v>90.121499999999997</v>
      </c>
    </row>
    <row r="17135" spans="1:6" x14ac:dyDescent="0.25">
      <c r="A17135">
        <v>171.3</v>
      </c>
      <c r="B17135">
        <v>207.67</v>
      </c>
      <c r="C17135">
        <v>15709.1</v>
      </c>
      <c r="D17135">
        <v>2.8</v>
      </c>
      <c r="E17135">
        <v>3576.13</v>
      </c>
      <c r="F17135">
        <v>81.687899999999999</v>
      </c>
    </row>
    <row r="17136" spans="1:6" x14ac:dyDescent="0.25">
      <c r="A17136">
        <v>171.3</v>
      </c>
      <c r="B17136">
        <v>207.67</v>
      </c>
      <c r="C17136">
        <v>15709.1</v>
      </c>
      <c r="D17136">
        <v>3.1</v>
      </c>
      <c r="E17136">
        <v>3454.94</v>
      </c>
      <c r="F17136">
        <v>77.115099999999998</v>
      </c>
    </row>
    <row r="17137" spans="1:6" x14ac:dyDescent="0.25">
      <c r="A17137">
        <v>171.3</v>
      </c>
      <c r="B17137">
        <v>207.67</v>
      </c>
      <c r="C17137">
        <v>15709.1</v>
      </c>
      <c r="D17137">
        <v>3.4</v>
      </c>
      <c r="E17137">
        <v>3498.06</v>
      </c>
      <c r="F17137">
        <v>80.956699999999998</v>
      </c>
    </row>
    <row r="17138" spans="1:6" x14ac:dyDescent="0.25">
      <c r="A17138">
        <v>171.3</v>
      </c>
      <c r="B17138">
        <v>207.67</v>
      </c>
      <c r="C17138">
        <v>15709.1</v>
      </c>
      <c r="D17138">
        <v>3.7</v>
      </c>
      <c r="E17138">
        <v>3360.73</v>
      </c>
      <c r="F17138">
        <v>92.319900000000004</v>
      </c>
    </row>
    <row r="17139" spans="1:6" x14ac:dyDescent="0.25">
      <c r="A17139">
        <v>171.3</v>
      </c>
      <c r="B17139">
        <v>207.67</v>
      </c>
      <c r="C17139">
        <v>15709.1</v>
      </c>
      <c r="D17139">
        <v>4</v>
      </c>
      <c r="E17139">
        <v>3417.62</v>
      </c>
      <c r="F17139">
        <v>79.263800000000003</v>
      </c>
    </row>
    <row r="17140" spans="1:6" x14ac:dyDescent="0.25">
      <c r="A17140">
        <v>171.3</v>
      </c>
      <c r="B17140">
        <v>207.67</v>
      </c>
      <c r="C17140">
        <v>17254.5</v>
      </c>
      <c r="D17140">
        <v>1</v>
      </c>
      <c r="E17140">
        <v>4920.03</v>
      </c>
      <c r="F17140">
        <v>86.072299999999998</v>
      </c>
    </row>
    <row r="17141" spans="1:6" x14ac:dyDescent="0.25">
      <c r="A17141">
        <v>171.3</v>
      </c>
      <c r="B17141">
        <v>207.67</v>
      </c>
      <c r="C17141">
        <v>17254.5</v>
      </c>
      <c r="D17141">
        <v>1.3</v>
      </c>
      <c r="E17141">
        <v>4456.42</v>
      </c>
      <c r="F17141">
        <v>78.077500000000001</v>
      </c>
    </row>
    <row r="17142" spans="1:6" x14ac:dyDescent="0.25">
      <c r="A17142">
        <v>171.3</v>
      </c>
      <c r="B17142">
        <v>207.67</v>
      </c>
      <c r="C17142">
        <v>17254.5</v>
      </c>
      <c r="D17142">
        <v>1.6</v>
      </c>
      <c r="E17142">
        <v>4090.49</v>
      </c>
      <c r="F17142">
        <v>74.488399999999999</v>
      </c>
    </row>
    <row r="17143" spans="1:6" x14ac:dyDescent="0.25">
      <c r="A17143">
        <v>171.3</v>
      </c>
      <c r="B17143">
        <v>207.67</v>
      </c>
      <c r="C17143">
        <v>17254.5</v>
      </c>
      <c r="D17143">
        <v>1.9</v>
      </c>
      <c r="E17143">
        <v>3911.67</v>
      </c>
      <c r="F17143">
        <v>88.646299999999997</v>
      </c>
    </row>
    <row r="17144" spans="1:6" x14ac:dyDescent="0.25">
      <c r="A17144">
        <v>171.3</v>
      </c>
      <c r="B17144">
        <v>207.67</v>
      </c>
      <c r="C17144">
        <v>17254.5</v>
      </c>
      <c r="D17144">
        <v>2.2000000000000002</v>
      </c>
      <c r="E17144">
        <v>3770.06</v>
      </c>
      <c r="F17144">
        <v>88.7102</v>
      </c>
    </row>
    <row r="17145" spans="1:6" x14ac:dyDescent="0.25">
      <c r="A17145">
        <v>171.3</v>
      </c>
      <c r="B17145">
        <v>207.67</v>
      </c>
      <c r="C17145">
        <v>17254.5</v>
      </c>
      <c r="D17145">
        <v>2.5</v>
      </c>
      <c r="E17145">
        <v>3628.78</v>
      </c>
      <c r="F17145">
        <v>90.121499999999997</v>
      </c>
    </row>
    <row r="17146" spans="1:6" x14ac:dyDescent="0.25">
      <c r="A17146">
        <v>171.3</v>
      </c>
      <c r="B17146">
        <v>207.67</v>
      </c>
      <c r="C17146">
        <v>17254.5</v>
      </c>
      <c r="D17146">
        <v>2.8</v>
      </c>
      <c r="E17146">
        <v>3576.13</v>
      </c>
      <c r="F17146">
        <v>81.687899999999999</v>
      </c>
    </row>
    <row r="17147" spans="1:6" x14ac:dyDescent="0.25">
      <c r="A17147">
        <v>171.3</v>
      </c>
      <c r="B17147">
        <v>207.67</v>
      </c>
      <c r="C17147">
        <v>17254.5</v>
      </c>
      <c r="D17147">
        <v>3.1</v>
      </c>
      <c r="E17147">
        <v>3454.94</v>
      </c>
      <c r="F17147">
        <v>77.115099999999998</v>
      </c>
    </row>
    <row r="17148" spans="1:6" x14ac:dyDescent="0.25">
      <c r="A17148">
        <v>171.3</v>
      </c>
      <c r="B17148">
        <v>207.67</v>
      </c>
      <c r="C17148">
        <v>17254.5</v>
      </c>
      <c r="D17148">
        <v>3.4</v>
      </c>
      <c r="E17148">
        <v>3498.06</v>
      </c>
      <c r="F17148">
        <v>80.956699999999998</v>
      </c>
    </row>
    <row r="17149" spans="1:6" x14ac:dyDescent="0.25">
      <c r="A17149">
        <v>171.3</v>
      </c>
      <c r="B17149">
        <v>207.67</v>
      </c>
      <c r="C17149">
        <v>17254.5</v>
      </c>
      <c r="D17149">
        <v>3.7</v>
      </c>
      <c r="E17149">
        <v>3360.73</v>
      </c>
      <c r="F17149">
        <v>92.319900000000004</v>
      </c>
    </row>
    <row r="17150" spans="1:6" x14ac:dyDescent="0.25">
      <c r="A17150">
        <v>171.3</v>
      </c>
      <c r="B17150">
        <v>207.67</v>
      </c>
      <c r="C17150">
        <v>17254.5</v>
      </c>
      <c r="D17150">
        <v>4</v>
      </c>
      <c r="E17150">
        <v>3417.62</v>
      </c>
      <c r="F17150">
        <v>79.263800000000003</v>
      </c>
    </row>
    <row r="17151" spans="1:6" x14ac:dyDescent="0.25">
      <c r="A17151">
        <v>171.3</v>
      </c>
      <c r="B17151">
        <v>207.67</v>
      </c>
      <c r="C17151">
        <v>18800</v>
      </c>
      <c r="D17151">
        <v>1</v>
      </c>
      <c r="E17151">
        <v>4920.03</v>
      </c>
      <c r="F17151">
        <v>86.072299999999998</v>
      </c>
    </row>
    <row r="17152" spans="1:6" x14ac:dyDescent="0.25">
      <c r="A17152">
        <v>171.3</v>
      </c>
      <c r="B17152">
        <v>207.67</v>
      </c>
      <c r="C17152">
        <v>18800</v>
      </c>
      <c r="D17152">
        <v>1.3</v>
      </c>
      <c r="E17152">
        <v>4456.42</v>
      </c>
      <c r="F17152">
        <v>78.077500000000001</v>
      </c>
    </row>
    <row r="17153" spans="1:6" x14ac:dyDescent="0.25">
      <c r="A17153">
        <v>171.3</v>
      </c>
      <c r="B17153">
        <v>207.67</v>
      </c>
      <c r="C17153">
        <v>18800</v>
      </c>
      <c r="D17153">
        <v>1.6</v>
      </c>
      <c r="E17153">
        <v>4090.49</v>
      </c>
      <c r="F17153">
        <v>74.488399999999999</v>
      </c>
    </row>
    <row r="17154" spans="1:6" x14ac:dyDescent="0.25">
      <c r="A17154">
        <v>171.3</v>
      </c>
      <c r="B17154">
        <v>207.67</v>
      </c>
      <c r="C17154">
        <v>18800</v>
      </c>
      <c r="D17154">
        <v>1.9</v>
      </c>
      <c r="E17154">
        <v>3911.67</v>
      </c>
      <c r="F17154">
        <v>88.646299999999997</v>
      </c>
    </row>
    <row r="17155" spans="1:6" x14ac:dyDescent="0.25">
      <c r="A17155">
        <v>171.3</v>
      </c>
      <c r="B17155">
        <v>207.67</v>
      </c>
      <c r="C17155">
        <v>18800</v>
      </c>
      <c r="D17155">
        <v>2.2000000000000002</v>
      </c>
      <c r="E17155">
        <v>3770.06</v>
      </c>
      <c r="F17155">
        <v>88.7102</v>
      </c>
    </row>
    <row r="17156" spans="1:6" x14ac:dyDescent="0.25">
      <c r="A17156">
        <v>171.3</v>
      </c>
      <c r="B17156">
        <v>207.67</v>
      </c>
      <c r="C17156">
        <v>18800</v>
      </c>
      <c r="D17156">
        <v>2.5</v>
      </c>
      <c r="E17156">
        <v>3628.78</v>
      </c>
      <c r="F17156">
        <v>90.121499999999997</v>
      </c>
    </row>
    <row r="17157" spans="1:6" x14ac:dyDescent="0.25">
      <c r="A17157">
        <v>171.3</v>
      </c>
      <c r="B17157">
        <v>207.67</v>
      </c>
      <c r="C17157">
        <v>18800</v>
      </c>
      <c r="D17157">
        <v>2.8</v>
      </c>
      <c r="E17157">
        <v>3576.13</v>
      </c>
      <c r="F17157">
        <v>81.687899999999999</v>
      </c>
    </row>
    <row r="17158" spans="1:6" x14ac:dyDescent="0.25">
      <c r="A17158">
        <v>171.3</v>
      </c>
      <c r="B17158">
        <v>207.67</v>
      </c>
      <c r="C17158">
        <v>18800</v>
      </c>
      <c r="D17158">
        <v>3.1</v>
      </c>
      <c r="E17158">
        <v>3454.94</v>
      </c>
      <c r="F17158">
        <v>77.115099999999998</v>
      </c>
    </row>
    <row r="17159" spans="1:6" x14ac:dyDescent="0.25">
      <c r="A17159">
        <v>171.3</v>
      </c>
      <c r="B17159">
        <v>207.67</v>
      </c>
      <c r="C17159">
        <v>18800</v>
      </c>
      <c r="D17159">
        <v>3.4</v>
      </c>
      <c r="E17159">
        <v>3498.06</v>
      </c>
      <c r="F17159">
        <v>80.956699999999998</v>
      </c>
    </row>
    <row r="17160" spans="1:6" x14ac:dyDescent="0.25">
      <c r="A17160">
        <v>171.3</v>
      </c>
      <c r="B17160">
        <v>207.67</v>
      </c>
      <c r="C17160">
        <v>18800</v>
      </c>
      <c r="D17160">
        <v>3.7</v>
      </c>
      <c r="E17160">
        <v>3360.73</v>
      </c>
      <c r="F17160">
        <v>92.319900000000004</v>
      </c>
    </row>
    <row r="17161" spans="1:6" x14ac:dyDescent="0.25">
      <c r="A17161">
        <v>171.3</v>
      </c>
      <c r="B17161">
        <v>207.67</v>
      </c>
      <c r="C17161">
        <v>18800</v>
      </c>
      <c r="D17161">
        <v>4</v>
      </c>
      <c r="E17161">
        <v>3417.62</v>
      </c>
      <c r="F17161">
        <v>79.263800000000003</v>
      </c>
    </row>
    <row r="17162" spans="1:6" x14ac:dyDescent="0.25">
      <c r="A17162">
        <v>171.3</v>
      </c>
      <c r="B17162">
        <v>211.3</v>
      </c>
      <c r="C17162">
        <v>1800</v>
      </c>
      <c r="D17162">
        <v>1</v>
      </c>
      <c r="E17162">
        <v>4920.03</v>
      </c>
      <c r="F17162">
        <v>86.072299999999998</v>
      </c>
    </row>
    <row r="17163" spans="1:6" x14ac:dyDescent="0.25">
      <c r="A17163">
        <v>171.3</v>
      </c>
      <c r="B17163">
        <v>211.3</v>
      </c>
      <c r="C17163">
        <v>1800</v>
      </c>
      <c r="D17163">
        <v>1.3</v>
      </c>
      <c r="E17163">
        <v>4456.42</v>
      </c>
      <c r="F17163">
        <v>78.077500000000001</v>
      </c>
    </row>
    <row r="17164" spans="1:6" x14ac:dyDescent="0.25">
      <c r="A17164">
        <v>171.3</v>
      </c>
      <c r="B17164">
        <v>211.3</v>
      </c>
      <c r="C17164">
        <v>1800</v>
      </c>
      <c r="D17164">
        <v>1.6</v>
      </c>
      <c r="E17164">
        <v>4090.49</v>
      </c>
      <c r="F17164">
        <v>74.488399999999999</v>
      </c>
    </row>
    <row r="17165" spans="1:6" x14ac:dyDescent="0.25">
      <c r="A17165">
        <v>171.3</v>
      </c>
      <c r="B17165">
        <v>211.3</v>
      </c>
      <c r="C17165">
        <v>1800</v>
      </c>
      <c r="D17165">
        <v>1.9</v>
      </c>
      <c r="E17165">
        <v>3763.97</v>
      </c>
      <c r="F17165">
        <v>88.646299999999997</v>
      </c>
    </row>
    <row r="17166" spans="1:6" x14ac:dyDescent="0.25">
      <c r="A17166">
        <v>171.3</v>
      </c>
      <c r="B17166">
        <v>211.3</v>
      </c>
      <c r="C17166">
        <v>1800</v>
      </c>
      <c r="D17166">
        <v>2.2000000000000002</v>
      </c>
      <c r="E17166">
        <v>3621.99</v>
      </c>
      <c r="F17166">
        <v>88.7102</v>
      </c>
    </row>
    <row r="17167" spans="1:6" x14ac:dyDescent="0.25">
      <c r="A17167">
        <v>171.3</v>
      </c>
      <c r="B17167">
        <v>211.3</v>
      </c>
      <c r="C17167">
        <v>1800</v>
      </c>
      <c r="D17167">
        <v>2.5</v>
      </c>
      <c r="E17167">
        <v>3369.2</v>
      </c>
      <c r="F17167">
        <v>90.121499999999997</v>
      </c>
    </row>
    <row r="17168" spans="1:6" x14ac:dyDescent="0.25">
      <c r="A17168">
        <v>171.3</v>
      </c>
      <c r="B17168">
        <v>211.3</v>
      </c>
      <c r="C17168">
        <v>1800</v>
      </c>
      <c r="D17168">
        <v>2.8</v>
      </c>
      <c r="E17168">
        <v>3250.65</v>
      </c>
      <c r="F17168">
        <v>81.687899999999999</v>
      </c>
    </row>
    <row r="17169" spans="1:6" x14ac:dyDescent="0.25">
      <c r="A17169">
        <v>171.3</v>
      </c>
      <c r="B17169">
        <v>211.3</v>
      </c>
      <c r="C17169">
        <v>1800</v>
      </c>
      <c r="D17169">
        <v>3.1</v>
      </c>
      <c r="E17169">
        <v>3243.49</v>
      </c>
      <c r="F17169">
        <v>77.115099999999998</v>
      </c>
    </row>
    <row r="17170" spans="1:6" x14ac:dyDescent="0.25">
      <c r="A17170">
        <v>171.3</v>
      </c>
      <c r="B17170">
        <v>211.3</v>
      </c>
      <c r="C17170">
        <v>1800</v>
      </c>
      <c r="D17170">
        <v>3.4</v>
      </c>
      <c r="E17170">
        <v>3181.86</v>
      </c>
      <c r="F17170">
        <v>80.956699999999998</v>
      </c>
    </row>
    <row r="17171" spans="1:6" x14ac:dyDescent="0.25">
      <c r="A17171">
        <v>171.3</v>
      </c>
      <c r="B17171">
        <v>211.3</v>
      </c>
      <c r="C17171">
        <v>1800</v>
      </c>
      <c r="D17171">
        <v>3.7</v>
      </c>
      <c r="E17171">
        <v>3060.25</v>
      </c>
      <c r="F17171">
        <v>92.319900000000004</v>
      </c>
    </row>
    <row r="17172" spans="1:6" x14ac:dyDescent="0.25">
      <c r="A17172">
        <v>171.3</v>
      </c>
      <c r="B17172">
        <v>211.3</v>
      </c>
      <c r="C17172">
        <v>1800</v>
      </c>
      <c r="D17172">
        <v>4</v>
      </c>
      <c r="E17172">
        <v>2974.12</v>
      </c>
      <c r="F17172">
        <v>79.263800000000003</v>
      </c>
    </row>
    <row r="17173" spans="1:6" x14ac:dyDescent="0.25">
      <c r="A17173">
        <v>171.3</v>
      </c>
      <c r="B17173">
        <v>211.3</v>
      </c>
      <c r="C17173">
        <v>3345.45</v>
      </c>
      <c r="D17173">
        <v>1</v>
      </c>
      <c r="E17173">
        <v>4920.03</v>
      </c>
      <c r="F17173">
        <v>86.072299999999998</v>
      </c>
    </row>
    <row r="17174" spans="1:6" x14ac:dyDescent="0.25">
      <c r="A17174">
        <v>171.3</v>
      </c>
      <c r="B17174">
        <v>211.3</v>
      </c>
      <c r="C17174">
        <v>3345.45</v>
      </c>
      <c r="D17174">
        <v>1.3</v>
      </c>
      <c r="E17174">
        <v>4456.42</v>
      </c>
      <c r="F17174">
        <v>78.077500000000001</v>
      </c>
    </row>
    <row r="17175" spans="1:6" x14ac:dyDescent="0.25">
      <c r="A17175">
        <v>171.3</v>
      </c>
      <c r="B17175">
        <v>211.3</v>
      </c>
      <c r="C17175">
        <v>3345.45</v>
      </c>
      <c r="D17175">
        <v>1.6</v>
      </c>
      <c r="E17175">
        <v>4090.49</v>
      </c>
      <c r="F17175">
        <v>74.488399999999999</v>
      </c>
    </row>
    <row r="17176" spans="1:6" x14ac:dyDescent="0.25">
      <c r="A17176">
        <v>171.3</v>
      </c>
      <c r="B17176">
        <v>211.3</v>
      </c>
      <c r="C17176">
        <v>3345.45</v>
      </c>
      <c r="D17176">
        <v>1.9</v>
      </c>
      <c r="E17176">
        <v>3911.67</v>
      </c>
      <c r="F17176">
        <v>88.646299999999997</v>
      </c>
    </row>
    <row r="17177" spans="1:6" x14ac:dyDescent="0.25">
      <c r="A17177">
        <v>171.3</v>
      </c>
      <c r="B17177">
        <v>211.3</v>
      </c>
      <c r="C17177">
        <v>3345.45</v>
      </c>
      <c r="D17177">
        <v>2.2000000000000002</v>
      </c>
      <c r="E17177">
        <v>3770.06</v>
      </c>
      <c r="F17177">
        <v>88.7102</v>
      </c>
    </row>
    <row r="17178" spans="1:6" x14ac:dyDescent="0.25">
      <c r="A17178">
        <v>171.3</v>
      </c>
      <c r="B17178">
        <v>211.3</v>
      </c>
      <c r="C17178">
        <v>3345.45</v>
      </c>
      <c r="D17178">
        <v>2.5</v>
      </c>
      <c r="E17178">
        <v>3628.78</v>
      </c>
      <c r="F17178">
        <v>90.121499999999997</v>
      </c>
    </row>
    <row r="17179" spans="1:6" x14ac:dyDescent="0.25">
      <c r="A17179">
        <v>171.3</v>
      </c>
      <c r="B17179">
        <v>211.3</v>
      </c>
      <c r="C17179">
        <v>3345.45</v>
      </c>
      <c r="D17179">
        <v>2.8</v>
      </c>
      <c r="E17179">
        <v>3576.13</v>
      </c>
      <c r="F17179">
        <v>81.687899999999999</v>
      </c>
    </row>
    <row r="17180" spans="1:6" x14ac:dyDescent="0.25">
      <c r="A17180">
        <v>171.3</v>
      </c>
      <c r="B17180">
        <v>211.3</v>
      </c>
      <c r="C17180">
        <v>3345.45</v>
      </c>
      <c r="D17180">
        <v>3.1</v>
      </c>
      <c r="E17180">
        <v>3454.94</v>
      </c>
      <c r="F17180">
        <v>77.115099999999998</v>
      </c>
    </row>
    <row r="17181" spans="1:6" x14ac:dyDescent="0.25">
      <c r="A17181">
        <v>171.3</v>
      </c>
      <c r="B17181">
        <v>211.3</v>
      </c>
      <c r="C17181">
        <v>3345.45</v>
      </c>
      <c r="D17181">
        <v>3.4</v>
      </c>
      <c r="E17181">
        <v>3498.06</v>
      </c>
      <c r="F17181">
        <v>80.956699999999998</v>
      </c>
    </row>
    <row r="17182" spans="1:6" x14ac:dyDescent="0.25">
      <c r="A17182">
        <v>171.3</v>
      </c>
      <c r="B17182">
        <v>211.3</v>
      </c>
      <c r="C17182">
        <v>3345.45</v>
      </c>
      <c r="D17182">
        <v>3.7</v>
      </c>
      <c r="E17182">
        <v>3360.73</v>
      </c>
      <c r="F17182">
        <v>92.319900000000004</v>
      </c>
    </row>
    <row r="17183" spans="1:6" x14ac:dyDescent="0.25">
      <c r="A17183">
        <v>171.3</v>
      </c>
      <c r="B17183">
        <v>211.3</v>
      </c>
      <c r="C17183">
        <v>3345.45</v>
      </c>
      <c r="D17183">
        <v>4</v>
      </c>
      <c r="E17183">
        <v>3417.62</v>
      </c>
      <c r="F17183">
        <v>79.263800000000003</v>
      </c>
    </row>
    <row r="17184" spans="1:6" x14ac:dyDescent="0.25">
      <c r="A17184">
        <v>171.3</v>
      </c>
      <c r="B17184">
        <v>211.3</v>
      </c>
      <c r="C17184">
        <v>4890.8999999999996</v>
      </c>
      <c r="D17184">
        <v>1</v>
      </c>
      <c r="E17184">
        <v>4920.03</v>
      </c>
      <c r="F17184">
        <v>86.072299999999998</v>
      </c>
    </row>
    <row r="17185" spans="1:6" x14ac:dyDescent="0.25">
      <c r="A17185">
        <v>171.3</v>
      </c>
      <c r="B17185">
        <v>211.3</v>
      </c>
      <c r="C17185">
        <v>4890.8999999999996</v>
      </c>
      <c r="D17185">
        <v>1.3</v>
      </c>
      <c r="E17185">
        <v>4456.42</v>
      </c>
      <c r="F17185">
        <v>78.077500000000001</v>
      </c>
    </row>
    <row r="17186" spans="1:6" x14ac:dyDescent="0.25">
      <c r="A17186">
        <v>171.3</v>
      </c>
      <c r="B17186">
        <v>211.3</v>
      </c>
      <c r="C17186">
        <v>4890.8999999999996</v>
      </c>
      <c r="D17186">
        <v>1.6</v>
      </c>
      <c r="E17186">
        <v>4090.49</v>
      </c>
      <c r="F17186">
        <v>74.488399999999999</v>
      </c>
    </row>
    <row r="17187" spans="1:6" x14ac:dyDescent="0.25">
      <c r="A17187">
        <v>171.3</v>
      </c>
      <c r="B17187">
        <v>211.3</v>
      </c>
      <c r="C17187">
        <v>4890.8999999999996</v>
      </c>
      <c r="D17187">
        <v>1.9</v>
      </c>
      <c r="E17187">
        <v>3911.67</v>
      </c>
      <c r="F17187">
        <v>88.646299999999997</v>
      </c>
    </row>
    <row r="17188" spans="1:6" x14ac:dyDescent="0.25">
      <c r="A17188">
        <v>171.3</v>
      </c>
      <c r="B17188">
        <v>211.3</v>
      </c>
      <c r="C17188">
        <v>4890.8999999999996</v>
      </c>
      <c r="D17188">
        <v>2.2000000000000002</v>
      </c>
      <c r="E17188">
        <v>3770.06</v>
      </c>
      <c r="F17188">
        <v>88.7102</v>
      </c>
    </row>
    <row r="17189" spans="1:6" x14ac:dyDescent="0.25">
      <c r="A17189">
        <v>171.3</v>
      </c>
      <c r="B17189">
        <v>211.3</v>
      </c>
      <c r="C17189">
        <v>4890.8999999999996</v>
      </c>
      <c r="D17189">
        <v>2.5</v>
      </c>
      <c r="E17189">
        <v>3628.78</v>
      </c>
      <c r="F17189">
        <v>90.121499999999997</v>
      </c>
    </row>
    <row r="17190" spans="1:6" x14ac:dyDescent="0.25">
      <c r="A17190">
        <v>171.3</v>
      </c>
      <c r="B17190">
        <v>211.3</v>
      </c>
      <c r="C17190">
        <v>4890.8999999999996</v>
      </c>
      <c r="D17190">
        <v>2.8</v>
      </c>
      <c r="E17190">
        <v>3576.13</v>
      </c>
      <c r="F17190">
        <v>81.687899999999999</v>
      </c>
    </row>
    <row r="17191" spans="1:6" x14ac:dyDescent="0.25">
      <c r="A17191">
        <v>171.3</v>
      </c>
      <c r="B17191">
        <v>211.3</v>
      </c>
      <c r="C17191">
        <v>4890.8999999999996</v>
      </c>
      <c r="D17191">
        <v>3.1</v>
      </c>
      <c r="E17191">
        <v>3454.94</v>
      </c>
      <c r="F17191">
        <v>77.115099999999998</v>
      </c>
    </row>
    <row r="17192" spans="1:6" x14ac:dyDescent="0.25">
      <c r="A17192">
        <v>171.3</v>
      </c>
      <c r="B17192">
        <v>211.3</v>
      </c>
      <c r="C17192">
        <v>4890.8999999999996</v>
      </c>
      <c r="D17192">
        <v>3.4</v>
      </c>
      <c r="E17192">
        <v>3498.06</v>
      </c>
      <c r="F17192">
        <v>80.956699999999998</v>
      </c>
    </row>
    <row r="17193" spans="1:6" x14ac:dyDescent="0.25">
      <c r="A17193">
        <v>171.3</v>
      </c>
      <c r="B17193">
        <v>211.3</v>
      </c>
      <c r="C17193">
        <v>4890.8999999999996</v>
      </c>
      <c r="D17193">
        <v>3.7</v>
      </c>
      <c r="E17193">
        <v>3360.73</v>
      </c>
      <c r="F17193">
        <v>92.319900000000004</v>
      </c>
    </row>
    <row r="17194" spans="1:6" x14ac:dyDescent="0.25">
      <c r="A17194">
        <v>171.3</v>
      </c>
      <c r="B17194">
        <v>211.3</v>
      </c>
      <c r="C17194">
        <v>4890.8999999999996</v>
      </c>
      <c r="D17194">
        <v>4</v>
      </c>
      <c r="E17194">
        <v>3417.62</v>
      </c>
      <c r="F17194">
        <v>79.263800000000003</v>
      </c>
    </row>
    <row r="17195" spans="1:6" x14ac:dyDescent="0.25">
      <c r="A17195">
        <v>171.3</v>
      </c>
      <c r="B17195">
        <v>211.3</v>
      </c>
      <c r="C17195">
        <v>6436.35</v>
      </c>
      <c r="D17195">
        <v>1</v>
      </c>
      <c r="E17195">
        <v>4920.03</v>
      </c>
      <c r="F17195">
        <v>86.072299999999998</v>
      </c>
    </row>
    <row r="17196" spans="1:6" x14ac:dyDescent="0.25">
      <c r="A17196">
        <v>171.3</v>
      </c>
      <c r="B17196">
        <v>211.3</v>
      </c>
      <c r="C17196">
        <v>6436.35</v>
      </c>
      <c r="D17196">
        <v>1.3</v>
      </c>
      <c r="E17196">
        <v>4456.42</v>
      </c>
      <c r="F17196">
        <v>78.077500000000001</v>
      </c>
    </row>
    <row r="17197" spans="1:6" x14ac:dyDescent="0.25">
      <c r="A17197">
        <v>171.3</v>
      </c>
      <c r="B17197">
        <v>211.3</v>
      </c>
      <c r="C17197">
        <v>6436.35</v>
      </c>
      <c r="D17197">
        <v>1.6</v>
      </c>
      <c r="E17197">
        <v>4090.49</v>
      </c>
      <c r="F17197">
        <v>74.488399999999999</v>
      </c>
    </row>
    <row r="17198" spans="1:6" x14ac:dyDescent="0.25">
      <c r="A17198">
        <v>171.3</v>
      </c>
      <c r="B17198">
        <v>211.3</v>
      </c>
      <c r="C17198">
        <v>6436.35</v>
      </c>
      <c r="D17198">
        <v>1.9</v>
      </c>
      <c r="E17198">
        <v>3911.67</v>
      </c>
      <c r="F17198">
        <v>88.646299999999997</v>
      </c>
    </row>
    <row r="17199" spans="1:6" x14ac:dyDescent="0.25">
      <c r="A17199">
        <v>171.3</v>
      </c>
      <c r="B17199">
        <v>211.3</v>
      </c>
      <c r="C17199">
        <v>6436.35</v>
      </c>
      <c r="D17199">
        <v>2.2000000000000002</v>
      </c>
      <c r="E17199">
        <v>3770.06</v>
      </c>
      <c r="F17199">
        <v>88.7102</v>
      </c>
    </row>
    <row r="17200" spans="1:6" x14ac:dyDescent="0.25">
      <c r="A17200">
        <v>171.3</v>
      </c>
      <c r="B17200">
        <v>211.3</v>
      </c>
      <c r="C17200">
        <v>6436.35</v>
      </c>
      <c r="D17200">
        <v>2.5</v>
      </c>
      <c r="E17200">
        <v>3628.78</v>
      </c>
      <c r="F17200">
        <v>90.121499999999997</v>
      </c>
    </row>
    <row r="17201" spans="1:6" x14ac:dyDescent="0.25">
      <c r="A17201">
        <v>171.3</v>
      </c>
      <c r="B17201">
        <v>211.3</v>
      </c>
      <c r="C17201">
        <v>6436.35</v>
      </c>
      <c r="D17201">
        <v>2.8</v>
      </c>
      <c r="E17201">
        <v>3576.13</v>
      </c>
      <c r="F17201">
        <v>81.687899999999999</v>
      </c>
    </row>
    <row r="17202" spans="1:6" x14ac:dyDescent="0.25">
      <c r="A17202">
        <v>171.3</v>
      </c>
      <c r="B17202">
        <v>211.3</v>
      </c>
      <c r="C17202">
        <v>6436.35</v>
      </c>
      <c r="D17202">
        <v>3.1</v>
      </c>
      <c r="E17202">
        <v>3454.94</v>
      </c>
      <c r="F17202">
        <v>77.115099999999998</v>
      </c>
    </row>
    <row r="17203" spans="1:6" x14ac:dyDescent="0.25">
      <c r="A17203">
        <v>171.3</v>
      </c>
      <c r="B17203">
        <v>211.3</v>
      </c>
      <c r="C17203">
        <v>6436.35</v>
      </c>
      <c r="D17203">
        <v>3.4</v>
      </c>
      <c r="E17203">
        <v>3498.06</v>
      </c>
      <c r="F17203">
        <v>80.956699999999998</v>
      </c>
    </row>
    <row r="17204" spans="1:6" x14ac:dyDescent="0.25">
      <c r="A17204">
        <v>171.3</v>
      </c>
      <c r="B17204">
        <v>211.3</v>
      </c>
      <c r="C17204">
        <v>6436.35</v>
      </c>
      <c r="D17204">
        <v>3.7</v>
      </c>
      <c r="E17204">
        <v>3360.73</v>
      </c>
      <c r="F17204">
        <v>92.319900000000004</v>
      </c>
    </row>
    <row r="17205" spans="1:6" x14ac:dyDescent="0.25">
      <c r="A17205">
        <v>171.3</v>
      </c>
      <c r="B17205">
        <v>211.3</v>
      </c>
      <c r="C17205">
        <v>6436.35</v>
      </c>
      <c r="D17205">
        <v>4</v>
      </c>
      <c r="E17205">
        <v>3417.62</v>
      </c>
      <c r="F17205">
        <v>79.263800000000003</v>
      </c>
    </row>
    <row r="17206" spans="1:6" x14ac:dyDescent="0.25">
      <c r="A17206">
        <v>171.3</v>
      </c>
      <c r="B17206">
        <v>211.3</v>
      </c>
      <c r="C17206">
        <v>7981.8</v>
      </c>
      <c r="D17206">
        <v>1</v>
      </c>
      <c r="E17206">
        <v>4920.03</v>
      </c>
      <c r="F17206">
        <v>86.072299999999998</v>
      </c>
    </row>
    <row r="17207" spans="1:6" x14ac:dyDescent="0.25">
      <c r="A17207">
        <v>171.3</v>
      </c>
      <c r="B17207">
        <v>211.3</v>
      </c>
      <c r="C17207">
        <v>7981.8</v>
      </c>
      <c r="D17207">
        <v>1.3</v>
      </c>
      <c r="E17207">
        <v>4456.42</v>
      </c>
      <c r="F17207">
        <v>78.077500000000001</v>
      </c>
    </row>
    <row r="17208" spans="1:6" x14ac:dyDescent="0.25">
      <c r="A17208">
        <v>171.3</v>
      </c>
      <c r="B17208">
        <v>211.3</v>
      </c>
      <c r="C17208">
        <v>7981.8</v>
      </c>
      <c r="D17208">
        <v>1.6</v>
      </c>
      <c r="E17208">
        <v>4090.49</v>
      </c>
      <c r="F17208">
        <v>74.488399999999999</v>
      </c>
    </row>
    <row r="17209" spans="1:6" x14ac:dyDescent="0.25">
      <c r="A17209">
        <v>171.3</v>
      </c>
      <c r="B17209">
        <v>211.3</v>
      </c>
      <c r="C17209">
        <v>7981.8</v>
      </c>
      <c r="D17209">
        <v>1.9</v>
      </c>
      <c r="E17209">
        <v>3911.67</v>
      </c>
      <c r="F17209">
        <v>88.646299999999997</v>
      </c>
    </row>
    <row r="17210" spans="1:6" x14ac:dyDescent="0.25">
      <c r="A17210">
        <v>171.3</v>
      </c>
      <c r="B17210">
        <v>211.3</v>
      </c>
      <c r="C17210">
        <v>7981.8</v>
      </c>
      <c r="D17210">
        <v>2.2000000000000002</v>
      </c>
      <c r="E17210">
        <v>3770.06</v>
      </c>
      <c r="F17210">
        <v>88.7102</v>
      </c>
    </row>
    <row r="17211" spans="1:6" x14ac:dyDescent="0.25">
      <c r="A17211">
        <v>171.3</v>
      </c>
      <c r="B17211">
        <v>211.3</v>
      </c>
      <c r="C17211">
        <v>7981.8</v>
      </c>
      <c r="D17211">
        <v>2.5</v>
      </c>
      <c r="E17211">
        <v>3628.78</v>
      </c>
      <c r="F17211">
        <v>90.121499999999997</v>
      </c>
    </row>
    <row r="17212" spans="1:6" x14ac:dyDescent="0.25">
      <c r="A17212">
        <v>171.3</v>
      </c>
      <c r="B17212">
        <v>211.3</v>
      </c>
      <c r="C17212">
        <v>7981.8</v>
      </c>
      <c r="D17212">
        <v>2.8</v>
      </c>
      <c r="E17212">
        <v>3576.13</v>
      </c>
      <c r="F17212">
        <v>81.687899999999999</v>
      </c>
    </row>
    <row r="17213" spans="1:6" x14ac:dyDescent="0.25">
      <c r="A17213">
        <v>171.3</v>
      </c>
      <c r="B17213">
        <v>211.3</v>
      </c>
      <c r="C17213">
        <v>7981.8</v>
      </c>
      <c r="D17213">
        <v>3.1</v>
      </c>
      <c r="E17213">
        <v>3454.94</v>
      </c>
      <c r="F17213">
        <v>77.115099999999998</v>
      </c>
    </row>
    <row r="17214" spans="1:6" x14ac:dyDescent="0.25">
      <c r="A17214">
        <v>171.3</v>
      </c>
      <c r="B17214">
        <v>211.3</v>
      </c>
      <c r="C17214">
        <v>7981.8</v>
      </c>
      <c r="D17214">
        <v>3.4</v>
      </c>
      <c r="E17214">
        <v>3498.06</v>
      </c>
      <c r="F17214">
        <v>80.956699999999998</v>
      </c>
    </row>
    <row r="17215" spans="1:6" x14ac:dyDescent="0.25">
      <c r="A17215">
        <v>171.3</v>
      </c>
      <c r="B17215">
        <v>211.3</v>
      </c>
      <c r="C17215">
        <v>7981.8</v>
      </c>
      <c r="D17215">
        <v>3.7</v>
      </c>
      <c r="E17215">
        <v>3360.73</v>
      </c>
      <c r="F17215">
        <v>92.319900000000004</v>
      </c>
    </row>
    <row r="17216" spans="1:6" x14ac:dyDescent="0.25">
      <c r="A17216">
        <v>171.3</v>
      </c>
      <c r="B17216">
        <v>211.3</v>
      </c>
      <c r="C17216">
        <v>7981.8</v>
      </c>
      <c r="D17216">
        <v>4</v>
      </c>
      <c r="E17216">
        <v>3417.62</v>
      </c>
      <c r="F17216">
        <v>79.263800000000003</v>
      </c>
    </row>
    <row r="17217" spans="1:6" x14ac:dyDescent="0.25">
      <c r="A17217">
        <v>171.3</v>
      </c>
      <c r="B17217">
        <v>211.3</v>
      </c>
      <c r="C17217">
        <v>9527.25</v>
      </c>
      <c r="D17217">
        <v>1</v>
      </c>
      <c r="E17217">
        <v>4920.03</v>
      </c>
      <c r="F17217">
        <v>86.072299999999998</v>
      </c>
    </row>
    <row r="17218" spans="1:6" x14ac:dyDescent="0.25">
      <c r="A17218">
        <v>171.3</v>
      </c>
      <c r="B17218">
        <v>211.3</v>
      </c>
      <c r="C17218">
        <v>9527.25</v>
      </c>
      <c r="D17218">
        <v>1.3</v>
      </c>
      <c r="E17218">
        <v>4456.42</v>
      </c>
      <c r="F17218">
        <v>78.077500000000001</v>
      </c>
    </row>
    <row r="17219" spans="1:6" x14ac:dyDescent="0.25">
      <c r="A17219">
        <v>171.3</v>
      </c>
      <c r="B17219">
        <v>211.3</v>
      </c>
      <c r="C17219">
        <v>9527.25</v>
      </c>
      <c r="D17219">
        <v>1.6</v>
      </c>
      <c r="E17219">
        <v>4090.49</v>
      </c>
      <c r="F17219">
        <v>74.488399999999999</v>
      </c>
    </row>
    <row r="17220" spans="1:6" x14ac:dyDescent="0.25">
      <c r="A17220">
        <v>171.3</v>
      </c>
      <c r="B17220">
        <v>211.3</v>
      </c>
      <c r="C17220">
        <v>9527.25</v>
      </c>
      <c r="D17220">
        <v>1.9</v>
      </c>
      <c r="E17220">
        <v>3911.67</v>
      </c>
      <c r="F17220">
        <v>88.646299999999997</v>
      </c>
    </row>
    <row r="17221" spans="1:6" x14ac:dyDescent="0.25">
      <c r="A17221">
        <v>171.3</v>
      </c>
      <c r="B17221">
        <v>211.3</v>
      </c>
      <c r="C17221">
        <v>9527.25</v>
      </c>
      <c r="D17221">
        <v>2.2000000000000002</v>
      </c>
      <c r="E17221">
        <v>3770.06</v>
      </c>
      <c r="F17221">
        <v>88.7102</v>
      </c>
    </row>
    <row r="17222" spans="1:6" x14ac:dyDescent="0.25">
      <c r="A17222">
        <v>171.3</v>
      </c>
      <c r="B17222">
        <v>211.3</v>
      </c>
      <c r="C17222">
        <v>9527.25</v>
      </c>
      <c r="D17222">
        <v>2.5</v>
      </c>
      <c r="E17222">
        <v>3628.78</v>
      </c>
      <c r="F17222">
        <v>90.121499999999997</v>
      </c>
    </row>
    <row r="17223" spans="1:6" x14ac:dyDescent="0.25">
      <c r="A17223">
        <v>171.3</v>
      </c>
      <c r="B17223">
        <v>211.3</v>
      </c>
      <c r="C17223">
        <v>9527.25</v>
      </c>
      <c r="D17223">
        <v>2.8</v>
      </c>
      <c r="E17223">
        <v>3576.13</v>
      </c>
      <c r="F17223">
        <v>81.687899999999999</v>
      </c>
    </row>
    <row r="17224" spans="1:6" x14ac:dyDescent="0.25">
      <c r="A17224">
        <v>171.3</v>
      </c>
      <c r="B17224">
        <v>211.3</v>
      </c>
      <c r="C17224">
        <v>9527.25</v>
      </c>
      <c r="D17224">
        <v>3.1</v>
      </c>
      <c r="E17224">
        <v>3454.94</v>
      </c>
      <c r="F17224">
        <v>77.115099999999998</v>
      </c>
    </row>
    <row r="17225" spans="1:6" x14ac:dyDescent="0.25">
      <c r="A17225">
        <v>171.3</v>
      </c>
      <c r="B17225">
        <v>211.3</v>
      </c>
      <c r="C17225">
        <v>9527.25</v>
      </c>
      <c r="D17225">
        <v>3.4</v>
      </c>
      <c r="E17225">
        <v>3498.06</v>
      </c>
      <c r="F17225">
        <v>80.956699999999998</v>
      </c>
    </row>
    <row r="17226" spans="1:6" x14ac:dyDescent="0.25">
      <c r="A17226">
        <v>171.3</v>
      </c>
      <c r="B17226">
        <v>211.3</v>
      </c>
      <c r="C17226">
        <v>9527.25</v>
      </c>
      <c r="D17226">
        <v>3.7</v>
      </c>
      <c r="E17226">
        <v>3360.73</v>
      </c>
      <c r="F17226">
        <v>92.319900000000004</v>
      </c>
    </row>
    <row r="17227" spans="1:6" x14ac:dyDescent="0.25">
      <c r="A17227">
        <v>171.3</v>
      </c>
      <c r="B17227">
        <v>211.3</v>
      </c>
      <c r="C17227">
        <v>9527.25</v>
      </c>
      <c r="D17227">
        <v>4</v>
      </c>
      <c r="E17227">
        <v>3417.62</v>
      </c>
      <c r="F17227">
        <v>79.263800000000003</v>
      </c>
    </row>
    <row r="17228" spans="1:6" x14ac:dyDescent="0.25">
      <c r="A17228">
        <v>171.3</v>
      </c>
      <c r="B17228">
        <v>211.3</v>
      </c>
      <c r="C17228">
        <v>11072.7</v>
      </c>
      <c r="D17228">
        <v>1</v>
      </c>
      <c r="E17228">
        <v>4920.03</v>
      </c>
      <c r="F17228">
        <v>86.072299999999998</v>
      </c>
    </row>
    <row r="17229" spans="1:6" x14ac:dyDescent="0.25">
      <c r="A17229">
        <v>171.3</v>
      </c>
      <c r="B17229">
        <v>211.3</v>
      </c>
      <c r="C17229">
        <v>11072.7</v>
      </c>
      <c r="D17229">
        <v>1.3</v>
      </c>
      <c r="E17229">
        <v>4456.42</v>
      </c>
      <c r="F17229">
        <v>78.077500000000001</v>
      </c>
    </row>
    <row r="17230" spans="1:6" x14ac:dyDescent="0.25">
      <c r="A17230">
        <v>171.3</v>
      </c>
      <c r="B17230">
        <v>211.3</v>
      </c>
      <c r="C17230">
        <v>11072.7</v>
      </c>
      <c r="D17230">
        <v>1.6</v>
      </c>
      <c r="E17230">
        <v>4090.49</v>
      </c>
      <c r="F17230">
        <v>74.488399999999999</v>
      </c>
    </row>
    <row r="17231" spans="1:6" x14ac:dyDescent="0.25">
      <c r="A17231">
        <v>171.3</v>
      </c>
      <c r="B17231">
        <v>211.3</v>
      </c>
      <c r="C17231">
        <v>11072.7</v>
      </c>
      <c r="D17231">
        <v>1.9</v>
      </c>
      <c r="E17231">
        <v>3911.67</v>
      </c>
      <c r="F17231">
        <v>88.646299999999997</v>
      </c>
    </row>
    <row r="17232" spans="1:6" x14ac:dyDescent="0.25">
      <c r="A17232">
        <v>171.3</v>
      </c>
      <c r="B17232">
        <v>211.3</v>
      </c>
      <c r="C17232">
        <v>11072.7</v>
      </c>
      <c r="D17232">
        <v>2.2000000000000002</v>
      </c>
      <c r="E17232">
        <v>3770.06</v>
      </c>
      <c r="F17232">
        <v>88.7102</v>
      </c>
    </row>
    <row r="17233" spans="1:6" x14ac:dyDescent="0.25">
      <c r="A17233">
        <v>171.3</v>
      </c>
      <c r="B17233">
        <v>211.3</v>
      </c>
      <c r="C17233">
        <v>11072.7</v>
      </c>
      <c r="D17233">
        <v>2.5</v>
      </c>
      <c r="E17233">
        <v>3628.78</v>
      </c>
      <c r="F17233">
        <v>90.121499999999997</v>
      </c>
    </row>
    <row r="17234" spans="1:6" x14ac:dyDescent="0.25">
      <c r="A17234">
        <v>171.3</v>
      </c>
      <c r="B17234">
        <v>211.3</v>
      </c>
      <c r="C17234">
        <v>11072.7</v>
      </c>
      <c r="D17234">
        <v>2.8</v>
      </c>
      <c r="E17234">
        <v>3576.13</v>
      </c>
      <c r="F17234">
        <v>81.687899999999999</v>
      </c>
    </row>
    <row r="17235" spans="1:6" x14ac:dyDescent="0.25">
      <c r="A17235">
        <v>171.3</v>
      </c>
      <c r="B17235">
        <v>211.3</v>
      </c>
      <c r="C17235">
        <v>11072.7</v>
      </c>
      <c r="D17235">
        <v>3.1</v>
      </c>
      <c r="E17235">
        <v>3454.94</v>
      </c>
      <c r="F17235">
        <v>77.115099999999998</v>
      </c>
    </row>
    <row r="17236" spans="1:6" x14ac:dyDescent="0.25">
      <c r="A17236">
        <v>171.3</v>
      </c>
      <c r="B17236">
        <v>211.3</v>
      </c>
      <c r="C17236">
        <v>11072.7</v>
      </c>
      <c r="D17236">
        <v>3.4</v>
      </c>
      <c r="E17236">
        <v>3498.06</v>
      </c>
      <c r="F17236">
        <v>80.956699999999998</v>
      </c>
    </row>
    <row r="17237" spans="1:6" x14ac:dyDescent="0.25">
      <c r="A17237">
        <v>171.3</v>
      </c>
      <c r="B17237">
        <v>211.3</v>
      </c>
      <c r="C17237">
        <v>11072.7</v>
      </c>
      <c r="D17237">
        <v>3.7</v>
      </c>
      <c r="E17237">
        <v>3360.73</v>
      </c>
      <c r="F17237">
        <v>92.319900000000004</v>
      </c>
    </row>
    <row r="17238" spans="1:6" x14ac:dyDescent="0.25">
      <c r="A17238">
        <v>171.3</v>
      </c>
      <c r="B17238">
        <v>211.3</v>
      </c>
      <c r="C17238">
        <v>11072.7</v>
      </c>
      <c r="D17238">
        <v>4</v>
      </c>
      <c r="E17238">
        <v>3417.62</v>
      </c>
      <c r="F17238">
        <v>79.263800000000003</v>
      </c>
    </row>
    <row r="17239" spans="1:6" x14ac:dyDescent="0.25">
      <c r="A17239">
        <v>171.3</v>
      </c>
      <c r="B17239">
        <v>211.3</v>
      </c>
      <c r="C17239">
        <v>12618.2</v>
      </c>
      <c r="D17239">
        <v>1</v>
      </c>
      <c r="E17239">
        <v>4920.03</v>
      </c>
      <c r="F17239">
        <v>86.072299999999998</v>
      </c>
    </row>
    <row r="17240" spans="1:6" x14ac:dyDescent="0.25">
      <c r="A17240">
        <v>171.3</v>
      </c>
      <c r="B17240">
        <v>211.3</v>
      </c>
      <c r="C17240">
        <v>12618.2</v>
      </c>
      <c r="D17240">
        <v>1.3</v>
      </c>
      <c r="E17240">
        <v>4456.42</v>
      </c>
      <c r="F17240">
        <v>78.077500000000001</v>
      </c>
    </row>
    <row r="17241" spans="1:6" x14ac:dyDescent="0.25">
      <c r="A17241">
        <v>171.3</v>
      </c>
      <c r="B17241">
        <v>211.3</v>
      </c>
      <c r="C17241">
        <v>12618.2</v>
      </c>
      <c r="D17241">
        <v>1.6</v>
      </c>
      <c r="E17241">
        <v>4090.49</v>
      </c>
      <c r="F17241">
        <v>74.488399999999999</v>
      </c>
    </row>
    <row r="17242" spans="1:6" x14ac:dyDescent="0.25">
      <c r="A17242">
        <v>171.3</v>
      </c>
      <c r="B17242">
        <v>211.3</v>
      </c>
      <c r="C17242">
        <v>12618.2</v>
      </c>
      <c r="D17242">
        <v>1.9</v>
      </c>
      <c r="E17242">
        <v>3911.67</v>
      </c>
      <c r="F17242">
        <v>88.646299999999997</v>
      </c>
    </row>
    <row r="17243" spans="1:6" x14ac:dyDescent="0.25">
      <c r="A17243">
        <v>171.3</v>
      </c>
      <c r="B17243">
        <v>211.3</v>
      </c>
      <c r="C17243">
        <v>12618.2</v>
      </c>
      <c r="D17243">
        <v>2.2000000000000002</v>
      </c>
      <c r="E17243">
        <v>3770.06</v>
      </c>
      <c r="F17243">
        <v>88.7102</v>
      </c>
    </row>
    <row r="17244" spans="1:6" x14ac:dyDescent="0.25">
      <c r="A17244">
        <v>171.3</v>
      </c>
      <c r="B17244">
        <v>211.3</v>
      </c>
      <c r="C17244">
        <v>12618.2</v>
      </c>
      <c r="D17244">
        <v>2.5</v>
      </c>
      <c r="E17244">
        <v>3628.78</v>
      </c>
      <c r="F17244">
        <v>90.121499999999997</v>
      </c>
    </row>
    <row r="17245" spans="1:6" x14ac:dyDescent="0.25">
      <c r="A17245">
        <v>171.3</v>
      </c>
      <c r="B17245">
        <v>211.3</v>
      </c>
      <c r="C17245">
        <v>12618.2</v>
      </c>
      <c r="D17245">
        <v>2.8</v>
      </c>
      <c r="E17245">
        <v>3576.13</v>
      </c>
      <c r="F17245">
        <v>81.687899999999999</v>
      </c>
    </row>
    <row r="17246" spans="1:6" x14ac:dyDescent="0.25">
      <c r="A17246">
        <v>171.3</v>
      </c>
      <c r="B17246">
        <v>211.3</v>
      </c>
      <c r="C17246">
        <v>12618.2</v>
      </c>
      <c r="D17246">
        <v>3.1</v>
      </c>
      <c r="E17246">
        <v>3454.94</v>
      </c>
      <c r="F17246">
        <v>77.115099999999998</v>
      </c>
    </row>
    <row r="17247" spans="1:6" x14ac:dyDescent="0.25">
      <c r="A17247">
        <v>171.3</v>
      </c>
      <c r="B17247">
        <v>211.3</v>
      </c>
      <c r="C17247">
        <v>12618.2</v>
      </c>
      <c r="D17247">
        <v>3.4</v>
      </c>
      <c r="E17247">
        <v>3498.06</v>
      </c>
      <c r="F17247">
        <v>80.956699999999998</v>
      </c>
    </row>
    <row r="17248" spans="1:6" x14ac:dyDescent="0.25">
      <c r="A17248">
        <v>171.3</v>
      </c>
      <c r="B17248">
        <v>211.3</v>
      </c>
      <c r="C17248">
        <v>12618.2</v>
      </c>
      <c r="D17248">
        <v>3.7</v>
      </c>
      <c r="E17248">
        <v>3360.73</v>
      </c>
      <c r="F17248">
        <v>92.319900000000004</v>
      </c>
    </row>
    <row r="17249" spans="1:6" x14ac:dyDescent="0.25">
      <c r="A17249">
        <v>171.3</v>
      </c>
      <c r="B17249">
        <v>211.3</v>
      </c>
      <c r="C17249">
        <v>12618.2</v>
      </c>
      <c r="D17249">
        <v>4</v>
      </c>
      <c r="E17249">
        <v>3417.62</v>
      </c>
      <c r="F17249">
        <v>79.263800000000003</v>
      </c>
    </row>
    <row r="17250" spans="1:6" x14ac:dyDescent="0.25">
      <c r="A17250">
        <v>171.3</v>
      </c>
      <c r="B17250">
        <v>211.3</v>
      </c>
      <c r="C17250">
        <v>14163.6</v>
      </c>
      <c r="D17250">
        <v>1</v>
      </c>
      <c r="E17250">
        <v>4920.03</v>
      </c>
      <c r="F17250">
        <v>86.072299999999998</v>
      </c>
    </row>
    <row r="17251" spans="1:6" x14ac:dyDescent="0.25">
      <c r="A17251">
        <v>171.3</v>
      </c>
      <c r="B17251">
        <v>211.3</v>
      </c>
      <c r="C17251">
        <v>14163.6</v>
      </c>
      <c r="D17251">
        <v>1.3</v>
      </c>
      <c r="E17251">
        <v>4456.42</v>
      </c>
      <c r="F17251">
        <v>78.077500000000001</v>
      </c>
    </row>
    <row r="17252" spans="1:6" x14ac:dyDescent="0.25">
      <c r="A17252">
        <v>171.3</v>
      </c>
      <c r="B17252">
        <v>211.3</v>
      </c>
      <c r="C17252">
        <v>14163.6</v>
      </c>
      <c r="D17252">
        <v>1.6</v>
      </c>
      <c r="E17252">
        <v>4090.49</v>
      </c>
      <c r="F17252">
        <v>74.488399999999999</v>
      </c>
    </row>
    <row r="17253" spans="1:6" x14ac:dyDescent="0.25">
      <c r="A17253">
        <v>171.3</v>
      </c>
      <c r="B17253">
        <v>211.3</v>
      </c>
      <c r="C17253">
        <v>14163.6</v>
      </c>
      <c r="D17253">
        <v>1.9</v>
      </c>
      <c r="E17253">
        <v>3911.67</v>
      </c>
      <c r="F17253">
        <v>88.646299999999997</v>
      </c>
    </row>
    <row r="17254" spans="1:6" x14ac:dyDescent="0.25">
      <c r="A17254">
        <v>171.3</v>
      </c>
      <c r="B17254">
        <v>211.3</v>
      </c>
      <c r="C17254">
        <v>14163.6</v>
      </c>
      <c r="D17254">
        <v>2.2000000000000002</v>
      </c>
      <c r="E17254">
        <v>3770.06</v>
      </c>
      <c r="F17254">
        <v>88.7102</v>
      </c>
    </row>
    <row r="17255" spans="1:6" x14ac:dyDescent="0.25">
      <c r="A17255">
        <v>171.3</v>
      </c>
      <c r="B17255">
        <v>211.3</v>
      </c>
      <c r="C17255">
        <v>14163.6</v>
      </c>
      <c r="D17255">
        <v>2.5</v>
      </c>
      <c r="E17255">
        <v>3628.78</v>
      </c>
      <c r="F17255">
        <v>90.121499999999997</v>
      </c>
    </row>
    <row r="17256" spans="1:6" x14ac:dyDescent="0.25">
      <c r="A17256">
        <v>171.3</v>
      </c>
      <c r="B17256">
        <v>211.3</v>
      </c>
      <c r="C17256">
        <v>14163.6</v>
      </c>
      <c r="D17256">
        <v>2.8</v>
      </c>
      <c r="E17256">
        <v>3576.13</v>
      </c>
      <c r="F17256">
        <v>81.687899999999999</v>
      </c>
    </row>
    <row r="17257" spans="1:6" x14ac:dyDescent="0.25">
      <c r="A17257">
        <v>171.3</v>
      </c>
      <c r="B17257">
        <v>211.3</v>
      </c>
      <c r="C17257">
        <v>14163.6</v>
      </c>
      <c r="D17257">
        <v>3.1</v>
      </c>
      <c r="E17257">
        <v>3454.94</v>
      </c>
      <c r="F17257">
        <v>77.115099999999998</v>
      </c>
    </row>
    <row r="17258" spans="1:6" x14ac:dyDescent="0.25">
      <c r="A17258">
        <v>171.3</v>
      </c>
      <c r="B17258">
        <v>211.3</v>
      </c>
      <c r="C17258">
        <v>14163.6</v>
      </c>
      <c r="D17258">
        <v>3.4</v>
      </c>
      <c r="E17258">
        <v>3498.06</v>
      </c>
      <c r="F17258">
        <v>80.956699999999998</v>
      </c>
    </row>
    <row r="17259" spans="1:6" x14ac:dyDescent="0.25">
      <c r="A17259">
        <v>171.3</v>
      </c>
      <c r="B17259">
        <v>211.3</v>
      </c>
      <c r="C17259">
        <v>14163.6</v>
      </c>
      <c r="D17259">
        <v>3.7</v>
      </c>
      <c r="E17259">
        <v>3360.73</v>
      </c>
      <c r="F17259">
        <v>92.319900000000004</v>
      </c>
    </row>
    <row r="17260" spans="1:6" x14ac:dyDescent="0.25">
      <c r="A17260">
        <v>171.3</v>
      </c>
      <c r="B17260">
        <v>211.3</v>
      </c>
      <c r="C17260">
        <v>14163.6</v>
      </c>
      <c r="D17260">
        <v>4</v>
      </c>
      <c r="E17260">
        <v>3417.62</v>
      </c>
      <c r="F17260">
        <v>79.263800000000003</v>
      </c>
    </row>
    <row r="17261" spans="1:6" x14ac:dyDescent="0.25">
      <c r="A17261">
        <v>171.3</v>
      </c>
      <c r="B17261">
        <v>211.3</v>
      </c>
      <c r="C17261">
        <v>15709.1</v>
      </c>
      <c r="D17261">
        <v>1</v>
      </c>
      <c r="E17261">
        <v>4920.03</v>
      </c>
      <c r="F17261">
        <v>86.072299999999998</v>
      </c>
    </row>
    <row r="17262" spans="1:6" x14ac:dyDescent="0.25">
      <c r="A17262">
        <v>171.3</v>
      </c>
      <c r="B17262">
        <v>211.3</v>
      </c>
      <c r="C17262">
        <v>15709.1</v>
      </c>
      <c r="D17262">
        <v>1.3</v>
      </c>
      <c r="E17262">
        <v>4456.42</v>
      </c>
      <c r="F17262">
        <v>78.077500000000001</v>
      </c>
    </row>
    <row r="17263" spans="1:6" x14ac:dyDescent="0.25">
      <c r="A17263">
        <v>171.3</v>
      </c>
      <c r="B17263">
        <v>211.3</v>
      </c>
      <c r="C17263">
        <v>15709.1</v>
      </c>
      <c r="D17263">
        <v>1.6</v>
      </c>
      <c r="E17263">
        <v>4090.49</v>
      </c>
      <c r="F17263">
        <v>74.488399999999999</v>
      </c>
    </row>
    <row r="17264" spans="1:6" x14ac:dyDescent="0.25">
      <c r="A17264">
        <v>171.3</v>
      </c>
      <c r="B17264">
        <v>211.3</v>
      </c>
      <c r="C17264">
        <v>15709.1</v>
      </c>
      <c r="D17264">
        <v>1.9</v>
      </c>
      <c r="E17264">
        <v>3911.67</v>
      </c>
      <c r="F17264">
        <v>88.646299999999997</v>
      </c>
    </row>
    <row r="17265" spans="1:6" x14ac:dyDescent="0.25">
      <c r="A17265">
        <v>171.3</v>
      </c>
      <c r="B17265">
        <v>211.3</v>
      </c>
      <c r="C17265">
        <v>15709.1</v>
      </c>
      <c r="D17265">
        <v>2.2000000000000002</v>
      </c>
      <c r="E17265">
        <v>3770.06</v>
      </c>
      <c r="F17265">
        <v>88.7102</v>
      </c>
    </row>
    <row r="17266" spans="1:6" x14ac:dyDescent="0.25">
      <c r="A17266">
        <v>171.3</v>
      </c>
      <c r="B17266">
        <v>211.3</v>
      </c>
      <c r="C17266">
        <v>15709.1</v>
      </c>
      <c r="D17266">
        <v>2.5</v>
      </c>
      <c r="E17266">
        <v>3628.78</v>
      </c>
      <c r="F17266">
        <v>90.121499999999997</v>
      </c>
    </row>
    <row r="17267" spans="1:6" x14ac:dyDescent="0.25">
      <c r="A17267">
        <v>171.3</v>
      </c>
      <c r="B17267">
        <v>211.3</v>
      </c>
      <c r="C17267">
        <v>15709.1</v>
      </c>
      <c r="D17267">
        <v>2.8</v>
      </c>
      <c r="E17267">
        <v>3576.13</v>
      </c>
      <c r="F17267">
        <v>81.687899999999999</v>
      </c>
    </row>
    <row r="17268" spans="1:6" x14ac:dyDescent="0.25">
      <c r="A17268">
        <v>171.3</v>
      </c>
      <c r="B17268">
        <v>211.3</v>
      </c>
      <c r="C17268">
        <v>15709.1</v>
      </c>
      <c r="D17268">
        <v>3.1</v>
      </c>
      <c r="E17268">
        <v>3454.94</v>
      </c>
      <c r="F17268">
        <v>77.115099999999998</v>
      </c>
    </row>
    <row r="17269" spans="1:6" x14ac:dyDescent="0.25">
      <c r="A17269">
        <v>171.3</v>
      </c>
      <c r="B17269">
        <v>211.3</v>
      </c>
      <c r="C17269">
        <v>15709.1</v>
      </c>
      <c r="D17269">
        <v>3.4</v>
      </c>
      <c r="E17269">
        <v>3498.06</v>
      </c>
      <c r="F17269">
        <v>80.956699999999998</v>
      </c>
    </row>
    <row r="17270" spans="1:6" x14ac:dyDescent="0.25">
      <c r="A17270">
        <v>171.3</v>
      </c>
      <c r="B17270">
        <v>211.3</v>
      </c>
      <c r="C17270">
        <v>15709.1</v>
      </c>
      <c r="D17270">
        <v>3.7</v>
      </c>
      <c r="E17270">
        <v>3360.73</v>
      </c>
      <c r="F17270">
        <v>92.319900000000004</v>
      </c>
    </row>
    <row r="17271" spans="1:6" x14ac:dyDescent="0.25">
      <c r="A17271">
        <v>171.3</v>
      </c>
      <c r="B17271">
        <v>211.3</v>
      </c>
      <c r="C17271">
        <v>15709.1</v>
      </c>
      <c r="D17271">
        <v>4</v>
      </c>
      <c r="E17271">
        <v>3417.62</v>
      </c>
      <c r="F17271">
        <v>79.263800000000003</v>
      </c>
    </row>
    <row r="17272" spans="1:6" x14ac:dyDescent="0.25">
      <c r="A17272">
        <v>171.3</v>
      </c>
      <c r="B17272">
        <v>211.3</v>
      </c>
      <c r="C17272">
        <v>17254.5</v>
      </c>
      <c r="D17272">
        <v>1</v>
      </c>
      <c r="E17272">
        <v>4920.03</v>
      </c>
      <c r="F17272">
        <v>86.072299999999998</v>
      </c>
    </row>
    <row r="17273" spans="1:6" x14ac:dyDescent="0.25">
      <c r="A17273">
        <v>171.3</v>
      </c>
      <c r="B17273">
        <v>211.3</v>
      </c>
      <c r="C17273">
        <v>17254.5</v>
      </c>
      <c r="D17273">
        <v>1.3</v>
      </c>
      <c r="E17273">
        <v>4456.42</v>
      </c>
      <c r="F17273">
        <v>78.077500000000001</v>
      </c>
    </row>
    <row r="17274" spans="1:6" x14ac:dyDescent="0.25">
      <c r="A17274">
        <v>171.3</v>
      </c>
      <c r="B17274">
        <v>211.3</v>
      </c>
      <c r="C17274">
        <v>17254.5</v>
      </c>
      <c r="D17274">
        <v>1.6</v>
      </c>
      <c r="E17274">
        <v>4090.49</v>
      </c>
      <c r="F17274">
        <v>74.488399999999999</v>
      </c>
    </row>
    <row r="17275" spans="1:6" x14ac:dyDescent="0.25">
      <c r="A17275">
        <v>171.3</v>
      </c>
      <c r="B17275">
        <v>211.3</v>
      </c>
      <c r="C17275">
        <v>17254.5</v>
      </c>
      <c r="D17275">
        <v>1.9</v>
      </c>
      <c r="E17275">
        <v>3911.67</v>
      </c>
      <c r="F17275">
        <v>88.646299999999997</v>
      </c>
    </row>
    <row r="17276" spans="1:6" x14ac:dyDescent="0.25">
      <c r="A17276">
        <v>171.3</v>
      </c>
      <c r="B17276">
        <v>211.3</v>
      </c>
      <c r="C17276">
        <v>17254.5</v>
      </c>
      <c r="D17276">
        <v>2.2000000000000002</v>
      </c>
      <c r="E17276">
        <v>3770.06</v>
      </c>
      <c r="F17276">
        <v>88.7102</v>
      </c>
    </row>
    <row r="17277" spans="1:6" x14ac:dyDescent="0.25">
      <c r="A17277">
        <v>171.3</v>
      </c>
      <c r="B17277">
        <v>211.3</v>
      </c>
      <c r="C17277">
        <v>17254.5</v>
      </c>
      <c r="D17277">
        <v>2.5</v>
      </c>
      <c r="E17277">
        <v>3628.78</v>
      </c>
      <c r="F17277">
        <v>90.121499999999997</v>
      </c>
    </row>
    <row r="17278" spans="1:6" x14ac:dyDescent="0.25">
      <c r="A17278">
        <v>171.3</v>
      </c>
      <c r="B17278">
        <v>211.3</v>
      </c>
      <c r="C17278">
        <v>17254.5</v>
      </c>
      <c r="D17278">
        <v>2.8</v>
      </c>
      <c r="E17278">
        <v>3576.13</v>
      </c>
      <c r="F17278">
        <v>81.687899999999999</v>
      </c>
    </row>
    <row r="17279" spans="1:6" x14ac:dyDescent="0.25">
      <c r="A17279">
        <v>171.3</v>
      </c>
      <c r="B17279">
        <v>211.3</v>
      </c>
      <c r="C17279">
        <v>17254.5</v>
      </c>
      <c r="D17279">
        <v>3.1</v>
      </c>
      <c r="E17279">
        <v>3454.94</v>
      </c>
      <c r="F17279">
        <v>77.115099999999998</v>
      </c>
    </row>
    <row r="17280" spans="1:6" x14ac:dyDescent="0.25">
      <c r="A17280">
        <v>171.3</v>
      </c>
      <c r="B17280">
        <v>211.3</v>
      </c>
      <c r="C17280">
        <v>17254.5</v>
      </c>
      <c r="D17280">
        <v>3.4</v>
      </c>
      <c r="E17280">
        <v>3498.06</v>
      </c>
      <c r="F17280">
        <v>80.956699999999998</v>
      </c>
    </row>
    <row r="17281" spans="1:6" x14ac:dyDescent="0.25">
      <c r="A17281">
        <v>171.3</v>
      </c>
      <c r="B17281">
        <v>211.3</v>
      </c>
      <c r="C17281">
        <v>17254.5</v>
      </c>
      <c r="D17281">
        <v>3.7</v>
      </c>
      <c r="E17281">
        <v>3360.73</v>
      </c>
      <c r="F17281">
        <v>92.319900000000004</v>
      </c>
    </row>
    <row r="17282" spans="1:6" x14ac:dyDescent="0.25">
      <c r="A17282">
        <v>171.3</v>
      </c>
      <c r="B17282">
        <v>211.3</v>
      </c>
      <c r="C17282">
        <v>17254.5</v>
      </c>
      <c r="D17282">
        <v>4</v>
      </c>
      <c r="E17282">
        <v>3417.62</v>
      </c>
      <c r="F17282">
        <v>79.263800000000003</v>
      </c>
    </row>
    <row r="17283" spans="1:6" x14ac:dyDescent="0.25">
      <c r="A17283">
        <v>171.3</v>
      </c>
      <c r="B17283">
        <v>211.3</v>
      </c>
      <c r="C17283">
        <v>18800</v>
      </c>
      <c r="D17283">
        <v>1</v>
      </c>
      <c r="E17283">
        <v>4920.03</v>
      </c>
      <c r="F17283">
        <v>86.072299999999998</v>
      </c>
    </row>
    <row r="17284" spans="1:6" x14ac:dyDescent="0.25">
      <c r="A17284">
        <v>171.3</v>
      </c>
      <c r="B17284">
        <v>211.3</v>
      </c>
      <c r="C17284">
        <v>18800</v>
      </c>
      <c r="D17284">
        <v>1.3</v>
      </c>
      <c r="E17284">
        <v>4456.42</v>
      </c>
      <c r="F17284">
        <v>78.077500000000001</v>
      </c>
    </row>
    <row r="17285" spans="1:6" x14ac:dyDescent="0.25">
      <c r="A17285">
        <v>171.3</v>
      </c>
      <c r="B17285">
        <v>211.3</v>
      </c>
      <c r="C17285">
        <v>18800</v>
      </c>
      <c r="D17285">
        <v>1.6</v>
      </c>
      <c r="E17285">
        <v>4090.49</v>
      </c>
      <c r="F17285">
        <v>74.488399999999999</v>
      </c>
    </row>
    <row r="17286" spans="1:6" x14ac:dyDescent="0.25">
      <c r="A17286">
        <v>171.3</v>
      </c>
      <c r="B17286">
        <v>211.3</v>
      </c>
      <c r="C17286">
        <v>18800</v>
      </c>
      <c r="D17286">
        <v>1.9</v>
      </c>
      <c r="E17286">
        <v>3911.67</v>
      </c>
      <c r="F17286">
        <v>88.646299999999997</v>
      </c>
    </row>
    <row r="17287" spans="1:6" x14ac:dyDescent="0.25">
      <c r="A17287">
        <v>171.3</v>
      </c>
      <c r="B17287">
        <v>211.3</v>
      </c>
      <c r="C17287">
        <v>18800</v>
      </c>
      <c r="D17287">
        <v>2.2000000000000002</v>
      </c>
      <c r="E17287">
        <v>3770.06</v>
      </c>
      <c r="F17287">
        <v>88.7102</v>
      </c>
    </row>
    <row r="17288" spans="1:6" x14ac:dyDescent="0.25">
      <c r="A17288">
        <v>171.3</v>
      </c>
      <c r="B17288">
        <v>211.3</v>
      </c>
      <c r="C17288">
        <v>18800</v>
      </c>
      <c r="D17288">
        <v>2.5</v>
      </c>
      <c r="E17288">
        <v>3628.78</v>
      </c>
      <c r="F17288">
        <v>90.121499999999997</v>
      </c>
    </row>
    <row r="17289" spans="1:6" x14ac:dyDescent="0.25">
      <c r="A17289">
        <v>171.3</v>
      </c>
      <c r="B17289">
        <v>211.3</v>
      </c>
      <c r="C17289">
        <v>18800</v>
      </c>
      <c r="D17289">
        <v>2.8</v>
      </c>
      <c r="E17289">
        <v>3576.13</v>
      </c>
      <c r="F17289">
        <v>81.687899999999999</v>
      </c>
    </row>
    <row r="17290" spans="1:6" x14ac:dyDescent="0.25">
      <c r="A17290">
        <v>171.3</v>
      </c>
      <c r="B17290">
        <v>211.3</v>
      </c>
      <c r="C17290">
        <v>18800</v>
      </c>
      <c r="D17290">
        <v>3.1</v>
      </c>
      <c r="E17290">
        <v>3454.94</v>
      </c>
      <c r="F17290">
        <v>77.115099999999998</v>
      </c>
    </row>
    <row r="17291" spans="1:6" x14ac:dyDescent="0.25">
      <c r="A17291">
        <v>171.3</v>
      </c>
      <c r="B17291">
        <v>211.3</v>
      </c>
      <c r="C17291">
        <v>18800</v>
      </c>
      <c r="D17291">
        <v>3.4</v>
      </c>
      <c r="E17291">
        <v>3498.06</v>
      </c>
      <c r="F17291">
        <v>80.956699999999998</v>
      </c>
    </row>
    <row r="17292" spans="1:6" x14ac:dyDescent="0.25">
      <c r="A17292">
        <v>171.3</v>
      </c>
      <c r="B17292">
        <v>211.3</v>
      </c>
      <c r="C17292">
        <v>18800</v>
      </c>
      <c r="D17292">
        <v>3.7</v>
      </c>
      <c r="E17292">
        <v>3360.73</v>
      </c>
      <c r="F17292">
        <v>92.319900000000004</v>
      </c>
    </row>
    <row r="17293" spans="1:6" x14ac:dyDescent="0.25">
      <c r="A17293">
        <v>171.3</v>
      </c>
      <c r="B17293">
        <v>211.3</v>
      </c>
      <c r="C17293">
        <v>18800</v>
      </c>
      <c r="D17293">
        <v>4</v>
      </c>
      <c r="E17293">
        <v>3417.62</v>
      </c>
      <c r="F17293">
        <v>79.263800000000003</v>
      </c>
    </row>
    <row r="17294" spans="1:6" x14ac:dyDescent="0.25">
      <c r="A17294">
        <v>171.3</v>
      </c>
      <c r="B17294">
        <v>214.93</v>
      </c>
      <c r="C17294">
        <v>1800</v>
      </c>
      <c r="D17294">
        <v>1</v>
      </c>
      <c r="E17294">
        <v>4920.03</v>
      </c>
      <c r="F17294">
        <v>86.072299999999998</v>
      </c>
    </row>
    <row r="17295" spans="1:6" x14ac:dyDescent="0.25">
      <c r="A17295">
        <v>171.3</v>
      </c>
      <c r="B17295">
        <v>214.93</v>
      </c>
      <c r="C17295">
        <v>1800</v>
      </c>
      <c r="D17295">
        <v>1.3</v>
      </c>
      <c r="E17295">
        <v>4456.42</v>
      </c>
      <c r="F17295">
        <v>78.077500000000001</v>
      </c>
    </row>
    <row r="17296" spans="1:6" x14ac:dyDescent="0.25">
      <c r="A17296">
        <v>171.3</v>
      </c>
      <c r="B17296">
        <v>214.93</v>
      </c>
      <c r="C17296">
        <v>1800</v>
      </c>
      <c r="D17296">
        <v>1.6</v>
      </c>
      <c r="E17296">
        <v>4090.49</v>
      </c>
      <c r="F17296">
        <v>74.488399999999999</v>
      </c>
    </row>
    <row r="17297" spans="1:6" x14ac:dyDescent="0.25">
      <c r="A17297">
        <v>171.3</v>
      </c>
      <c r="B17297">
        <v>214.93</v>
      </c>
      <c r="C17297">
        <v>1800</v>
      </c>
      <c r="D17297">
        <v>1.9</v>
      </c>
      <c r="E17297">
        <v>3763.97</v>
      </c>
      <c r="F17297">
        <v>88.646299999999997</v>
      </c>
    </row>
    <row r="17298" spans="1:6" x14ac:dyDescent="0.25">
      <c r="A17298">
        <v>171.3</v>
      </c>
      <c r="B17298">
        <v>214.93</v>
      </c>
      <c r="C17298">
        <v>1800</v>
      </c>
      <c r="D17298">
        <v>2.2000000000000002</v>
      </c>
      <c r="E17298">
        <v>3621.99</v>
      </c>
      <c r="F17298">
        <v>88.7102</v>
      </c>
    </row>
    <row r="17299" spans="1:6" x14ac:dyDescent="0.25">
      <c r="A17299">
        <v>171.3</v>
      </c>
      <c r="B17299">
        <v>214.93</v>
      </c>
      <c r="C17299">
        <v>1800</v>
      </c>
      <c r="D17299">
        <v>2.5</v>
      </c>
      <c r="E17299">
        <v>3369.2</v>
      </c>
      <c r="F17299">
        <v>90.121499999999997</v>
      </c>
    </row>
    <row r="17300" spans="1:6" x14ac:dyDescent="0.25">
      <c r="A17300">
        <v>171.3</v>
      </c>
      <c r="B17300">
        <v>214.93</v>
      </c>
      <c r="C17300">
        <v>1800</v>
      </c>
      <c r="D17300">
        <v>2.8</v>
      </c>
      <c r="E17300">
        <v>3250.65</v>
      </c>
      <c r="F17300">
        <v>81.687899999999999</v>
      </c>
    </row>
    <row r="17301" spans="1:6" x14ac:dyDescent="0.25">
      <c r="A17301">
        <v>171.3</v>
      </c>
      <c r="B17301">
        <v>214.93</v>
      </c>
      <c r="C17301">
        <v>1800</v>
      </c>
      <c r="D17301">
        <v>3.1</v>
      </c>
      <c r="E17301">
        <v>3243.49</v>
      </c>
      <c r="F17301">
        <v>77.115099999999998</v>
      </c>
    </row>
    <row r="17302" spans="1:6" x14ac:dyDescent="0.25">
      <c r="A17302">
        <v>171.3</v>
      </c>
      <c r="B17302">
        <v>214.93</v>
      </c>
      <c r="C17302">
        <v>1800</v>
      </c>
      <c r="D17302">
        <v>3.4</v>
      </c>
      <c r="E17302">
        <v>3181.86</v>
      </c>
      <c r="F17302">
        <v>80.956699999999998</v>
      </c>
    </row>
    <row r="17303" spans="1:6" x14ac:dyDescent="0.25">
      <c r="A17303">
        <v>171.3</v>
      </c>
      <c r="B17303">
        <v>214.93</v>
      </c>
      <c r="C17303">
        <v>1800</v>
      </c>
      <c r="D17303">
        <v>3.7</v>
      </c>
      <c r="E17303">
        <v>3060.25</v>
      </c>
      <c r="F17303">
        <v>92.319900000000004</v>
      </c>
    </row>
    <row r="17304" spans="1:6" x14ac:dyDescent="0.25">
      <c r="A17304">
        <v>171.3</v>
      </c>
      <c r="B17304">
        <v>214.93</v>
      </c>
      <c r="C17304">
        <v>1800</v>
      </c>
      <c r="D17304">
        <v>4</v>
      </c>
      <c r="E17304">
        <v>2974.12</v>
      </c>
      <c r="F17304">
        <v>79.263800000000003</v>
      </c>
    </row>
    <row r="17305" spans="1:6" x14ac:dyDescent="0.25">
      <c r="A17305">
        <v>171.3</v>
      </c>
      <c r="B17305">
        <v>214.93</v>
      </c>
      <c r="C17305">
        <v>3345.45</v>
      </c>
      <c r="D17305">
        <v>1</v>
      </c>
      <c r="E17305">
        <v>4920.03</v>
      </c>
      <c r="F17305">
        <v>86.072299999999998</v>
      </c>
    </row>
    <row r="17306" spans="1:6" x14ac:dyDescent="0.25">
      <c r="A17306">
        <v>171.3</v>
      </c>
      <c r="B17306">
        <v>214.93</v>
      </c>
      <c r="C17306">
        <v>3345.45</v>
      </c>
      <c r="D17306">
        <v>1.3</v>
      </c>
      <c r="E17306">
        <v>4456.42</v>
      </c>
      <c r="F17306">
        <v>78.077500000000001</v>
      </c>
    </row>
    <row r="17307" spans="1:6" x14ac:dyDescent="0.25">
      <c r="A17307">
        <v>171.3</v>
      </c>
      <c r="B17307">
        <v>214.93</v>
      </c>
      <c r="C17307">
        <v>3345.45</v>
      </c>
      <c r="D17307">
        <v>1.6</v>
      </c>
      <c r="E17307">
        <v>4090.49</v>
      </c>
      <c r="F17307">
        <v>74.488399999999999</v>
      </c>
    </row>
    <row r="17308" spans="1:6" x14ac:dyDescent="0.25">
      <c r="A17308">
        <v>171.3</v>
      </c>
      <c r="B17308">
        <v>214.93</v>
      </c>
      <c r="C17308">
        <v>3345.45</v>
      </c>
      <c r="D17308">
        <v>1.9</v>
      </c>
      <c r="E17308">
        <v>3911.67</v>
      </c>
      <c r="F17308">
        <v>88.646299999999997</v>
      </c>
    </row>
    <row r="17309" spans="1:6" x14ac:dyDescent="0.25">
      <c r="A17309">
        <v>171.3</v>
      </c>
      <c r="B17309">
        <v>214.93</v>
      </c>
      <c r="C17309">
        <v>3345.45</v>
      </c>
      <c r="D17309">
        <v>2.2000000000000002</v>
      </c>
      <c r="E17309">
        <v>3770.06</v>
      </c>
      <c r="F17309">
        <v>88.7102</v>
      </c>
    </row>
    <row r="17310" spans="1:6" x14ac:dyDescent="0.25">
      <c r="A17310">
        <v>171.3</v>
      </c>
      <c r="B17310">
        <v>214.93</v>
      </c>
      <c r="C17310">
        <v>3345.45</v>
      </c>
      <c r="D17310">
        <v>2.5</v>
      </c>
      <c r="E17310">
        <v>3628.78</v>
      </c>
      <c r="F17310">
        <v>90.121499999999997</v>
      </c>
    </row>
    <row r="17311" spans="1:6" x14ac:dyDescent="0.25">
      <c r="A17311">
        <v>171.3</v>
      </c>
      <c r="B17311">
        <v>214.93</v>
      </c>
      <c r="C17311">
        <v>3345.45</v>
      </c>
      <c r="D17311">
        <v>2.8</v>
      </c>
      <c r="E17311">
        <v>3576.13</v>
      </c>
      <c r="F17311">
        <v>81.687899999999999</v>
      </c>
    </row>
    <row r="17312" spans="1:6" x14ac:dyDescent="0.25">
      <c r="A17312">
        <v>171.3</v>
      </c>
      <c r="B17312">
        <v>214.93</v>
      </c>
      <c r="C17312">
        <v>3345.45</v>
      </c>
      <c r="D17312">
        <v>3.1</v>
      </c>
      <c r="E17312">
        <v>3454.94</v>
      </c>
      <c r="F17312">
        <v>77.115099999999998</v>
      </c>
    </row>
    <row r="17313" spans="1:6" x14ac:dyDescent="0.25">
      <c r="A17313">
        <v>171.3</v>
      </c>
      <c r="B17313">
        <v>214.93</v>
      </c>
      <c r="C17313">
        <v>3345.45</v>
      </c>
      <c r="D17313">
        <v>3.4</v>
      </c>
      <c r="E17313">
        <v>3498.06</v>
      </c>
      <c r="F17313">
        <v>80.956699999999998</v>
      </c>
    </row>
    <row r="17314" spans="1:6" x14ac:dyDescent="0.25">
      <c r="A17314">
        <v>171.3</v>
      </c>
      <c r="B17314">
        <v>214.93</v>
      </c>
      <c r="C17314">
        <v>3345.45</v>
      </c>
      <c r="D17314">
        <v>3.7</v>
      </c>
      <c r="E17314">
        <v>3360.73</v>
      </c>
      <c r="F17314">
        <v>92.319900000000004</v>
      </c>
    </row>
    <row r="17315" spans="1:6" x14ac:dyDescent="0.25">
      <c r="A17315">
        <v>171.3</v>
      </c>
      <c r="B17315">
        <v>214.93</v>
      </c>
      <c r="C17315">
        <v>3345.45</v>
      </c>
      <c r="D17315">
        <v>4</v>
      </c>
      <c r="E17315">
        <v>3417.62</v>
      </c>
      <c r="F17315">
        <v>79.263800000000003</v>
      </c>
    </row>
    <row r="17316" spans="1:6" x14ac:dyDescent="0.25">
      <c r="A17316">
        <v>171.3</v>
      </c>
      <c r="B17316">
        <v>214.93</v>
      </c>
      <c r="C17316">
        <v>4890.8999999999996</v>
      </c>
      <c r="D17316">
        <v>1</v>
      </c>
      <c r="E17316">
        <v>4920.03</v>
      </c>
      <c r="F17316">
        <v>86.072299999999998</v>
      </c>
    </row>
    <row r="17317" spans="1:6" x14ac:dyDescent="0.25">
      <c r="A17317">
        <v>171.3</v>
      </c>
      <c r="B17317">
        <v>214.93</v>
      </c>
      <c r="C17317">
        <v>4890.8999999999996</v>
      </c>
      <c r="D17317">
        <v>1.3</v>
      </c>
      <c r="E17317">
        <v>4456.42</v>
      </c>
      <c r="F17317">
        <v>78.077500000000001</v>
      </c>
    </row>
    <row r="17318" spans="1:6" x14ac:dyDescent="0.25">
      <c r="A17318">
        <v>171.3</v>
      </c>
      <c r="B17318">
        <v>214.93</v>
      </c>
      <c r="C17318">
        <v>4890.8999999999996</v>
      </c>
      <c r="D17318">
        <v>1.6</v>
      </c>
      <c r="E17318">
        <v>4090.49</v>
      </c>
      <c r="F17318">
        <v>74.488399999999999</v>
      </c>
    </row>
    <row r="17319" spans="1:6" x14ac:dyDescent="0.25">
      <c r="A17319">
        <v>171.3</v>
      </c>
      <c r="B17319">
        <v>214.93</v>
      </c>
      <c r="C17319">
        <v>4890.8999999999996</v>
      </c>
      <c r="D17319">
        <v>1.9</v>
      </c>
      <c r="E17319">
        <v>3911.67</v>
      </c>
      <c r="F17319">
        <v>88.646299999999997</v>
      </c>
    </row>
    <row r="17320" spans="1:6" x14ac:dyDescent="0.25">
      <c r="A17320">
        <v>171.3</v>
      </c>
      <c r="B17320">
        <v>214.93</v>
      </c>
      <c r="C17320">
        <v>4890.8999999999996</v>
      </c>
      <c r="D17320">
        <v>2.2000000000000002</v>
      </c>
      <c r="E17320">
        <v>3770.06</v>
      </c>
      <c r="F17320">
        <v>88.7102</v>
      </c>
    </row>
    <row r="17321" spans="1:6" x14ac:dyDescent="0.25">
      <c r="A17321">
        <v>171.3</v>
      </c>
      <c r="B17321">
        <v>214.93</v>
      </c>
      <c r="C17321">
        <v>4890.8999999999996</v>
      </c>
      <c r="D17321">
        <v>2.5</v>
      </c>
      <c r="E17321">
        <v>3628.78</v>
      </c>
      <c r="F17321">
        <v>90.121499999999997</v>
      </c>
    </row>
    <row r="17322" spans="1:6" x14ac:dyDescent="0.25">
      <c r="A17322">
        <v>171.3</v>
      </c>
      <c r="B17322">
        <v>214.93</v>
      </c>
      <c r="C17322">
        <v>4890.8999999999996</v>
      </c>
      <c r="D17322">
        <v>2.8</v>
      </c>
      <c r="E17322">
        <v>3576.13</v>
      </c>
      <c r="F17322">
        <v>81.687899999999999</v>
      </c>
    </row>
    <row r="17323" spans="1:6" x14ac:dyDescent="0.25">
      <c r="A17323">
        <v>171.3</v>
      </c>
      <c r="B17323">
        <v>214.93</v>
      </c>
      <c r="C17323">
        <v>4890.8999999999996</v>
      </c>
      <c r="D17323">
        <v>3.1</v>
      </c>
      <c r="E17323">
        <v>3454.94</v>
      </c>
      <c r="F17323">
        <v>77.115099999999998</v>
      </c>
    </row>
    <row r="17324" spans="1:6" x14ac:dyDescent="0.25">
      <c r="A17324">
        <v>171.3</v>
      </c>
      <c r="B17324">
        <v>214.93</v>
      </c>
      <c r="C17324">
        <v>4890.8999999999996</v>
      </c>
      <c r="D17324">
        <v>3.4</v>
      </c>
      <c r="E17324">
        <v>3498.06</v>
      </c>
      <c r="F17324">
        <v>80.956699999999998</v>
      </c>
    </row>
    <row r="17325" spans="1:6" x14ac:dyDescent="0.25">
      <c r="A17325">
        <v>171.3</v>
      </c>
      <c r="B17325">
        <v>214.93</v>
      </c>
      <c r="C17325">
        <v>4890.8999999999996</v>
      </c>
      <c r="D17325">
        <v>3.7</v>
      </c>
      <c r="E17325">
        <v>3360.73</v>
      </c>
      <c r="F17325">
        <v>92.319900000000004</v>
      </c>
    </row>
    <row r="17326" spans="1:6" x14ac:dyDescent="0.25">
      <c r="A17326">
        <v>171.3</v>
      </c>
      <c r="B17326">
        <v>214.93</v>
      </c>
      <c r="C17326">
        <v>4890.8999999999996</v>
      </c>
      <c r="D17326">
        <v>4</v>
      </c>
      <c r="E17326">
        <v>3417.62</v>
      </c>
      <c r="F17326">
        <v>79.263800000000003</v>
      </c>
    </row>
    <row r="17327" spans="1:6" x14ac:dyDescent="0.25">
      <c r="A17327">
        <v>171.3</v>
      </c>
      <c r="B17327">
        <v>214.93</v>
      </c>
      <c r="C17327">
        <v>6436.35</v>
      </c>
      <c r="D17327">
        <v>1</v>
      </c>
      <c r="E17327">
        <v>4920.03</v>
      </c>
      <c r="F17327">
        <v>86.072299999999998</v>
      </c>
    </row>
    <row r="17328" spans="1:6" x14ac:dyDescent="0.25">
      <c r="A17328">
        <v>171.3</v>
      </c>
      <c r="B17328">
        <v>214.93</v>
      </c>
      <c r="C17328">
        <v>6436.35</v>
      </c>
      <c r="D17328">
        <v>1.3</v>
      </c>
      <c r="E17328">
        <v>4456.42</v>
      </c>
      <c r="F17328">
        <v>78.077500000000001</v>
      </c>
    </row>
    <row r="17329" spans="1:6" x14ac:dyDescent="0.25">
      <c r="A17329">
        <v>171.3</v>
      </c>
      <c r="B17329">
        <v>214.93</v>
      </c>
      <c r="C17329">
        <v>6436.35</v>
      </c>
      <c r="D17329">
        <v>1.6</v>
      </c>
      <c r="E17329">
        <v>4090.49</v>
      </c>
      <c r="F17329">
        <v>74.488399999999999</v>
      </c>
    </row>
    <row r="17330" spans="1:6" x14ac:dyDescent="0.25">
      <c r="A17330">
        <v>171.3</v>
      </c>
      <c r="B17330">
        <v>214.93</v>
      </c>
      <c r="C17330">
        <v>6436.35</v>
      </c>
      <c r="D17330">
        <v>1.9</v>
      </c>
      <c r="E17330">
        <v>3911.67</v>
      </c>
      <c r="F17330">
        <v>88.646299999999997</v>
      </c>
    </row>
    <row r="17331" spans="1:6" x14ac:dyDescent="0.25">
      <c r="A17331">
        <v>171.3</v>
      </c>
      <c r="B17331">
        <v>214.93</v>
      </c>
      <c r="C17331">
        <v>6436.35</v>
      </c>
      <c r="D17331">
        <v>2.2000000000000002</v>
      </c>
      <c r="E17331">
        <v>3770.06</v>
      </c>
      <c r="F17331">
        <v>88.7102</v>
      </c>
    </row>
    <row r="17332" spans="1:6" x14ac:dyDescent="0.25">
      <c r="A17332">
        <v>171.3</v>
      </c>
      <c r="B17332">
        <v>214.93</v>
      </c>
      <c r="C17332">
        <v>6436.35</v>
      </c>
      <c r="D17332">
        <v>2.5</v>
      </c>
      <c r="E17332">
        <v>3628.78</v>
      </c>
      <c r="F17332">
        <v>90.121499999999997</v>
      </c>
    </row>
    <row r="17333" spans="1:6" x14ac:dyDescent="0.25">
      <c r="A17333">
        <v>171.3</v>
      </c>
      <c r="B17333">
        <v>214.93</v>
      </c>
      <c r="C17333">
        <v>6436.35</v>
      </c>
      <c r="D17333">
        <v>2.8</v>
      </c>
      <c r="E17333">
        <v>3576.13</v>
      </c>
      <c r="F17333">
        <v>81.687899999999999</v>
      </c>
    </row>
    <row r="17334" spans="1:6" x14ac:dyDescent="0.25">
      <c r="A17334">
        <v>171.3</v>
      </c>
      <c r="B17334">
        <v>214.93</v>
      </c>
      <c r="C17334">
        <v>6436.35</v>
      </c>
      <c r="D17334">
        <v>3.1</v>
      </c>
      <c r="E17334">
        <v>3454.94</v>
      </c>
      <c r="F17334">
        <v>77.115099999999998</v>
      </c>
    </row>
    <row r="17335" spans="1:6" x14ac:dyDescent="0.25">
      <c r="A17335">
        <v>171.3</v>
      </c>
      <c r="B17335">
        <v>214.93</v>
      </c>
      <c r="C17335">
        <v>6436.35</v>
      </c>
      <c r="D17335">
        <v>3.4</v>
      </c>
      <c r="E17335">
        <v>3498.06</v>
      </c>
      <c r="F17335">
        <v>80.956699999999998</v>
      </c>
    </row>
    <row r="17336" spans="1:6" x14ac:dyDescent="0.25">
      <c r="A17336">
        <v>171.3</v>
      </c>
      <c r="B17336">
        <v>214.93</v>
      </c>
      <c r="C17336">
        <v>6436.35</v>
      </c>
      <c r="D17336">
        <v>3.7</v>
      </c>
      <c r="E17336">
        <v>3360.73</v>
      </c>
      <c r="F17336">
        <v>92.319900000000004</v>
      </c>
    </row>
    <row r="17337" spans="1:6" x14ac:dyDescent="0.25">
      <c r="A17337">
        <v>171.3</v>
      </c>
      <c r="B17337">
        <v>214.93</v>
      </c>
      <c r="C17337">
        <v>6436.35</v>
      </c>
      <c r="D17337">
        <v>4</v>
      </c>
      <c r="E17337">
        <v>3417.62</v>
      </c>
      <c r="F17337">
        <v>79.263800000000003</v>
      </c>
    </row>
    <row r="17338" spans="1:6" x14ac:dyDescent="0.25">
      <c r="A17338">
        <v>171.3</v>
      </c>
      <c r="B17338">
        <v>214.93</v>
      </c>
      <c r="C17338">
        <v>7981.8</v>
      </c>
      <c r="D17338">
        <v>1</v>
      </c>
      <c r="E17338">
        <v>4920.03</v>
      </c>
      <c r="F17338">
        <v>86.072299999999998</v>
      </c>
    </row>
    <row r="17339" spans="1:6" x14ac:dyDescent="0.25">
      <c r="A17339">
        <v>171.3</v>
      </c>
      <c r="B17339">
        <v>214.93</v>
      </c>
      <c r="C17339">
        <v>7981.8</v>
      </c>
      <c r="D17339">
        <v>1.3</v>
      </c>
      <c r="E17339">
        <v>4456.42</v>
      </c>
      <c r="F17339">
        <v>78.077500000000001</v>
      </c>
    </row>
    <row r="17340" spans="1:6" x14ac:dyDescent="0.25">
      <c r="A17340">
        <v>171.3</v>
      </c>
      <c r="B17340">
        <v>214.93</v>
      </c>
      <c r="C17340">
        <v>7981.8</v>
      </c>
      <c r="D17340">
        <v>1.6</v>
      </c>
      <c r="E17340">
        <v>4090.49</v>
      </c>
      <c r="F17340">
        <v>74.488399999999999</v>
      </c>
    </row>
    <row r="17341" spans="1:6" x14ac:dyDescent="0.25">
      <c r="A17341">
        <v>171.3</v>
      </c>
      <c r="B17341">
        <v>214.93</v>
      </c>
      <c r="C17341">
        <v>7981.8</v>
      </c>
      <c r="D17341">
        <v>1.9</v>
      </c>
      <c r="E17341">
        <v>3911.67</v>
      </c>
      <c r="F17341">
        <v>88.646299999999997</v>
      </c>
    </row>
    <row r="17342" spans="1:6" x14ac:dyDescent="0.25">
      <c r="A17342">
        <v>171.3</v>
      </c>
      <c r="B17342">
        <v>214.93</v>
      </c>
      <c r="C17342">
        <v>7981.8</v>
      </c>
      <c r="D17342">
        <v>2.2000000000000002</v>
      </c>
      <c r="E17342">
        <v>3770.06</v>
      </c>
      <c r="F17342">
        <v>88.7102</v>
      </c>
    </row>
    <row r="17343" spans="1:6" x14ac:dyDescent="0.25">
      <c r="A17343">
        <v>171.3</v>
      </c>
      <c r="B17343">
        <v>214.93</v>
      </c>
      <c r="C17343">
        <v>7981.8</v>
      </c>
      <c r="D17343">
        <v>2.5</v>
      </c>
      <c r="E17343">
        <v>3628.78</v>
      </c>
      <c r="F17343">
        <v>90.121499999999997</v>
      </c>
    </row>
    <row r="17344" spans="1:6" x14ac:dyDescent="0.25">
      <c r="A17344">
        <v>171.3</v>
      </c>
      <c r="B17344">
        <v>214.93</v>
      </c>
      <c r="C17344">
        <v>7981.8</v>
      </c>
      <c r="D17344">
        <v>2.8</v>
      </c>
      <c r="E17344">
        <v>3576.13</v>
      </c>
      <c r="F17344">
        <v>81.687899999999999</v>
      </c>
    </row>
    <row r="17345" spans="1:6" x14ac:dyDescent="0.25">
      <c r="A17345">
        <v>171.3</v>
      </c>
      <c r="B17345">
        <v>214.93</v>
      </c>
      <c r="C17345">
        <v>7981.8</v>
      </c>
      <c r="D17345">
        <v>3.1</v>
      </c>
      <c r="E17345">
        <v>3454.94</v>
      </c>
      <c r="F17345">
        <v>77.115099999999998</v>
      </c>
    </row>
    <row r="17346" spans="1:6" x14ac:dyDescent="0.25">
      <c r="A17346">
        <v>171.3</v>
      </c>
      <c r="B17346">
        <v>214.93</v>
      </c>
      <c r="C17346">
        <v>7981.8</v>
      </c>
      <c r="D17346">
        <v>3.4</v>
      </c>
      <c r="E17346">
        <v>3498.06</v>
      </c>
      <c r="F17346">
        <v>80.956699999999998</v>
      </c>
    </row>
    <row r="17347" spans="1:6" x14ac:dyDescent="0.25">
      <c r="A17347">
        <v>171.3</v>
      </c>
      <c r="B17347">
        <v>214.93</v>
      </c>
      <c r="C17347">
        <v>7981.8</v>
      </c>
      <c r="D17347">
        <v>3.7</v>
      </c>
      <c r="E17347">
        <v>3360.73</v>
      </c>
      <c r="F17347">
        <v>92.319900000000004</v>
      </c>
    </row>
    <row r="17348" spans="1:6" x14ac:dyDescent="0.25">
      <c r="A17348">
        <v>171.3</v>
      </c>
      <c r="B17348">
        <v>214.93</v>
      </c>
      <c r="C17348">
        <v>7981.8</v>
      </c>
      <c r="D17348">
        <v>4</v>
      </c>
      <c r="E17348">
        <v>3417.62</v>
      </c>
      <c r="F17348">
        <v>79.263800000000003</v>
      </c>
    </row>
    <row r="17349" spans="1:6" x14ac:dyDescent="0.25">
      <c r="A17349">
        <v>171.3</v>
      </c>
      <c r="B17349">
        <v>214.93</v>
      </c>
      <c r="C17349">
        <v>9527.25</v>
      </c>
      <c r="D17349">
        <v>1</v>
      </c>
      <c r="E17349">
        <v>4920.03</v>
      </c>
      <c r="F17349">
        <v>86.072299999999998</v>
      </c>
    </row>
    <row r="17350" spans="1:6" x14ac:dyDescent="0.25">
      <c r="A17350">
        <v>171.3</v>
      </c>
      <c r="B17350">
        <v>214.93</v>
      </c>
      <c r="C17350">
        <v>9527.25</v>
      </c>
      <c r="D17350">
        <v>1.3</v>
      </c>
      <c r="E17350">
        <v>4456.42</v>
      </c>
      <c r="F17350">
        <v>78.077500000000001</v>
      </c>
    </row>
    <row r="17351" spans="1:6" x14ac:dyDescent="0.25">
      <c r="A17351">
        <v>171.3</v>
      </c>
      <c r="B17351">
        <v>214.93</v>
      </c>
      <c r="C17351">
        <v>9527.25</v>
      </c>
      <c r="D17351">
        <v>1.6</v>
      </c>
      <c r="E17351">
        <v>4090.49</v>
      </c>
      <c r="F17351">
        <v>74.488399999999999</v>
      </c>
    </row>
    <row r="17352" spans="1:6" x14ac:dyDescent="0.25">
      <c r="A17352">
        <v>171.3</v>
      </c>
      <c r="B17352">
        <v>214.93</v>
      </c>
      <c r="C17352">
        <v>9527.25</v>
      </c>
      <c r="D17352">
        <v>1.9</v>
      </c>
      <c r="E17352">
        <v>3911.67</v>
      </c>
      <c r="F17352">
        <v>88.646299999999997</v>
      </c>
    </row>
    <row r="17353" spans="1:6" x14ac:dyDescent="0.25">
      <c r="A17353">
        <v>171.3</v>
      </c>
      <c r="B17353">
        <v>214.93</v>
      </c>
      <c r="C17353">
        <v>9527.25</v>
      </c>
      <c r="D17353">
        <v>2.2000000000000002</v>
      </c>
      <c r="E17353">
        <v>3770.06</v>
      </c>
      <c r="F17353">
        <v>88.7102</v>
      </c>
    </row>
    <row r="17354" spans="1:6" x14ac:dyDescent="0.25">
      <c r="A17354">
        <v>171.3</v>
      </c>
      <c r="B17354">
        <v>214.93</v>
      </c>
      <c r="C17354">
        <v>9527.25</v>
      </c>
      <c r="D17354">
        <v>2.5</v>
      </c>
      <c r="E17354">
        <v>3628.78</v>
      </c>
      <c r="F17354">
        <v>90.121499999999997</v>
      </c>
    </row>
    <row r="17355" spans="1:6" x14ac:dyDescent="0.25">
      <c r="A17355">
        <v>171.3</v>
      </c>
      <c r="B17355">
        <v>214.93</v>
      </c>
      <c r="C17355">
        <v>9527.25</v>
      </c>
      <c r="D17355">
        <v>2.8</v>
      </c>
      <c r="E17355">
        <v>3576.13</v>
      </c>
      <c r="F17355">
        <v>81.687899999999999</v>
      </c>
    </row>
    <row r="17356" spans="1:6" x14ac:dyDescent="0.25">
      <c r="A17356">
        <v>171.3</v>
      </c>
      <c r="B17356">
        <v>214.93</v>
      </c>
      <c r="C17356">
        <v>9527.25</v>
      </c>
      <c r="D17356">
        <v>3.1</v>
      </c>
      <c r="E17356">
        <v>3454.94</v>
      </c>
      <c r="F17356">
        <v>77.115099999999998</v>
      </c>
    </row>
    <row r="17357" spans="1:6" x14ac:dyDescent="0.25">
      <c r="A17357">
        <v>171.3</v>
      </c>
      <c r="B17357">
        <v>214.93</v>
      </c>
      <c r="C17357">
        <v>9527.25</v>
      </c>
      <c r="D17357">
        <v>3.4</v>
      </c>
      <c r="E17357">
        <v>3498.06</v>
      </c>
      <c r="F17357">
        <v>80.956699999999998</v>
      </c>
    </row>
    <row r="17358" spans="1:6" x14ac:dyDescent="0.25">
      <c r="A17358">
        <v>171.3</v>
      </c>
      <c r="B17358">
        <v>214.93</v>
      </c>
      <c r="C17358">
        <v>9527.25</v>
      </c>
      <c r="D17358">
        <v>3.7</v>
      </c>
      <c r="E17358">
        <v>3360.73</v>
      </c>
      <c r="F17358">
        <v>92.319900000000004</v>
      </c>
    </row>
    <row r="17359" spans="1:6" x14ac:dyDescent="0.25">
      <c r="A17359">
        <v>171.3</v>
      </c>
      <c r="B17359">
        <v>214.93</v>
      </c>
      <c r="C17359">
        <v>9527.25</v>
      </c>
      <c r="D17359">
        <v>4</v>
      </c>
      <c r="E17359">
        <v>3417.62</v>
      </c>
      <c r="F17359">
        <v>79.263800000000003</v>
      </c>
    </row>
    <row r="17360" spans="1:6" x14ac:dyDescent="0.25">
      <c r="A17360">
        <v>171.3</v>
      </c>
      <c r="B17360">
        <v>214.93</v>
      </c>
      <c r="C17360">
        <v>11072.7</v>
      </c>
      <c r="D17360">
        <v>1</v>
      </c>
      <c r="E17360">
        <v>4920.03</v>
      </c>
      <c r="F17360">
        <v>86.072299999999998</v>
      </c>
    </row>
    <row r="17361" spans="1:6" x14ac:dyDescent="0.25">
      <c r="A17361">
        <v>171.3</v>
      </c>
      <c r="B17361">
        <v>214.93</v>
      </c>
      <c r="C17361">
        <v>11072.7</v>
      </c>
      <c r="D17361">
        <v>1.3</v>
      </c>
      <c r="E17361">
        <v>4456.42</v>
      </c>
      <c r="F17361">
        <v>78.077500000000001</v>
      </c>
    </row>
    <row r="17362" spans="1:6" x14ac:dyDescent="0.25">
      <c r="A17362">
        <v>171.3</v>
      </c>
      <c r="B17362">
        <v>214.93</v>
      </c>
      <c r="C17362">
        <v>11072.7</v>
      </c>
      <c r="D17362">
        <v>1.6</v>
      </c>
      <c r="E17362">
        <v>4090.49</v>
      </c>
      <c r="F17362">
        <v>74.488399999999999</v>
      </c>
    </row>
    <row r="17363" spans="1:6" x14ac:dyDescent="0.25">
      <c r="A17363">
        <v>171.3</v>
      </c>
      <c r="B17363">
        <v>214.93</v>
      </c>
      <c r="C17363">
        <v>11072.7</v>
      </c>
      <c r="D17363">
        <v>1.9</v>
      </c>
      <c r="E17363">
        <v>3911.67</v>
      </c>
      <c r="F17363">
        <v>88.646299999999997</v>
      </c>
    </row>
    <row r="17364" spans="1:6" x14ac:dyDescent="0.25">
      <c r="A17364">
        <v>171.3</v>
      </c>
      <c r="B17364">
        <v>214.93</v>
      </c>
      <c r="C17364">
        <v>11072.7</v>
      </c>
      <c r="D17364">
        <v>2.2000000000000002</v>
      </c>
      <c r="E17364">
        <v>3770.06</v>
      </c>
      <c r="F17364">
        <v>88.7102</v>
      </c>
    </row>
    <row r="17365" spans="1:6" x14ac:dyDescent="0.25">
      <c r="A17365">
        <v>171.3</v>
      </c>
      <c r="B17365">
        <v>214.93</v>
      </c>
      <c r="C17365">
        <v>11072.7</v>
      </c>
      <c r="D17365">
        <v>2.5</v>
      </c>
      <c r="E17365">
        <v>3628.78</v>
      </c>
      <c r="F17365">
        <v>90.121499999999997</v>
      </c>
    </row>
    <row r="17366" spans="1:6" x14ac:dyDescent="0.25">
      <c r="A17366">
        <v>171.3</v>
      </c>
      <c r="B17366">
        <v>214.93</v>
      </c>
      <c r="C17366">
        <v>11072.7</v>
      </c>
      <c r="D17366">
        <v>2.8</v>
      </c>
      <c r="E17366">
        <v>3576.13</v>
      </c>
      <c r="F17366">
        <v>81.687899999999999</v>
      </c>
    </row>
    <row r="17367" spans="1:6" x14ac:dyDescent="0.25">
      <c r="A17367">
        <v>171.3</v>
      </c>
      <c r="B17367">
        <v>214.93</v>
      </c>
      <c r="C17367">
        <v>11072.7</v>
      </c>
      <c r="D17367">
        <v>3.1</v>
      </c>
      <c r="E17367">
        <v>3454.94</v>
      </c>
      <c r="F17367">
        <v>77.115099999999998</v>
      </c>
    </row>
    <row r="17368" spans="1:6" x14ac:dyDescent="0.25">
      <c r="A17368">
        <v>171.3</v>
      </c>
      <c r="B17368">
        <v>214.93</v>
      </c>
      <c r="C17368">
        <v>11072.7</v>
      </c>
      <c r="D17368">
        <v>3.4</v>
      </c>
      <c r="E17368">
        <v>3498.06</v>
      </c>
      <c r="F17368">
        <v>80.956699999999998</v>
      </c>
    </row>
    <row r="17369" spans="1:6" x14ac:dyDescent="0.25">
      <c r="A17369">
        <v>171.3</v>
      </c>
      <c r="B17369">
        <v>214.93</v>
      </c>
      <c r="C17369">
        <v>11072.7</v>
      </c>
      <c r="D17369">
        <v>3.7</v>
      </c>
      <c r="E17369">
        <v>3360.73</v>
      </c>
      <c r="F17369">
        <v>92.319900000000004</v>
      </c>
    </row>
    <row r="17370" spans="1:6" x14ac:dyDescent="0.25">
      <c r="A17370">
        <v>171.3</v>
      </c>
      <c r="B17370">
        <v>214.93</v>
      </c>
      <c r="C17370">
        <v>11072.7</v>
      </c>
      <c r="D17370">
        <v>4</v>
      </c>
      <c r="E17370">
        <v>3417.62</v>
      </c>
      <c r="F17370">
        <v>79.263800000000003</v>
      </c>
    </row>
    <row r="17371" spans="1:6" x14ac:dyDescent="0.25">
      <c r="A17371">
        <v>171.3</v>
      </c>
      <c r="B17371">
        <v>214.93</v>
      </c>
      <c r="C17371">
        <v>12618.2</v>
      </c>
      <c r="D17371">
        <v>1</v>
      </c>
      <c r="E17371">
        <v>4920.03</v>
      </c>
      <c r="F17371">
        <v>86.072299999999998</v>
      </c>
    </row>
    <row r="17372" spans="1:6" x14ac:dyDescent="0.25">
      <c r="A17372">
        <v>171.3</v>
      </c>
      <c r="B17372">
        <v>214.93</v>
      </c>
      <c r="C17372">
        <v>12618.2</v>
      </c>
      <c r="D17372">
        <v>1.3</v>
      </c>
      <c r="E17372">
        <v>4456.42</v>
      </c>
      <c r="F17372">
        <v>78.077500000000001</v>
      </c>
    </row>
    <row r="17373" spans="1:6" x14ac:dyDescent="0.25">
      <c r="A17373">
        <v>171.3</v>
      </c>
      <c r="B17373">
        <v>214.93</v>
      </c>
      <c r="C17373">
        <v>12618.2</v>
      </c>
      <c r="D17373">
        <v>1.6</v>
      </c>
      <c r="E17373">
        <v>4090.49</v>
      </c>
      <c r="F17373">
        <v>74.488399999999999</v>
      </c>
    </row>
    <row r="17374" spans="1:6" x14ac:dyDescent="0.25">
      <c r="A17374">
        <v>171.3</v>
      </c>
      <c r="B17374">
        <v>214.93</v>
      </c>
      <c r="C17374">
        <v>12618.2</v>
      </c>
      <c r="D17374">
        <v>1.9</v>
      </c>
      <c r="E17374">
        <v>3911.67</v>
      </c>
      <c r="F17374">
        <v>88.646299999999997</v>
      </c>
    </row>
    <row r="17375" spans="1:6" x14ac:dyDescent="0.25">
      <c r="A17375">
        <v>171.3</v>
      </c>
      <c r="B17375">
        <v>214.93</v>
      </c>
      <c r="C17375">
        <v>12618.2</v>
      </c>
      <c r="D17375">
        <v>2.2000000000000002</v>
      </c>
      <c r="E17375">
        <v>3770.06</v>
      </c>
      <c r="F17375">
        <v>88.7102</v>
      </c>
    </row>
    <row r="17376" spans="1:6" x14ac:dyDescent="0.25">
      <c r="A17376">
        <v>171.3</v>
      </c>
      <c r="B17376">
        <v>214.93</v>
      </c>
      <c r="C17376">
        <v>12618.2</v>
      </c>
      <c r="D17376">
        <v>2.5</v>
      </c>
      <c r="E17376">
        <v>3628.78</v>
      </c>
      <c r="F17376">
        <v>90.121499999999997</v>
      </c>
    </row>
    <row r="17377" spans="1:6" x14ac:dyDescent="0.25">
      <c r="A17377">
        <v>171.3</v>
      </c>
      <c r="B17377">
        <v>214.93</v>
      </c>
      <c r="C17377">
        <v>12618.2</v>
      </c>
      <c r="D17377">
        <v>2.8</v>
      </c>
      <c r="E17377">
        <v>3576.13</v>
      </c>
      <c r="F17377">
        <v>81.687899999999999</v>
      </c>
    </row>
    <row r="17378" spans="1:6" x14ac:dyDescent="0.25">
      <c r="A17378">
        <v>171.3</v>
      </c>
      <c r="B17378">
        <v>214.93</v>
      </c>
      <c r="C17378">
        <v>12618.2</v>
      </c>
      <c r="D17378">
        <v>3.1</v>
      </c>
      <c r="E17378">
        <v>3454.94</v>
      </c>
      <c r="F17378">
        <v>77.115099999999998</v>
      </c>
    </row>
    <row r="17379" spans="1:6" x14ac:dyDescent="0.25">
      <c r="A17379">
        <v>171.3</v>
      </c>
      <c r="B17379">
        <v>214.93</v>
      </c>
      <c r="C17379">
        <v>12618.2</v>
      </c>
      <c r="D17379">
        <v>3.4</v>
      </c>
      <c r="E17379">
        <v>3498.06</v>
      </c>
      <c r="F17379">
        <v>80.956699999999998</v>
      </c>
    </row>
    <row r="17380" spans="1:6" x14ac:dyDescent="0.25">
      <c r="A17380">
        <v>171.3</v>
      </c>
      <c r="B17380">
        <v>214.93</v>
      </c>
      <c r="C17380">
        <v>12618.2</v>
      </c>
      <c r="D17380">
        <v>3.7</v>
      </c>
      <c r="E17380">
        <v>3360.73</v>
      </c>
      <c r="F17380">
        <v>92.319900000000004</v>
      </c>
    </row>
    <row r="17381" spans="1:6" x14ac:dyDescent="0.25">
      <c r="A17381">
        <v>171.3</v>
      </c>
      <c r="B17381">
        <v>214.93</v>
      </c>
      <c r="C17381">
        <v>12618.2</v>
      </c>
      <c r="D17381">
        <v>4</v>
      </c>
      <c r="E17381">
        <v>3417.62</v>
      </c>
      <c r="F17381">
        <v>79.263800000000003</v>
      </c>
    </row>
    <row r="17382" spans="1:6" x14ac:dyDescent="0.25">
      <c r="A17382">
        <v>171.3</v>
      </c>
      <c r="B17382">
        <v>214.93</v>
      </c>
      <c r="C17382">
        <v>14163.6</v>
      </c>
      <c r="D17382">
        <v>1</v>
      </c>
      <c r="E17382">
        <v>4920.03</v>
      </c>
      <c r="F17382">
        <v>86.072299999999998</v>
      </c>
    </row>
    <row r="17383" spans="1:6" x14ac:dyDescent="0.25">
      <c r="A17383">
        <v>171.3</v>
      </c>
      <c r="B17383">
        <v>214.93</v>
      </c>
      <c r="C17383">
        <v>14163.6</v>
      </c>
      <c r="D17383">
        <v>1.3</v>
      </c>
      <c r="E17383">
        <v>4456.42</v>
      </c>
      <c r="F17383">
        <v>78.077500000000001</v>
      </c>
    </row>
    <row r="17384" spans="1:6" x14ac:dyDescent="0.25">
      <c r="A17384">
        <v>171.3</v>
      </c>
      <c r="B17384">
        <v>214.93</v>
      </c>
      <c r="C17384">
        <v>14163.6</v>
      </c>
      <c r="D17384">
        <v>1.6</v>
      </c>
      <c r="E17384">
        <v>4090.49</v>
      </c>
      <c r="F17384">
        <v>74.488399999999999</v>
      </c>
    </row>
    <row r="17385" spans="1:6" x14ac:dyDescent="0.25">
      <c r="A17385">
        <v>171.3</v>
      </c>
      <c r="B17385">
        <v>214.93</v>
      </c>
      <c r="C17385">
        <v>14163.6</v>
      </c>
      <c r="D17385">
        <v>1.9</v>
      </c>
      <c r="E17385">
        <v>3911.67</v>
      </c>
      <c r="F17385">
        <v>88.646299999999997</v>
      </c>
    </row>
    <row r="17386" spans="1:6" x14ac:dyDescent="0.25">
      <c r="A17386">
        <v>171.3</v>
      </c>
      <c r="B17386">
        <v>214.93</v>
      </c>
      <c r="C17386">
        <v>14163.6</v>
      </c>
      <c r="D17386">
        <v>2.2000000000000002</v>
      </c>
      <c r="E17386">
        <v>3770.06</v>
      </c>
      <c r="F17386">
        <v>88.7102</v>
      </c>
    </row>
    <row r="17387" spans="1:6" x14ac:dyDescent="0.25">
      <c r="A17387">
        <v>171.3</v>
      </c>
      <c r="B17387">
        <v>214.93</v>
      </c>
      <c r="C17387">
        <v>14163.6</v>
      </c>
      <c r="D17387">
        <v>2.5</v>
      </c>
      <c r="E17387">
        <v>3628.78</v>
      </c>
      <c r="F17387">
        <v>90.121499999999997</v>
      </c>
    </row>
    <row r="17388" spans="1:6" x14ac:dyDescent="0.25">
      <c r="A17388">
        <v>171.3</v>
      </c>
      <c r="B17388">
        <v>214.93</v>
      </c>
      <c r="C17388">
        <v>14163.6</v>
      </c>
      <c r="D17388">
        <v>2.8</v>
      </c>
      <c r="E17388">
        <v>3576.13</v>
      </c>
      <c r="F17388">
        <v>81.687899999999999</v>
      </c>
    </row>
    <row r="17389" spans="1:6" x14ac:dyDescent="0.25">
      <c r="A17389">
        <v>171.3</v>
      </c>
      <c r="B17389">
        <v>214.93</v>
      </c>
      <c r="C17389">
        <v>14163.6</v>
      </c>
      <c r="D17389">
        <v>3.1</v>
      </c>
      <c r="E17389">
        <v>3454.94</v>
      </c>
      <c r="F17389">
        <v>77.115099999999998</v>
      </c>
    </row>
    <row r="17390" spans="1:6" x14ac:dyDescent="0.25">
      <c r="A17390">
        <v>171.3</v>
      </c>
      <c r="B17390">
        <v>214.93</v>
      </c>
      <c r="C17390">
        <v>14163.6</v>
      </c>
      <c r="D17390">
        <v>3.4</v>
      </c>
      <c r="E17390">
        <v>3498.06</v>
      </c>
      <c r="F17390">
        <v>80.956699999999998</v>
      </c>
    </row>
    <row r="17391" spans="1:6" x14ac:dyDescent="0.25">
      <c r="A17391">
        <v>171.3</v>
      </c>
      <c r="B17391">
        <v>214.93</v>
      </c>
      <c r="C17391">
        <v>14163.6</v>
      </c>
      <c r="D17391">
        <v>3.7</v>
      </c>
      <c r="E17391">
        <v>3360.73</v>
      </c>
      <c r="F17391">
        <v>92.319900000000004</v>
      </c>
    </row>
    <row r="17392" spans="1:6" x14ac:dyDescent="0.25">
      <c r="A17392">
        <v>171.3</v>
      </c>
      <c r="B17392">
        <v>214.93</v>
      </c>
      <c r="C17392">
        <v>14163.6</v>
      </c>
      <c r="D17392">
        <v>4</v>
      </c>
      <c r="E17392">
        <v>3417.62</v>
      </c>
      <c r="F17392">
        <v>79.263800000000003</v>
      </c>
    </row>
    <row r="17393" spans="1:6" x14ac:dyDescent="0.25">
      <c r="A17393">
        <v>171.3</v>
      </c>
      <c r="B17393">
        <v>214.93</v>
      </c>
      <c r="C17393">
        <v>15709.1</v>
      </c>
      <c r="D17393">
        <v>1</v>
      </c>
      <c r="E17393">
        <v>4920.03</v>
      </c>
      <c r="F17393">
        <v>86.072299999999998</v>
      </c>
    </row>
    <row r="17394" spans="1:6" x14ac:dyDescent="0.25">
      <c r="A17394">
        <v>171.3</v>
      </c>
      <c r="B17394">
        <v>214.93</v>
      </c>
      <c r="C17394">
        <v>15709.1</v>
      </c>
      <c r="D17394">
        <v>1.3</v>
      </c>
      <c r="E17394">
        <v>4456.42</v>
      </c>
      <c r="F17394">
        <v>78.077500000000001</v>
      </c>
    </row>
    <row r="17395" spans="1:6" x14ac:dyDescent="0.25">
      <c r="A17395">
        <v>171.3</v>
      </c>
      <c r="B17395">
        <v>214.93</v>
      </c>
      <c r="C17395">
        <v>15709.1</v>
      </c>
      <c r="D17395">
        <v>1.6</v>
      </c>
      <c r="E17395">
        <v>4090.49</v>
      </c>
      <c r="F17395">
        <v>74.488399999999999</v>
      </c>
    </row>
    <row r="17396" spans="1:6" x14ac:dyDescent="0.25">
      <c r="A17396">
        <v>171.3</v>
      </c>
      <c r="B17396">
        <v>214.93</v>
      </c>
      <c r="C17396">
        <v>15709.1</v>
      </c>
      <c r="D17396">
        <v>1.9</v>
      </c>
      <c r="E17396">
        <v>3911.67</v>
      </c>
      <c r="F17396">
        <v>88.646299999999997</v>
      </c>
    </row>
    <row r="17397" spans="1:6" x14ac:dyDescent="0.25">
      <c r="A17397">
        <v>171.3</v>
      </c>
      <c r="B17397">
        <v>214.93</v>
      </c>
      <c r="C17397">
        <v>15709.1</v>
      </c>
      <c r="D17397">
        <v>2.2000000000000002</v>
      </c>
      <c r="E17397">
        <v>3770.06</v>
      </c>
      <c r="F17397">
        <v>88.7102</v>
      </c>
    </row>
    <row r="17398" spans="1:6" x14ac:dyDescent="0.25">
      <c r="A17398">
        <v>171.3</v>
      </c>
      <c r="B17398">
        <v>214.93</v>
      </c>
      <c r="C17398">
        <v>15709.1</v>
      </c>
      <c r="D17398">
        <v>2.5</v>
      </c>
      <c r="E17398">
        <v>3628.78</v>
      </c>
      <c r="F17398">
        <v>90.121499999999997</v>
      </c>
    </row>
    <row r="17399" spans="1:6" x14ac:dyDescent="0.25">
      <c r="A17399">
        <v>171.3</v>
      </c>
      <c r="B17399">
        <v>214.93</v>
      </c>
      <c r="C17399">
        <v>15709.1</v>
      </c>
      <c r="D17399">
        <v>2.8</v>
      </c>
      <c r="E17399">
        <v>3576.13</v>
      </c>
      <c r="F17399">
        <v>81.687899999999999</v>
      </c>
    </row>
    <row r="17400" spans="1:6" x14ac:dyDescent="0.25">
      <c r="A17400">
        <v>171.3</v>
      </c>
      <c r="B17400">
        <v>214.93</v>
      </c>
      <c r="C17400">
        <v>15709.1</v>
      </c>
      <c r="D17400">
        <v>3.1</v>
      </c>
      <c r="E17400">
        <v>3454.94</v>
      </c>
      <c r="F17400">
        <v>77.115099999999998</v>
      </c>
    </row>
    <row r="17401" spans="1:6" x14ac:dyDescent="0.25">
      <c r="A17401">
        <v>171.3</v>
      </c>
      <c r="B17401">
        <v>214.93</v>
      </c>
      <c r="C17401">
        <v>15709.1</v>
      </c>
      <c r="D17401">
        <v>3.4</v>
      </c>
      <c r="E17401">
        <v>3498.06</v>
      </c>
      <c r="F17401">
        <v>80.956699999999998</v>
      </c>
    </row>
    <row r="17402" spans="1:6" x14ac:dyDescent="0.25">
      <c r="A17402">
        <v>171.3</v>
      </c>
      <c r="B17402">
        <v>214.93</v>
      </c>
      <c r="C17402">
        <v>15709.1</v>
      </c>
      <c r="D17402">
        <v>3.7</v>
      </c>
      <c r="E17402">
        <v>3360.73</v>
      </c>
      <c r="F17402">
        <v>92.319900000000004</v>
      </c>
    </row>
    <row r="17403" spans="1:6" x14ac:dyDescent="0.25">
      <c r="A17403">
        <v>171.3</v>
      </c>
      <c r="B17403">
        <v>214.93</v>
      </c>
      <c r="C17403">
        <v>15709.1</v>
      </c>
      <c r="D17403">
        <v>4</v>
      </c>
      <c r="E17403">
        <v>3417.62</v>
      </c>
      <c r="F17403">
        <v>79.263800000000003</v>
      </c>
    </row>
    <row r="17404" spans="1:6" x14ac:dyDescent="0.25">
      <c r="A17404">
        <v>171.3</v>
      </c>
      <c r="B17404">
        <v>214.93</v>
      </c>
      <c r="C17404">
        <v>17254.5</v>
      </c>
      <c r="D17404">
        <v>1</v>
      </c>
      <c r="E17404">
        <v>4920.03</v>
      </c>
      <c r="F17404">
        <v>86.072299999999998</v>
      </c>
    </row>
    <row r="17405" spans="1:6" x14ac:dyDescent="0.25">
      <c r="A17405">
        <v>171.3</v>
      </c>
      <c r="B17405">
        <v>214.93</v>
      </c>
      <c r="C17405">
        <v>17254.5</v>
      </c>
      <c r="D17405">
        <v>1.3</v>
      </c>
      <c r="E17405">
        <v>4456.42</v>
      </c>
      <c r="F17405">
        <v>78.077500000000001</v>
      </c>
    </row>
    <row r="17406" spans="1:6" x14ac:dyDescent="0.25">
      <c r="A17406">
        <v>171.3</v>
      </c>
      <c r="B17406">
        <v>214.93</v>
      </c>
      <c r="C17406">
        <v>17254.5</v>
      </c>
      <c r="D17406">
        <v>1.6</v>
      </c>
      <c r="E17406">
        <v>4090.49</v>
      </c>
      <c r="F17406">
        <v>74.488399999999999</v>
      </c>
    </row>
    <row r="17407" spans="1:6" x14ac:dyDescent="0.25">
      <c r="A17407">
        <v>171.3</v>
      </c>
      <c r="B17407">
        <v>214.93</v>
      </c>
      <c r="C17407">
        <v>17254.5</v>
      </c>
      <c r="D17407">
        <v>1.9</v>
      </c>
      <c r="E17407">
        <v>3911.67</v>
      </c>
      <c r="F17407">
        <v>88.646299999999997</v>
      </c>
    </row>
    <row r="17408" spans="1:6" x14ac:dyDescent="0.25">
      <c r="A17408">
        <v>171.3</v>
      </c>
      <c r="B17408">
        <v>214.93</v>
      </c>
      <c r="C17408">
        <v>17254.5</v>
      </c>
      <c r="D17408">
        <v>2.2000000000000002</v>
      </c>
      <c r="E17408">
        <v>3770.06</v>
      </c>
      <c r="F17408">
        <v>88.7102</v>
      </c>
    </row>
    <row r="17409" spans="1:6" x14ac:dyDescent="0.25">
      <c r="A17409">
        <v>171.3</v>
      </c>
      <c r="B17409">
        <v>214.93</v>
      </c>
      <c r="C17409">
        <v>17254.5</v>
      </c>
      <c r="D17409">
        <v>2.5</v>
      </c>
      <c r="E17409">
        <v>3628.78</v>
      </c>
      <c r="F17409">
        <v>90.121499999999997</v>
      </c>
    </row>
    <row r="17410" spans="1:6" x14ac:dyDescent="0.25">
      <c r="A17410">
        <v>171.3</v>
      </c>
      <c r="B17410">
        <v>214.93</v>
      </c>
      <c r="C17410">
        <v>17254.5</v>
      </c>
      <c r="D17410">
        <v>2.8</v>
      </c>
      <c r="E17410">
        <v>3576.13</v>
      </c>
      <c r="F17410">
        <v>81.687899999999999</v>
      </c>
    </row>
    <row r="17411" spans="1:6" x14ac:dyDescent="0.25">
      <c r="A17411">
        <v>171.3</v>
      </c>
      <c r="B17411">
        <v>214.93</v>
      </c>
      <c r="C17411">
        <v>17254.5</v>
      </c>
      <c r="D17411">
        <v>3.1</v>
      </c>
      <c r="E17411">
        <v>3454.94</v>
      </c>
      <c r="F17411">
        <v>77.115099999999998</v>
      </c>
    </row>
    <row r="17412" spans="1:6" x14ac:dyDescent="0.25">
      <c r="A17412">
        <v>171.3</v>
      </c>
      <c r="B17412">
        <v>214.93</v>
      </c>
      <c r="C17412">
        <v>17254.5</v>
      </c>
      <c r="D17412">
        <v>3.4</v>
      </c>
      <c r="E17412">
        <v>3498.06</v>
      </c>
      <c r="F17412">
        <v>80.956699999999998</v>
      </c>
    </row>
    <row r="17413" spans="1:6" x14ac:dyDescent="0.25">
      <c r="A17413">
        <v>171.3</v>
      </c>
      <c r="B17413">
        <v>214.93</v>
      </c>
      <c r="C17413">
        <v>17254.5</v>
      </c>
      <c r="D17413">
        <v>3.7</v>
      </c>
      <c r="E17413">
        <v>3360.73</v>
      </c>
      <c r="F17413">
        <v>92.319900000000004</v>
      </c>
    </row>
    <row r="17414" spans="1:6" x14ac:dyDescent="0.25">
      <c r="A17414">
        <v>171.3</v>
      </c>
      <c r="B17414">
        <v>214.93</v>
      </c>
      <c r="C17414">
        <v>17254.5</v>
      </c>
      <c r="D17414">
        <v>4</v>
      </c>
      <c r="E17414">
        <v>3417.62</v>
      </c>
      <c r="F17414">
        <v>79.263800000000003</v>
      </c>
    </row>
    <row r="17415" spans="1:6" x14ac:dyDescent="0.25">
      <c r="A17415">
        <v>171.3</v>
      </c>
      <c r="B17415">
        <v>214.93</v>
      </c>
      <c r="C17415">
        <v>18800</v>
      </c>
      <c r="D17415">
        <v>1</v>
      </c>
      <c r="E17415">
        <v>4920.03</v>
      </c>
      <c r="F17415">
        <v>86.072299999999998</v>
      </c>
    </row>
    <row r="17416" spans="1:6" x14ac:dyDescent="0.25">
      <c r="A17416">
        <v>171.3</v>
      </c>
      <c r="B17416">
        <v>214.93</v>
      </c>
      <c r="C17416">
        <v>18800</v>
      </c>
      <c r="D17416">
        <v>1.3</v>
      </c>
      <c r="E17416">
        <v>4456.42</v>
      </c>
      <c r="F17416">
        <v>78.077500000000001</v>
      </c>
    </row>
    <row r="17417" spans="1:6" x14ac:dyDescent="0.25">
      <c r="A17417">
        <v>171.3</v>
      </c>
      <c r="B17417">
        <v>214.93</v>
      </c>
      <c r="C17417">
        <v>18800</v>
      </c>
      <c r="D17417">
        <v>1.6</v>
      </c>
      <c r="E17417">
        <v>4090.49</v>
      </c>
      <c r="F17417">
        <v>74.488399999999999</v>
      </c>
    </row>
    <row r="17418" spans="1:6" x14ac:dyDescent="0.25">
      <c r="A17418">
        <v>171.3</v>
      </c>
      <c r="B17418">
        <v>214.93</v>
      </c>
      <c r="C17418">
        <v>18800</v>
      </c>
      <c r="D17418">
        <v>1.9</v>
      </c>
      <c r="E17418">
        <v>3911.67</v>
      </c>
      <c r="F17418">
        <v>88.646299999999997</v>
      </c>
    </row>
    <row r="17419" spans="1:6" x14ac:dyDescent="0.25">
      <c r="A17419">
        <v>171.3</v>
      </c>
      <c r="B17419">
        <v>214.93</v>
      </c>
      <c r="C17419">
        <v>18800</v>
      </c>
      <c r="D17419">
        <v>2.2000000000000002</v>
      </c>
      <c r="E17419">
        <v>3770.06</v>
      </c>
      <c r="F17419">
        <v>88.7102</v>
      </c>
    </row>
    <row r="17420" spans="1:6" x14ac:dyDescent="0.25">
      <c r="A17420">
        <v>171.3</v>
      </c>
      <c r="B17420">
        <v>214.93</v>
      </c>
      <c r="C17420">
        <v>18800</v>
      </c>
      <c r="D17420">
        <v>2.5</v>
      </c>
      <c r="E17420">
        <v>3628.78</v>
      </c>
      <c r="F17420">
        <v>90.121499999999997</v>
      </c>
    </row>
    <row r="17421" spans="1:6" x14ac:dyDescent="0.25">
      <c r="A17421">
        <v>171.3</v>
      </c>
      <c r="B17421">
        <v>214.93</v>
      </c>
      <c r="C17421">
        <v>18800</v>
      </c>
      <c r="D17421">
        <v>2.8</v>
      </c>
      <c r="E17421">
        <v>3576.13</v>
      </c>
      <c r="F17421">
        <v>81.687899999999999</v>
      </c>
    </row>
    <row r="17422" spans="1:6" x14ac:dyDescent="0.25">
      <c r="A17422">
        <v>171.3</v>
      </c>
      <c r="B17422">
        <v>214.93</v>
      </c>
      <c r="C17422">
        <v>18800</v>
      </c>
      <c r="D17422">
        <v>3.1</v>
      </c>
      <c r="E17422">
        <v>3454.94</v>
      </c>
      <c r="F17422">
        <v>77.115099999999998</v>
      </c>
    </row>
    <row r="17423" spans="1:6" x14ac:dyDescent="0.25">
      <c r="A17423">
        <v>171.3</v>
      </c>
      <c r="B17423">
        <v>214.93</v>
      </c>
      <c r="C17423">
        <v>18800</v>
      </c>
      <c r="D17423">
        <v>3.4</v>
      </c>
      <c r="E17423">
        <v>3498.06</v>
      </c>
      <c r="F17423">
        <v>80.956699999999998</v>
      </c>
    </row>
    <row r="17424" spans="1:6" x14ac:dyDescent="0.25">
      <c r="A17424">
        <v>171.3</v>
      </c>
      <c r="B17424">
        <v>214.93</v>
      </c>
      <c r="C17424">
        <v>18800</v>
      </c>
      <c r="D17424">
        <v>3.7</v>
      </c>
      <c r="E17424">
        <v>3360.73</v>
      </c>
      <c r="F17424">
        <v>92.319900000000004</v>
      </c>
    </row>
    <row r="17425" spans="1:6" x14ac:dyDescent="0.25">
      <c r="A17425">
        <v>171.3</v>
      </c>
      <c r="B17425">
        <v>214.93</v>
      </c>
      <c r="C17425">
        <v>18800</v>
      </c>
      <c r="D17425">
        <v>4</v>
      </c>
      <c r="E17425">
        <v>3417.62</v>
      </c>
      <c r="F17425">
        <v>79.263800000000003</v>
      </c>
    </row>
    <row r="17426" spans="1:6" x14ac:dyDescent="0.25">
      <c r="A17426">
        <v>174.93</v>
      </c>
      <c r="B17426">
        <v>175</v>
      </c>
      <c r="C17426">
        <v>1800</v>
      </c>
      <c r="D17426">
        <v>1</v>
      </c>
      <c r="E17426">
        <v>4406.0200000000004</v>
      </c>
      <c r="F17426">
        <v>88.838800000000006</v>
      </c>
    </row>
    <row r="17427" spans="1:6" x14ac:dyDescent="0.25">
      <c r="A17427">
        <v>174.93</v>
      </c>
      <c r="B17427">
        <v>175</v>
      </c>
      <c r="C17427">
        <v>1800</v>
      </c>
      <c r="D17427">
        <v>1.3</v>
      </c>
      <c r="E17427">
        <v>4014.98</v>
      </c>
      <c r="F17427">
        <v>96.268000000000001</v>
      </c>
    </row>
    <row r="17428" spans="1:6" x14ac:dyDescent="0.25">
      <c r="A17428">
        <v>174.93</v>
      </c>
      <c r="B17428">
        <v>175</v>
      </c>
      <c r="C17428">
        <v>1800</v>
      </c>
      <c r="D17428">
        <v>1.6</v>
      </c>
      <c r="E17428">
        <v>3674.36</v>
      </c>
      <c r="F17428">
        <v>98.756900000000002</v>
      </c>
    </row>
    <row r="17429" spans="1:6" x14ac:dyDescent="0.25">
      <c r="A17429">
        <v>174.93</v>
      </c>
      <c r="B17429">
        <v>175</v>
      </c>
      <c r="C17429">
        <v>1800</v>
      </c>
      <c r="D17429">
        <v>1.9</v>
      </c>
      <c r="E17429">
        <v>3534.24</v>
      </c>
      <c r="F17429">
        <v>96.868600000000001</v>
      </c>
    </row>
    <row r="17430" spans="1:6" x14ac:dyDescent="0.25">
      <c r="A17430">
        <v>174.93</v>
      </c>
      <c r="B17430">
        <v>175</v>
      </c>
      <c r="C17430">
        <v>1800</v>
      </c>
      <c r="D17430">
        <v>2.2000000000000002</v>
      </c>
      <c r="E17430">
        <v>3330.59</v>
      </c>
      <c r="F17430">
        <v>97.177899999999994</v>
      </c>
    </row>
    <row r="17431" spans="1:6" x14ac:dyDescent="0.25">
      <c r="A17431">
        <v>174.93</v>
      </c>
      <c r="B17431">
        <v>175</v>
      </c>
      <c r="C17431">
        <v>1800</v>
      </c>
      <c r="D17431">
        <v>2.5</v>
      </c>
      <c r="E17431">
        <v>3298.13</v>
      </c>
      <c r="F17431">
        <v>94.965900000000005</v>
      </c>
    </row>
    <row r="17432" spans="1:6" x14ac:dyDescent="0.25">
      <c r="A17432">
        <v>174.93</v>
      </c>
      <c r="B17432">
        <v>175</v>
      </c>
      <c r="C17432">
        <v>1800</v>
      </c>
      <c r="D17432">
        <v>2.8</v>
      </c>
      <c r="E17432">
        <v>3094.25</v>
      </c>
      <c r="F17432">
        <v>102.986</v>
      </c>
    </row>
    <row r="17433" spans="1:6" x14ac:dyDescent="0.25">
      <c r="A17433">
        <v>174.93</v>
      </c>
      <c r="B17433">
        <v>175</v>
      </c>
      <c r="C17433">
        <v>1800</v>
      </c>
      <c r="D17433">
        <v>3.1</v>
      </c>
      <c r="E17433">
        <v>3068.3</v>
      </c>
      <c r="F17433">
        <v>98.307100000000005</v>
      </c>
    </row>
    <row r="17434" spans="1:6" x14ac:dyDescent="0.25">
      <c r="A17434">
        <v>174.93</v>
      </c>
      <c r="B17434">
        <v>175</v>
      </c>
      <c r="C17434">
        <v>1800</v>
      </c>
      <c r="D17434">
        <v>3.4</v>
      </c>
      <c r="E17434">
        <v>2970.39</v>
      </c>
      <c r="F17434">
        <v>99.702100000000002</v>
      </c>
    </row>
    <row r="17435" spans="1:6" x14ac:dyDescent="0.25">
      <c r="A17435">
        <v>174.93</v>
      </c>
      <c r="B17435">
        <v>175</v>
      </c>
      <c r="C17435">
        <v>1800</v>
      </c>
      <c r="D17435">
        <v>3.7</v>
      </c>
      <c r="E17435">
        <v>2999.05</v>
      </c>
      <c r="F17435">
        <v>97.355400000000003</v>
      </c>
    </row>
    <row r="17436" spans="1:6" x14ac:dyDescent="0.25">
      <c r="A17436">
        <v>174.93</v>
      </c>
      <c r="B17436">
        <v>175</v>
      </c>
      <c r="C17436">
        <v>1800</v>
      </c>
      <c r="D17436">
        <v>4</v>
      </c>
      <c r="E17436">
        <v>2931.47</v>
      </c>
      <c r="F17436">
        <v>99.116399999999999</v>
      </c>
    </row>
    <row r="17437" spans="1:6" x14ac:dyDescent="0.25">
      <c r="A17437">
        <v>174.93</v>
      </c>
      <c r="B17437">
        <v>175</v>
      </c>
      <c r="C17437">
        <v>3345.45</v>
      </c>
      <c r="D17437">
        <v>1</v>
      </c>
      <c r="E17437">
        <v>4406.0200000000004</v>
      </c>
      <c r="F17437">
        <v>88.838800000000006</v>
      </c>
    </row>
    <row r="17438" spans="1:6" x14ac:dyDescent="0.25">
      <c r="A17438">
        <v>174.93</v>
      </c>
      <c r="B17438">
        <v>175</v>
      </c>
      <c r="C17438">
        <v>3345.45</v>
      </c>
      <c r="D17438">
        <v>1.3</v>
      </c>
      <c r="E17438">
        <v>4014.98</v>
      </c>
      <c r="F17438">
        <v>96.268000000000001</v>
      </c>
    </row>
    <row r="17439" spans="1:6" x14ac:dyDescent="0.25">
      <c r="A17439">
        <v>174.93</v>
      </c>
      <c r="B17439">
        <v>175</v>
      </c>
      <c r="C17439">
        <v>3345.45</v>
      </c>
      <c r="D17439">
        <v>1.6</v>
      </c>
      <c r="E17439">
        <v>3674.36</v>
      </c>
      <c r="F17439">
        <v>98.756900000000002</v>
      </c>
    </row>
    <row r="17440" spans="1:6" x14ac:dyDescent="0.25">
      <c r="A17440">
        <v>174.93</v>
      </c>
      <c r="B17440">
        <v>175</v>
      </c>
      <c r="C17440">
        <v>3345.45</v>
      </c>
      <c r="D17440">
        <v>1.9</v>
      </c>
      <c r="E17440">
        <v>3534.24</v>
      </c>
      <c r="F17440">
        <v>96.868600000000001</v>
      </c>
    </row>
    <row r="17441" spans="1:6" x14ac:dyDescent="0.25">
      <c r="A17441">
        <v>174.93</v>
      </c>
      <c r="B17441">
        <v>175</v>
      </c>
      <c r="C17441">
        <v>3345.45</v>
      </c>
      <c r="D17441">
        <v>2.2000000000000002</v>
      </c>
      <c r="E17441">
        <v>3330.59</v>
      </c>
      <c r="F17441">
        <v>97.177899999999994</v>
      </c>
    </row>
    <row r="17442" spans="1:6" x14ac:dyDescent="0.25">
      <c r="A17442">
        <v>174.93</v>
      </c>
      <c r="B17442">
        <v>175</v>
      </c>
      <c r="C17442">
        <v>3345.45</v>
      </c>
      <c r="D17442">
        <v>2.5</v>
      </c>
      <c r="E17442">
        <v>3298.13</v>
      </c>
      <c r="F17442">
        <v>94.965900000000005</v>
      </c>
    </row>
    <row r="17443" spans="1:6" x14ac:dyDescent="0.25">
      <c r="A17443">
        <v>174.93</v>
      </c>
      <c r="B17443">
        <v>175</v>
      </c>
      <c r="C17443">
        <v>3345.45</v>
      </c>
      <c r="D17443">
        <v>2.8</v>
      </c>
      <c r="E17443">
        <v>3094.25</v>
      </c>
      <c r="F17443">
        <v>102.986</v>
      </c>
    </row>
    <row r="17444" spans="1:6" x14ac:dyDescent="0.25">
      <c r="A17444">
        <v>174.93</v>
      </c>
      <c r="B17444">
        <v>175</v>
      </c>
      <c r="C17444">
        <v>3345.45</v>
      </c>
      <c r="D17444">
        <v>3.1</v>
      </c>
      <c r="E17444">
        <v>3068.3</v>
      </c>
      <c r="F17444">
        <v>98.307100000000005</v>
      </c>
    </row>
    <row r="17445" spans="1:6" x14ac:dyDescent="0.25">
      <c r="A17445">
        <v>174.93</v>
      </c>
      <c r="B17445">
        <v>175</v>
      </c>
      <c r="C17445">
        <v>3345.45</v>
      </c>
      <c r="D17445">
        <v>3.4</v>
      </c>
      <c r="E17445">
        <v>2970.39</v>
      </c>
      <c r="F17445">
        <v>99.702100000000002</v>
      </c>
    </row>
    <row r="17446" spans="1:6" x14ac:dyDescent="0.25">
      <c r="A17446">
        <v>174.93</v>
      </c>
      <c r="B17446">
        <v>175</v>
      </c>
      <c r="C17446">
        <v>3345.45</v>
      </c>
      <c r="D17446">
        <v>3.7</v>
      </c>
      <c r="E17446">
        <v>2999.05</v>
      </c>
      <c r="F17446">
        <v>97.355400000000003</v>
      </c>
    </row>
    <row r="17447" spans="1:6" x14ac:dyDescent="0.25">
      <c r="A17447">
        <v>174.93</v>
      </c>
      <c r="B17447">
        <v>175</v>
      </c>
      <c r="C17447">
        <v>3345.45</v>
      </c>
      <c r="D17447">
        <v>4</v>
      </c>
      <c r="E17447">
        <v>2931.47</v>
      </c>
      <c r="F17447">
        <v>99.116399999999999</v>
      </c>
    </row>
    <row r="17448" spans="1:6" x14ac:dyDescent="0.25">
      <c r="A17448">
        <v>174.93</v>
      </c>
      <c r="B17448">
        <v>175</v>
      </c>
      <c r="C17448">
        <v>4890.8999999999996</v>
      </c>
      <c r="D17448">
        <v>1</v>
      </c>
      <c r="E17448">
        <v>4406.0200000000004</v>
      </c>
      <c r="F17448">
        <v>88.838800000000006</v>
      </c>
    </row>
    <row r="17449" spans="1:6" x14ac:dyDescent="0.25">
      <c r="A17449">
        <v>174.93</v>
      </c>
      <c r="B17449">
        <v>175</v>
      </c>
      <c r="C17449">
        <v>4890.8999999999996</v>
      </c>
      <c r="D17449">
        <v>1.3</v>
      </c>
      <c r="E17449">
        <v>4014.98</v>
      </c>
      <c r="F17449">
        <v>96.268000000000001</v>
      </c>
    </row>
    <row r="17450" spans="1:6" x14ac:dyDescent="0.25">
      <c r="A17450">
        <v>174.93</v>
      </c>
      <c r="B17450">
        <v>175</v>
      </c>
      <c r="C17450">
        <v>4890.8999999999996</v>
      </c>
      <c r="D17450">
        <v>1.6</v>
      </c>
      <c r="E17450">
        <v>3674.36</v>
      </c>
      <c r="F17450">
        <v>98.756900000000002</v>
      </c>
    </row>
    <row r="17451" spans="1:6" x14ac:dyDescent="0.25">
      <c r="A17451">
        <v>174.93</v>
      </c>
      <c r="B17451">
        <v>175</v>
      </c>
      <c r="C17451">
        <v>4890.8999999999996</v>
      </c>
      <c r="D17451">
        <v>1.9</v>
      </c>
      <c r="E17451">
        <v>3534.24</v>
      </c>
      <c r="F17451">
        <v>96.868600000000001</v>
      </c>
    </row>
    <row r="17452" spans="1:6" x14ac:dyDescent="0.25">
      <c r="A17452">
        <v>174.93</v>
      </c>
      <c r="B17452">
        <v>175</v>
      </c>
      <c r="C17452">
        <v>4890.8999999999996</v>
      </c>
      <c r="D17452">
        <v>2.2000000000000002</v>
      </c>
      <c r="E17452">
        <v>3330.59</v>
      </c>
      <c r="F17452">
        <v>97.177899999999994</v>
      </c>
    </row>
    <row r="17453" spans="1:6" x14ac:dyDescent="0.25">
      <c r="A17453">
        <v>174.93</v>
      </c>
      <c r="B17453">
        <v>175</v>
      </c>
      <c r="C17453">
        <v>4890.8999999999996</v>
      </c>
      <c r="D17453">
        <v>2.5</v>
      </c>
      <c r="E17453">
        <v>3298.13</v>
      </c>
      <c r="F17453">
        <v>94.965900000000005</v>
      </c>
    </row>
    <row r="17454" spans="1:6" x14ac:dyDescent="0.25">
      <c r="A17454">
        <v>174.93</v>
      </c>
      <c r="B17454">
        <v>175</v>
      </c>
      <c r="C17454">
        <v>4890.8999999999996</v>
      </c>
      <c r="D17454">
        <v>2.8</v>
      </c>
      <c r="E17454">
        <v>3094.25</v>
      </c>
      <c r="F17454">
        <v>102.986</v>
      </c>
    </row>
    <row r="17455" spans="1:6" x14ac:dyDescent="0.25">
      <c r="A17455">
        <v>174.93</v>
      </c>
      <c r="B17455">
        <v>175</v>
      </c>
      <c r="C17455">
        <v>4890.8999999999996</v>
      </c>
      <c r="D17455">
        <v>3.1</v>
      </c>
      <c r="E17455">
        <v>3068.3</v>
      </c>
      <c r="F17455">
        <v>98.307100000000005</v>
      </c>
    </row>
    <row r="17456" spans="1:6" x14ac:dyDescent="0.25">
      <c r="A17456">
        <v>174.93</v>
      </c>
      <c r="B17456">
        <v>175</v>
      </c>
      <c r="C17456">
        <v>4890.8999999999996</v>
      </c>
      <c r="D17456">
        <v>3.4</v>
      </c>
      <c r="E17456">
        <v>2970.39</v>
      </c>
      <c r="F17456">
        <v>99.702100000000002</v>
      </c>
    </row>
    <row r="17457" spans="1:6" x14ac:dyDescent="0.25">
      <c r="A17457">
        <v>174.93</v>
      </c>
      <c r="B17457">
        <v>175</v>
      </c>
      <c r="C17457">
        <v>4890.8999999999996</v>
      </c>
      <c r="D17457">
        <v>3.7</v>
      </c>
      <c r="E17457">
        <v>2999.05</v>
      </c>
      <c r="F17457">
        <v>97.355400000000003</v>
      </c>
    </row>
    <row r="17458" spans="1:6" x14ac:dyDescent="0.25">
      <c r="A17458">
        <v>174.93</v>
      </c>
      <c r="B17458">
        <v>175</v>
      </c>
      <c r="C17458">
        <v>4890.8999999999996</v>
      </c>
      <c r="D17458">
        <v>4</v>
      </c>
      <c r="E17458">
        <v>2931.47</v>
      </c>
      <c r="F17458">
        <v>99.116399999999999</v>
      </c>
    </row>
    <row r="17459" spans="1:6" x14ac:dyDescent="0.25">
      <c r="A17459">
        <v>174.93</v>
      </c>
      <c r="B17459">
        <v>175</v>
      </c>
      <c r="C17459">
        <v>6436.35</v>
      </c>
      <c r="D17459">
        <v>1</v>
      </c>
      <c r="E17459">
        <v>4406.0200000000004</v>
      </c>
      <c r="F17459">
        <v>88.838800000000006</v>
      </c>
    </row>
    <row r="17460" spans="1:6" x14ac:dyDescent="0.25">
      <c r="A17460">
        <v>174.93</v>
      </c>
      <c r="B17460">
        <v>175</v>
      </c>
      <c r="C17460">
        <v>6436.35</v>
      </c>
      <c r="D17460">
        <v>1.3</v>
      </c>
      <c r="E17460">
        <v>4014.98</v>
      </c>
      <c r="F17460">
        <v>96.268000000000001</v>
      </c>
    </row>
    <row r="17461" spans="1:6" x14ac:dyDescent="0.25">
      <c r="A17461">
        <v>174.93</v>
      </c>
      <c r="B17461">
        <v>175</v>
      </c>
      <c r="C17461">
        <v>6436.35</v>
      </c>
      <c r="D17461">
        <v>1.6</v>
      </c>
      <c r="E17461">
        <v>3674.36</v>
      </c>
      <c r="F17461">
        <v>98.756900000000002</v>
      </c>
    </row>
    <row r="17462" spans="1:6" x14ac:dyDescent="0.25">
      <c r="A17462">
        <v>174.93</v>
      </c>
      <c r="B17462">
        <v>175</v>
      </c>
      <c r="C17462">
        <v>6436.35</v>
      </c>
      <c r="D17462">
        <v>1.9</v>
      </c>
      <c r="E17462">
        <v>3534.24</v>
      </c>
      <c r="F17462">
        <v>96.868600000000001</v>
      </c>
    </row>
    <row r="17463" spans="1:6" x14ac:dyDescent="0.25">
      <c r="A17463">
        <v>174.93</v>
      </c>
      <c r="B17463">
        <v>175</v>
      </c>
      <c r="C17463">
        <v>6436.35</v>
      </c>
      <c r="D17463">
        <v>2.2000000000000002</v>
      </c>
      <c r="E17463">
        <v>3330.59</v>
      </c>
      <c r="F17463">
        <v>97.177899999999994</v>
      </c>
    </row>
    <row r="17464" spans="1:6" x14ac:dyDescent="0.25">
      <c r="A17464">
        <v>174.93</v>
      </c>
      <c r="B17464">
        <v>175</v>
      </c>
      <c r="C17464">
        <v>6436.35</v>
      </c>
      <c r="D17464">
        <v>2.5</v>
      </c>
      <c r="E17464">
        <v>3298.13</v>
      </c>
      <c r="F17464">
        <v>94.965900000000005</v>
      </c>
    </row>
    <row r="17465" spans="1:6" x14ac:dyDescent="0.25">
      <c r="A17465">
        <v>174.93</v>
      </c>
      <c r="B17465">
        <v>175</v>
      </c>
      <c r="C17465">
        <v>6436.35</v>
      </c>
      <c r="D17465">
        <v>2.8</v>
      </c>
      <c r="E17465">
        <v>3094.25</v>
      </c>
      <c r="F17465">
        <v>102.986</v>
      </c>
    </row>
    <row r="17466" spans="1:6" x14ac:dyDescent="0.25">
      <c r="A17466">
        <v>174.93</v>
      </c>
      <c r="B17466">
        <v>175</v>
      </c>
      <c r="C17466">
        <v>6436.35</v>
      </c>
      <c r="D17466">
        <v>3.1</v>
      </c>
      <c r="E17466">
        <v>3068.3</v>
      </c>
      <c r="F17466">
        <v>98.307100000000005</v>
      </c>
    </row>
    <row r="17467" spans="1:6" x14ac:dyDescent="0.25">
      <c r="A17467">
        <v>174.93</v>
      </c>
      <c r="B17467">
        <v>175</v>
      </c>
      <c r="C17467">
        <v>6436.35</v>
      </c>
      <c r="D17467">
        <v>3.4</v>
      </c>
      <c r="E17467">
        <v>2970.39</v>
      </c>
      <c r="F17467">
        <v>99.702100000000002</v>
      </c>
    </row>
    <row r="17468" spans="1:6" x14ac:dyDescent="0.25">
      <c r="A17468">
        <v>174.93</v>
      </c>
      <c r="B17468">
        <v>175</v>
      </c>
      <c r="C17468">
        <v>6436.35</v>
      </c>
      <c r="D17468">
        <v>3.7</v>
      </c>
      <c r="E17468">
        <v>2999.05</v>
      </c>
      <c r="F17468">
        <v>97.355400000000003</v>
      </c>
    </row>
    <row r="17469" spans="1:6" x14ac:dyDescent="0.25">
      <c r="A17469">
        <v>174.93</v>
      </c>
      <c r="B17469">
        <v>175</v>
      </c>
      <c r="C17469">
        <v>6436.35</v>
      </c>
      <c r="D17469">
        <v>4</v>
      </c>
      <c r="E17469">
        <v>2931.47</v>
      </c>
      <c r="F17469">
        <v>99.116399999999999</v>
      </c>
    </row>
    <row r="17470" spans="1:6" x14ac:dyDescent="0.25">
      <c r="A17470">
        <v>174.93</v>
      </c>
      <c r="B17470">
        <v>175</v>
      </c>
      <c r="C17470">
        <v>7981.8</v>
      </c>
      <c r="D17470">
        <v>1</v>
      </c>
      <c r="E17470">
        <v>4406.0200000000004</v>
      </c>
      <c r="F17470">
        <v>88.838800000000006</v>
      </c>
    </row>
    <row r="17471" spans="1:6" x14ac:dyDescent="0.25">
      <c r="A17471">
        <v>174.93</v>
      </c>
      <c r="B17471">
        <v>175</v>
      </c>
      <c r="C17471">
        <v>7981.8</v>
      </c>
      <c r="D17471">
        <v>1.3</v>
      </c>
      <c r="E17471">
        <v>4014.98</v>
      </c>
      <c r="F17471">
        <v>96.268000000000001</v>
      </c>
    </row>
    <row r="17472" spans="1:6" x14ac:dyDescent="0.25">
      <c r="A17472">
        <v>174.93</v>
      </c>
      <c r="B17472">
        <v>175</v>
      </c>
      <c r="C17472">
        <v>7981.8</v>
      </c>
      <c r="D17472">
        <v>1.6</v>
      </c>
      <c r="E17472">
        <v>3674.36</v>
      </c>
      <c r="F17472">
        <v>98.756900000000002</v>
      </c>
    </row>
    <row r="17473" spans="1:6" x14ac:dyDescent="0.25">
      <c r="A17473">
        <v>174.93</v>
      </c>
      <c r="B17473">
        <v>175</v>
      </c>
      <c r="C17473">
        <v>7981.8</v>
      </c>
      <c r="D17473">
        <v>1.9</v>
      </c>
      <c r="E17473">
        <v>3534.24</v>
      </c>
      <c r="F17473">
        <v>96.868600000000001</v>
      </c>
    </row>
    <row r="17474" spans="1:6" x14ac:dyDescent="0.25">
      <c r="A17474">
        <v>174.93</v>
      </c>
      <c r="B17474">
        <v>175</v>
      </c>
      <c r="C17474">
        <v>7981.8</v>
      </c>
      <c r="D17474">
        <v>2.2000000000000002</v>
      </c>
      <c r="E17474">
        <v>3330.59</v>
      </c>
      <c r="F17474">
        <v>97.177899999999994</v>
      </c>
    </row>
    <row r="17475" spans="1:6" x14ac:dyDescent="0.25">
      <c r="A17475">
        <v>174.93</v>
      </c>
      <c r="B17475">
        <v>175</v>
      </c>
      <c r="C17475">
        <v>7981.8</v>
      </c>
      <c r="D17475">
        <v>2.5</v>
      </c>
      <c r="E17475">
        <v>3298.13</v>
      </c>
      <c r="F17475">
        <v>94.965900000000005</v>
      </c>
    </row>
    <row r="17476" spans="1:6" x14ac:dyDescent="0.25">
      <c r="A17476">
        <v>174.93</v>
      </c>
      <c r="B17476">
        <v>175</v>
      </c>
      <c r="C17476">
        <v>7981.8</v>
      </c>
      <c r="D17476">
        <v>2.8</v>
      </c>
      <c r="E17476">
        <v>3094.25</v>
      </c>
      <c r="F17476">
        <v>102.986</v>
      </c>
    </row>
    <row r="17477" spans="1:6" x14ac:dyDescent="0.25">
      <c r="A17477">
        <v>174.93</v>
      </c>
      <c r="B17477">
        <v>175</v>
      </c>
      <c r="C17477">
        <v>7981.8</v>
      </c>
      <c r="D17477">
        <v>3.1</v>
      </c>
      <c r="E17477">
        <v>3068.3</v>
      </c>
      <c r="F17477">
        <v>98.307100000000005</v>
      </c>
    </row>
    <row r="17478" spans="1:6" x14ac:dyDescent="0.25">
      <c r="A17478">
        <v>174.93</v>
      </c>
      <c r="B17478">
        <v>175</v>
      </c>
      <c r="C17478">
        <v>7981.8</v>
      </c>
      <c r="D17478">
        <v>3.4</v>
      </c>
      <c r="E17478">
        <v>2970.39</v>
      </c>
      <c r="F17478">
        <v>99.702100000000002</v>
      </c>
    </row>
    <row r="17479" spans="1:6" x14ac:dyDescent="0.25">
      <c r="A17479">
        <v>174.93</v>
      </c>
      <c r="B17479">
        <v>175</v>
      </c>
      <c r="C17479">
        <v>7981.8</v>
      </c>
      <c r="D17479">
        <v>3.7</v>
      </c>
      <c r="E17479">
        <v>2999.05</v>
      </c>
      <c r="F17479">
        <v>97.355400000000003</v>
      </c>
    </row>
    <row r="17480" spans="1:6" x14ac:dyDescent="0.25">
      <c r="A17480">
        <v>174.93</v>
      </c>
      <c r="B17480">
        <v>175</v>
      </c>
      <c r="C17480">
        <v>7981.8</v>
      </c>
      <c r="D17480">
        <v>4</v>
      </c>
      <c r="E17480">
        <v>2931.47</v>
      </c>
      <c r="F17480">
        <v>99.116399999999999</v>
      </c>
    </row>
    <row r="17481" spans="1:6" x14ac:dyDescent="0.25">
      <c r="A17481">
        <v>174.93</v>
      </c>
      <c r="B17481">
        <v>175</v>
      </c>
      <c r="C17481">
        <v>9527.25</v>
      </c>
      <c r="D17481">
        <v>1</v>
      </c>
      <c r="E17481">
        <v>4406.0200000000004</v>
      </c>
      <c r="F17481">
        <v>88.838800000000006</v>
      </c>
    </row>
    <row r="17482" spans="1:6" x14ac:dyDescent="0.25">
      <c r="A17482">
        <v>174.93</v>
      </c>
      <c r="B17482">
        <v>175</v>
      </c>
      <c r="C17482">
        <v>9527.25</v>
      </c>
      <c r="D17482">
        <v>1.3</v>
      </c>
      <c r="E17482">
        <v>4014.98</v>
      </c>
      <c r="F17482">
        <v>96.268000000000001</v>
      </c>
    </row>
    <row r="17483" spans="1:6" x14ac:dyDescent="0.25">
      <c r="A17483">
        <v>174.93</v>
      </c>
      <c r="B17483">
        <v>175</v>
      </c>
      <c r="C17483">
        <v>9527.25</v>
      </c>
      <c r="D17483">
        <v>1.6</v>
      </c>
      <c r="E17483">
        <v>3674.36</v>
      </c>
      <c r="F17483">
        <v>98.756900000000002</v>
      </c>
    </row>
    <row r="17484" spans="1:6" x14ac:dyDescent="0.25">
      <c r="A17484">
        <v>174.93</v>
      </c>
      <c r="B17484">
        <v>175</v>
      </c>
      <c r="C17484">
        <v>9527.25</v>
      </c>
      <c r="D17484">
        <v>1.9</v>
      </c>
      <c r="E17484">
        <v>3534.24</v>
      </c>
      <c r="F17484">
        <v>96.868600000000001</v>
      </c>
    </row>
    <row r="17485" spans="1:6" x14ac:dyDescent="0.25">
      <c r="A17485">
        <v>174.93</v>
      </c>
      <c r="B17485">
        <v>175</v>
      </c>
      <c r="C17485">
        <v>9527.25</v>
      </c>
      <c r="D17485">
        <v>2.2000000000000002</v>
      </c>
      <c r="E17485">
        <v>3330.59</v>
      </c>
      <c r="F17485">
        <v>97.177899999999994</v>
      </c>
    </row>
    <row r="17486" spans="1:6" x14ac:dyDescent="0.25">
      <c r="A17486">
        <v>174.93</v>
      </c>
      <c r="B17486">
        <v>175</v>
      </c>
      <c r="C17486">
        <v>9527.25</v>
      </c>
      <c r="D17486">
        <v>2.5</v>
      </c>
      <c r="E17486">
        <v>3298.13</v>
      </c>
      <c r="F17486">
        <v>94.965900000000005</v>
      </c>
    </row>
    <row r="17487" spans="1:6" x14ac:dyDescent="0.25">
      <c r="A17487">
        <v>174.93</v>
      </c>
      <c r="B17487">
        <v>175</v>
      </c>
      <c r="C17487">
        <v>9527.25</v>
      </c>
      <c r="D17487">
        <v>2.8</v>
      </c>
      <c r="E17487">
        <v>3094.25</v>
      </c>
      <c r="F17487">
        <v>102.986</v>
      </c>
    </row>
    <row r="17488" spans="1:6" x14ac:dyDescent="0.25">
      <c r="A17488">
        <v>174.93</v>
      </c>
      <c r="B17488">
        <v>175</v>
      </c>
      <c r="C17488">
        <v>9527.25</v>
      </c>
      <c r="D17488">
        <v>3.1</v>
      </c>
      <c r="E17488">
        <v>3068.3</v>
      </c>
      <c r="F17488">
        <v>98.307100000000005</v>
      </c>
    </row>
    <row r="17489" spans="1:6" x14ac:dyDescent="0.25">
      <c r="A17489">
        <v>174.93</v>
      </c>
      <c r="B17489">
        <v>175</v>
      </c>
      <c r="C17489">
        <v>9527.25</v>
      </c>
      <c r="D17489">
        <v>3.4</v>
      </c>
      <c r="E17489">
        <v>2970.39</v>
      </c>
      <c r="F17489">
        <v>99.702100000000002</v>
      </c>
    </row>
    <row r="17490" spans="1:6" x14ac:dyDescent="0.25">
      <c r="A17490">
        <v>174.93</v>
      </c>
      <c r="B17490">
        <v>175</v>
      </c>
      <c r="C17490">
        <v>9527.25</v>
      </c>
      <c r="D17490">
        <v>3.7</v>
      </c>
      <c r="E17490">
        <v>2999.05</v>
      </c>
      <c r="F17490">
        <v>97.355400000000003</v>
      </c>
    </row>
    <row r="17491" spans="1:6" x14ac:dyDescent="0.25">
      <c r="A17491">
        <v>174.93</v>
      </c>
      <c r="B17491">
        <v>175</v>
      </c>
      <c r="C17491">
        <v>9527.25</v>
      </c>
      <c r="D17491">
        <v>4</v>
      </c>
      <c r="E17491">
        <v>2931.47</v>
      </c>
      <c r="F17491">
        <v>99.116399999999999</v>
      </c>
    </row>
    <row r="17492" spans="1:6" x14ac:dyDescent="0.25">
      <c r="A17492">
        <v>174.93</v>
      </c>
      <c r="B17492">
        <v>175</v>
      </c>
      <c r="C17492">
        <v>11072.7</v>
      </c>
      <c r="D17492">
        <v>1</v>
      </c>
      <c r="E17492">
        <v>4406.0200000000004</v>
      </c>
      <c r="F17492">
        <v>88.838800000000006</v>
      </c>
    </row>
    <row r="17493" spans="1:6" x14ac:dyDescent="0.25">
      <c r="A17493">
        <v>174.93</v>
      </c>
      <c r="B17493">
        <v>175</v>
      </c>
      <c r="C17493">
        <v>11072.7</v>
      </c>
      <c r="D17493">
        <v>1.3</v>
      </c>
      <c r="E17493">
        <v>4014.98</v>
      </c>
      <c r="F17493">
        <v>96.268000000000001</v>
      </c>
    </row>
    <row r="17494" spans="1:6" x14ac:dyDescent="0.25">
      <c r="A17494">
        <v>174.93</v>
      </c>
      <c r="B17494">
        <v>175</v>
      </c>
      <c r="C17494">
        <v>11072.7</v>
      </c>
      <c r="D17494">
        <v>1.6</v>
      </c>
      <c r="E17494">
        <v>3674.36</v>
      </c>
      <c r="F17494">
        <v>98.756900000000002</v>
      </c>
    </row>
    <row r="17495" spans="1:6" x14ac:dyDescent="0.25">
      <c r="A17495">
        <v>174.93</v>
      </c>
      <c r="B17495">
        <v>175</v>
      </c>
      <c r="C17495">
        <v>11072.7</v>
      </c>
      <c r="D17495">
        <v>1.9</v>
      </c>
      <c r="E17495">
        <v>3534.24</v>
      </c>
      <c r="F17495">
        <v>96.868600000000001</v>
      </c>
    </row>
    <row r="17496" spans="1:6" x14ac:dyDescent="0.25">
      <c r="A17496">
        <v>174.93</v>
      </c>
      <c r="B17496">
        <v>175</v>
      </c>
      <c r="C17496">
        <v>11072.7</v>
      </c>
      <c r="D17496">
        <v>2.2000000000000002</v>
      </c>
      <c r="E17496">
        <v>3330.59</v>
      </c>
      <c r="F17496">
        <v>97.177899999999994</v>
      </c>
    </row>
    <row r="17497" spans="1:6" x14ac:dyDescent="0.25">
      <c r="A17497">
        <v>174.93</v>
      </c>
      <c r="B17497">
        <v>175</v>
      </c>
      <c r="C17497">
        <v>11072.7</v>
      </c>
      <c r="D17497">
        <v>2.5</v>
      </c>
      <c r="E17497">
        <v>3298.13</v>
      </c>
      <c r="F17497">
        <v>94.965900000000005</v>
      </c>
    </row>
    <row r="17498" spans="1:6" x14ac:dyDescent="0.25">
      <c r="A17498">
        <v>174.93</v>
      </c>
      <c r="B17498">
        <v>175</v>
      </c>
      <c r="C17498">
        <v>11072.7</v>
      </c>
      <c r="D17498">
        <v>2.8</v>
      </c>
      <c r="E17498">
        <v>3094.25</v>
      </c>
      <c r="F17498">
        <v>102.986</v>
      </c>
    </row>
    <row r="17499" spans="1:6" x14ac:dyDescent="0.25">
      <c r="A17499">
        <v>174.93</v>
      </c>
      <c r="B17499">
        <v>175</v>
      </c>
      <c r="C17499">
        <v>11072.7</v>
      </c>
      <c r="D17499">
        <v>3.1</v>
      </c>
      <c r="E17499">
        <v>3068.3</v>
      </c>
      <c r="F17499">
        <v>98.307100000000005</v>
      </c>
    </row>
    <row r="17500" spans="1:6" x14ac:dyDescent="0.25">
      <c r="A17500">
        <v>174.93</v>
      </c>
      <c r="B17500">
        <v>175</v>
      </c>
      <c r="C17500">
        <v>11072.7</v>
      </c>
      <c r="D17500">
        <v>3.4</v>
      </c>
      <c r="E17500">
        <v>2970.39</v>
      </c>
      <c r="F17500">
        <v>99.702100000000002</v>
      </c>
    </row>
    <row r="17501" spans="1:6" x14ac:dyDescent="0.25">
      <c r="A17501">
        <v>174.93</v>
      </c>
      <c r="B17501">
        <v>175</v>
      </c>
      <c r="C17501">
        <v>11072.7</v>
      </c>
      <c r="D17501">
        <v>3.7</v>
      </c>
      <c r="E17501">
        <v>2999.05</v>
      </c>
      <c r="F17501">
        <v>97.355400000000003</v>
      </c>
    </row>
    <row r="17502" spans="1:6" x14ac:dyDescent="0.25">
      <c r="A17502">
        <v>174.93</v>
      </c>
      <c r="B17502">
        <v>175</v>
      </c>
      <c r="C17502">
        <v>11072.7</v>
      </c>
      <c r="D17502">
        <v>4</v>
      </c>
      <c r="E17502">
        <v>2931.47</v>
      </c>
      <c r="F17502">
        <v>99.116399999999999</v>
      </c>
    </row>
    <row r="17503" spans="1:6" x14ac:dyDescent="0.25">
      <c r="A17503">
        <v>174.93</v>
      </c>
      <c r="B17503">
        <v>175</v>
      </c>
      <c r="C17503">
        <v>12618.2</v>
      </c>
      <c r="D17503">
        <v>1</v>
      </c>
      <c r="E17503">
        <v>4406.0200000000004</v>
      </c>
      <c r="F17503">
        <v>88.838800000000006</v>
      </c>
    </row>
    <row r="17504" spans="1:6" x14ac:dyDescent="0.25">
      <c r="A17504">
        <v>174.93</v>
      </c>
      <c r="B17504">
        <v>175</v>
      </c>
      <c r="C17504">
        <v>12618.2</v>
      </c>
      <c r="D17504">
        <v>1.3</v>
      </c>
      <c r="E17504">
        <v>4014.98</v>
      </c>
      <c r="F17504">
        <v>96.268000000000001</v>
      </c>
    </row>
    <row r="17505" spans="1:6" x14ac:dyDescent="0.25">
      <c r="A17505">
        <v>174.93</v>
      </c>
      <c r="B17505">
        <v>175</v>
      </c>
      <c r="C17505">
        <v>12618.2</v>
      </c>
      <c r="D17505">
        <v>1.6</v>
      </c>
      <c r="E17505">
        <v>3674.36</v>
      </c>
      <c r="F17505">
        <v>98.756900000000002</v>
      </c>
    </row>
    <row r="17506" spans="1:6" x14ac:dyDescent="0.25">
      <c r="A17506">
        <v>174.93</v>
      </c>
      <c r="B17506">
        <v>175</v>
      </c>
      <c r="C17506">
        <v>12618.2</v>
      </c>
      <c r="D17506">
        <v>1.9</v>
      </c>
      <c r="E17506">
        <v>3534.24</v>
      </c>
      <c r="F17506">
        <v>96.868600000000001</v>
      </c>
    </row>
    <row r="17507" spans="1:6" x14ac:dyDescent="0.25">
      <c r="A17507">
        <v>174.93</v>
      </c>
      <c r="B17507">
        <v>175</v>
      </c>
      <c r="C17507">
        <v>12618.2</v>
      </c>
      <c r="D17507">
        <v>2.2000000000000002</v>
      </c>
      <c r="E17507">
        <v>3330.59</v>
      </c>
      <c r="F17507">
        <v>97.177899999999994</v>
      </c>
    </row>
    <row r="17508" spans="1:6" x14ac:dyDescent="0.25">
      <c r="A17508">
        <v>174.93</v>
      </c>
      <c r="B17508">
        <v>175</v>
      </c>
      <c r="C17508">
        <v>12618.2</v>
      </c>
      <c r="D17508">
        <v>2.5</v>
      </c>
      <c r="E17508">
        <v>3298.13</v>
      </c>
      <c r="F17508">
        <v>94.965900000000005</v>
      </c>
    </row>
    <row r="17509" spans="1:6" x14ac:dyDescent="0.25">
      <c r="A17509">
        <v>174.93</v>
      </c>
      <c r="B17509">
        <v>175</v>
      </c>
      <c r="C17509">
        <v>12618.2</v>
      </c>
      <c r="D17509">
        <v>2.8</v>
      </c>
      <c r="E17509">
        <v>3094.25</v>
      </c>
      <c r="F17509">
        <v>102.986</v>
      </c>
    </row>
    <row r="17510" spans="1:6" x14ac:dyDescent="0.25">
      <c r="A17510">
        <v>174.93</v>
      </c>
      <c r="B17510">
        <v>175</v>
      </c>
      <c r="C17510">
        <v>12618.2</v>
      </c>
      <c r="D17510">
        <v>3.1</v>
      </c>
      <c r="E17510">
        <v>3068.3</v>
      </c>
      <c r="F17510">
        <v>98.307100000000005</v>
      </c>
    </row>
    <row r="17511" spans="1:6" x14ac:dyDescent="0.25">
      <c r="A17511">
        <v>174.93</v>
      </c>
      <c r="B17511">
        <v>175</v>
      </c>
      <c r="C17511">
        <v>12618.2</v>
      </c>
      <c r="D17511">
        <v>3.4</v>
      </c>
      <c r="E17511">
        <v>2970.39</v>
      </c>
      <c r="F17511">
        <v>99.702100000000002</v>
      </c>
    </row>
    <row r="17512" spans="1:6" x14ac:dyDescent="0.25">
      <c r="A17512">
        <v>174.93</v>
      </c>
      <c r="B17512">
        <v>175</v>
      </c>
      <c r="C17512">
        <v>12618.2</v>
      </c>
      <c r="D17512">
        <v>3.7</v>
      </c>
      <c r="E17512">
        <v>2999.05</v>
      </c>
      <c r="F17512">
        <v>97.355400000000003</v>
      </c>
    </row>
    <row r="17513" spans="1:6" x14ac:dyDescent="0.25">
      <c r="A17513">
        <v>174.93</v>
      </c>
      <c r="B17513">
        <v>175</v>
      </c>
      <c r="C17513">
        <v>12618.2</v>
      </c>
      <c r="D17513">
        <v>4</v>
      </c>
      <c r="E17513">
        <v>2931.47</v>
      </c>
      <c r="F17513">
        <v>99.116399999999999</v>
      </c>
    </row>
    <row r="17514" spans="1:6" x14ac:dyDescent="0.25">
      <c r="A17514">
        <v>174.93</v>
      </c>
      <c r="B17514">
        <v>175</v>
      </c>
      <c r="C17514">
        <v>14163.6</v>
      </c>
      <c r="D17514">
        <v>1</v>
      </c>
      <c r="E17514">
        <v>4406.0200000000004</v>
      </c>
      <c r="F17514">
        <v>88.838800000000006</v>
      </c>
    </row>
    <row r="17515" spans="1:6" x14ac:dyDescent="0.25">
      <c r="A17515">
        <v>174.93</v>
      </c>
      <c r="B17515">
        <v>175</v>
      </c>
      <c r="C17515">
        <v>14163.6</v>
      </c>
      <c r="D17515">
        <v>1.3</v>
      </c>
      <c r="E17515">
        <v>4014.98</v>
      </c>
      <c r="F17515">
        <v>96.268000000000001</v>
      </c>
    </row>
    <row r="17516" spans="1:6" x14ac:dyDescent="0.25">
      <c r="A17516">
        <v>174.93</v>
      </c>
      <c r="B17516">
        <v>175</v>
      </c>
      <c r="C17516">
        <v>14163.6</v>
      </c>
      <c r="D17516">
        <v>1.6</v>
      </c>
      <c r="E17516">
        <v>3674.36</v>
      </c>
      <c r="F17516">
        <v>98.756900000000002</v>
      </c>
    </row>
    <row r="17517" spans="1:6" x14ac:dyDescent="0.25">
      <c r="A17517">
        <v>174.93</v>
      </c>
      <c r="B17517">
        <v>175</v>
      </c>
      <c r="C17517">
        <v>14163.6</v>
      </c>
      <c r="D17517">
        <v>1.9</v>
      </c>
      <c r="E17517">
        <v>3534.24</v>
      </c>
      <c r="F17517">
        <v>96.868600000000001</v>
      </c>
    </row>
    <row r="17518" spans="1:6" x14ac:dyDescent="0.25">
      <c r="A17518">
        <v>174.93</v>
      </c>
      <c r="B17518">
        <v>175</v>
      </c>
      <c r="C17518">
        <v>14163.6</v>
      </c>
      <c r="D17518">
        <v>2.2000000000000002</v>
      </c>
      <c r="E17518">
        <v>3330.59</v>
      </c>
      <c r="F17518">
        <v>97.177899999999994</v>
      </c>
    </row>
    <row r="17519" spans="1:6" x14ac:dyDescent="0.25">
      <c r="A17519">
        <v>174.93</v>
      </c>
      <c r="B17519">
        <v>175</v>
      </c>
      <c r="C17519">
        <v>14163.6</v>
      </c>
      <c r="D17519">
        <v>2.5</v>
      </c>
      <c r="E17519">
        <v>3298.13</v>
      </c>
      <c r="F17519">
        <v>94.965900000000005</v>
      </c>
    </row>
    <row r="17520" spans="1:6" x14ac:dyDescent="0.25">
      <c r="A17520">
        <v>174.93</v>
      </c>
      <c r="B17520">
        <v>175</v>
      </c>
      <c r="C17520">
        <v>14163.6</v>
      </c>
      <c r="D17520">
        <v>2.8</v>
      </c>
      <c r="E17520">
        <v>3094.25</v>
      </c>
      <c r="F17520">
        <v>102.986</v>
      </c>
    </row>
    <row r="17521" spans="1:6" x14ac:dyDescent="0.25">
      <c r="A17521">
        <v>174.93</v>
      </c>
      <c r="B17521">
        <v>175</v>
      </c>
      <c r="C17521">
        <v>14163.6</v>
      </c>
      <c r="D17521">
        <v>3.1</v>
      </c>
      <c r="E17521">
        <v>3068.3</v>
      </c>
      <c r="F17521">
        <v>98.307100000000005</v>
      </c>
    </row>
    <row r="17522" spans="1:6" x14ac:dyDescent="0.25">
      <c r="A17522">
        <v>174.93</v>
      </c>
      <c r="B17522">
        <v>175</v>
      </c>
      <c r="C17522">
        <v>14163.6</v>
      </c>
      <c r="D17522">
        <v>3.4</v>
      </c>
      <c r="E17522">
        <v>2970.39</v>
      </c>
      <c r="F17522">
        <v>99.702100000000002</v>
      </c>
    </row>
    <row r="17523" spans="1:6" x14ac:dyDescent="0.25">
      <c r="A17523">
        <v>174.93</v>
      </c>
      <c r="B17523">
        <v>175</v>
      </c>
      <c r="C17523">
        <v>14163.6</v>
      </c>
      <c r="D17523">
        <v>3.7</v>
      </c>
      <c r="E17523">
        <v>2999.05</v>
      </c>
      <c r="F17523">
        <v>97.355400000000003</v>
      </c>
    </row>
    <row r="17524" spans="1:6" x14ac:dyDescent="0.25">
      <c r="A17524">
        <v>174.93</v>
      </c>
      <c r="B17524">
        <v>175</v>
      </c>
      <c r="C17524">
        <v>14163.6</v>
      </c>
      <c r="D17524">
        <v>4</v>
      </c>
      <c r="E17524">
        <v>2931.47</v>
      </c>
      <c r="F17524">
        <v>99.116399999999999</v>
      </c>
    </row>
    <row r="17525" spans="1:6" x14ac:dyDescent="0.25">
      <c r="A17525">
        <v>174.93</v>
      </c>
      <c r="B17525">
        <v>175</v>
      </c>
      <c r="C17525">
        <v>15709.1</v>
      </c>
      <c r="D17525">
        <v>1</v>
      </c>
      <c r="E17525">
        <v>4406.0200000000004</v>
      </c>
      <c r="F17525">
        <v>88.838800000000006</v>
      </c>
    </row>
    <row r="17526" spans="1:6" x14ac:dyDescent="0.25">
      <c r="A17526">
        <v>174.93</v>
      </c>
      <c r="B17526">
        <v>175</v>
      </c>
      <c r="C17526">
        <v>15709.1</v>
      </c>
      <c r="D17526">
        <v>1.3</v>
      </c>
      <c r="E17526">
        <v>4014.98</v>
      </c>
      <c r="F17526">
        <v>96.268000000000001</v>
      </c>
    </row>
    <row r="17527" spans="1:6" x14ac:dyDescent="0.25">
      <c r="A17527">
        <v>174.93</v>
      </c>
      <c r="B17527">
        <v>175</v>
      </c>
      <c r="C17527">
        <v>15709.1</v>
      </c>
      <c r="D17527">
        <v>1.6</v>
      </c>
      <c r="E17527">
        <v>3674.36</v>
      </c>
      <c r="F17527">
        <v>98.756900000000002</v>
      </c>
    </row>
    <row r="17528" spans="1:6" x14ac:dyDescent="0.25">
      <c r="A17528">
        <v>174.93</v>
      </c>
      <c r="B17528">
        <v>175</v>
      </c>
      <c r="C17528">
        <v>15709.1</v>
      </c>
      <c r="D17528">
        <v>1.9</v>
      </c>
      <c r="E17528">
        <v>3534.24</v>
      </c>
      <c r="F17528">
        <v>96.868600000000001</v>
      </c>
    </row>
    <row r="17529" spans="1:6" x14ac:dyDescent="0.25">
      <c r="A17529">
        <v>174.93</v>
      </c>
      <c r="B17529">
        <v>175</v>
      </c>
      <c r="C17529">
        <v>15709.1</v>
      </c>
      <c r="D17529">
        <v>2.2000000000000002</v>
      </c>
      <c r="E17529">
        <v>3330.59</v>
      </c>
      <c r="F17529">
        <v>97.177899999999994</v>
      </c>
    </row>
    <row r="17530" spans="1:6" x14ac:dyDescent="0.25">
      <c r="A17530">
        <v>174.93</v>
      </c>
      <c r="B17530">
        <v>175</v>
      </c>
      <c r="C17530">
        <v>15709.1</v>
      </c>
      <c r="D17530">
        <v>2.5</v>
      </c>
      <c r="E17530">
        <v>3298.13</v>
      </c>
      <c r="F17530">
        <v>94.965900000000005</v>
      </c>
    </row>
    <row r="17531" spans="1:6" x14ac:dyDescent="0.25">
      <c r="A17531">
        <v>174.93</v>
      </c>
      <c r="B17531">
        <v>175</v>
      </c>
      <c r="C17531">
        <v>15709.1</v>
      </c>
      <c r="D17531">
        <v>2.8</v>
      </c>
      <c r="E17531">
        <v>3094.25</v>
      </c>
      <c r="F17531">
        <v>102.986</v>
      </c>
    </row>
    <row r="17532" spans="1:6" x14ac:dyDescent="0.25">
      <c r="A17532">
        <v>174.93</v>
      </c>
      <c r="B17532">
        <v>175</v>
      </c>
      <c r="C17532">
        <v>15709.1</v>
      </c>
      <c r="D17532">
        <v>3.1</v>
      </c>
      <c r="E17532">
        <v>3068.3</v>
      </c>
      <c r="F17532">
        <v>98.307100000000005</v>
      </c>
    </row>
    <row r="17533" spans="1:6" x14ac:dyDescent="0.25">
      <c r="A17533">
        <v>174.93</v>
      </c>
      <c r="B17533">
        <v>175</v>
      </c>
      <c r="C17533">
        <v>15709.1</v>
      </c>
      <c r="D17533">
        <v>3.4</v>
      </c>
      <c r="E17533">
        <v>2970.39</v>
      </c>
      <c r="F17533">
        <v>99.702100000000002</v>
      </c>
    </row>
    <row r="17534" spans="1:6" x14ac:dyDescent="0.25">
      <c r="A17534">
        <v>174.93</v>
      </c>
      <c r="B17534">
        <v>175</v>
      </c>
      <c r="C17534">
        <v>15709.1</v>
      </c>
      <c r="D17534">
        <v>3.7</v>
      </c>
      <c r="E17534">
        <v>2999.05</v>
      </c>
      <c r="F17534">
        <v>97.355400000000003</v>
      </c>
    </row>
    <row r="17535" spans="1:6" x14ac:dyDescent="0.25">
      <c r="A17535">
        <v>174.93</v>
      </c>
      <c r="B17535">
        <v>175</v>
      </c>
      <c r="C17535">
        <v>15709.1</v>
      </c>
      <c r="D17535">
        <v>4</v>
      </c>
      <c r="E17535">
        <v>2931.47</v>
      </c>
      <c r="F17535">
        <v>99.116399999999999</v>
      </c>
    </row>
    <row r="17536" spans="1:6" x14ac:dyDescent="0.25">
      <c r="A17536">
        <v>174.93</v>
      </c>
      <c r="B17536">
        <v>175</v>
      </c>
      <c r="C17536">
        <v>17254.5</v>
      </c>
      <c r="D17536">
        <v>1</v>
      </c>
      <c r="E17536">
        <v>4406.0200000000004</v>
      </c>
      <c r="F17536">
        <v>88.838800000000006</v>
      </c>
    </row>
    <row r="17537" spans="1:6" x14ac:dyDescent="0.25">
      <c r="A17537">
        <v>174.93</v>
      </c>
      <c r="B17537">
        <v>175</v>
      </c>
      <c r="C17537">
        <v>17254.5</v>
      </c>
      <c r="D17537">
        <v>1.3</v>
      </c>
      <c r="E17537">
        <v>4014.98</v>
      </c>
      <c r="F17537">
        <v>96.268000000000001</v>
      </c>
    </row>
    <row r="17538" spans="1:6" x14ac:dyDescent="0.25">
      <c r="A17538">
        <v>174.93</v>
      </c>
      <c r="B17538">
        <v>175</v>
      </c>
      <c r="C17538">
        <v>17254.5</v>
      </c>
      <c r="D17538">
        <v>1.6</v>
      </c>
      <c r="E17538">
        <v>3674.36</v>
      </c>
      <c r="F17538">
        <v>98.756900000000002</v>
      </c>
    </row>
    <row r="17539" spans="1:6" x14ac:dyDescent="0.25">
      <c r="A17539">
        <v>174.93</v>
      </c>
      <c r="B17539">
        <v>175</v>
      </c>
      <c r="C17539">
        <v>17254.5</v>
      </c>
      <c r="D17539">
        <v>1.9</v>
      </c>
      <c r="E17539">
        <v>3534.24</v>
      </c>
      <c r="F17539">
        <v>96.868600000000001</v>
      </c>
    </row>
    <row r="17540" spans="1:6" x14ac:dyDescent="0.25">
      <c r="A17540">
        <v>174.93</v>
      </c>
      <c r="B17540">
        <v>175</v>
      </c>
      <c r="C17540">
        <v>17254.5</v>
      </c>
      <c r="D17540">
        <v>2.2000000000000002</v>
      </c>
      <c r="E17540">
        <v>3330.59</v>
      </c>
      <c r="F17540">
        <v>97.177899999999994</v>
      </c>
    </row>
    <row r="17541" spans="1:6" x14ac:dyDescent="0.25">
      <c r="A17541">
        <v>174.93</v>
      </c>
      <c r="B17541">
        <v>175</v>
      </c>
      <c r="C17541">
        <v>17254.5</v>
      </c>
      <c r="D17541">
        <v>2.5</v>
      </c>
      <c r="E17541">
        <v>3298.13</v>
      </c>
      <c r="F17541">
        <v>94.965900000000005</v>
      </c>
    </row>
    <row r="17542" spans="1:6" x14ac:dyDescent="0.25">
      <c r="A17542">
        <v>174.93</v>
      </c>
      <c r="B17542">
        <v>175</v>
      </c>
      <c r="C17542">
        <v>17254.5</v>
      </c>
      <c r="D17542">
        <v>2.8</v>
      </c>
      <c r="E17542">
        <v>3094.25</v>
      </c>
      <c r="F17542">
        <v>102.986</v>
      </c>
    </row>
    <row r="17543" spans="1:6" x14ac:dyDescent="0.25">
      <c r="A17543">
        <v>174.93</v>
      </c>
      <c r="B17543">
        <v>175</v>
      </c>
      <c r="C17543">
        <v>17254.5</v>
      </c>
      <c r="D17543">
        <v>3.1</v>
      </c>
      <c r="E17543">
        <v>3068.3</v>
      </c>
      <c r="F17543">
        <v>98.307100000000005</v>
      </c>
    </row>
    <row r="17544" spans="1:6" x14ac:dyDescent="0.25">
      <c r="A17544">
        <v>174.93</v>
      </c>
      <c r="B17544">
        <v>175</v>
      </c>
      <c r="C17544">
        <v>17254.5</v>
      </c>
      <c r="D17544">
        <v>3.4</v>
      </c>
      <c r="E17544">
        <v>2970.39</v>
      </c>
      <c r="F17544">
        <v>99.702100000000002</v>
      </c>
    </row>
    <row r="17545" spans="1:6" x14ac:dyDescent="0.25">
      <c r="A17545">
        <v>174.93</v>
      </c>
      <c r="B17545">
        <v>175</v>
      </c>
      <c r="C17545">
        <v>17254.5</v>
      </c>
      <c r="D17545">
        <v>3.7</v>
      </c>
      <c r="E17545">
        <v>2999.05</v>
      </c>
      <c r="F17545">
        <v>97.355400000000003</v>
      </c>
    </row>
    <row r="17546" spans="1:6" x14ac:dyDescent="0.25">
      <c r="A17546">
        <v>174.93</v>
      </c>
      <c r="B17546">
        <v>175</v>
      </c>
      <c r="C17546">
        <v>17254.5</v>
      </c>
      <c r="D17546">
        <v>4</v>
      </c>
      <c r="E17546">
        <v>2931.47</v>
      </c>
      <c r="F17546">
        <v>99.116399999999999</v>
      </c>
    </row>
    <row r="17547" spans="1:6" x14ac:dyDescent="0.25">
      <c r="A17547">
        <v>174.93</v>
      </c>
      <c r="B17547">
        <v>175</v>
      </c>
      <c r="C17547">
        <v>18800</v>
      </c>
      <c r="D17547">
        <v>1</v>
      </c>
      <c r="E17547">
        <v>4406.0200000000004</v>
      </c>
      <c r="F17547">
        <v>88.838800000000006</v>
      </c>
    </row>
    <row r="17548" spans="1:6" x14ac:dyDescent="0.25">
      <c r="A17548">
        <v>174.93</v>
      </c>
      <c r="B17548">
        <v>175</v>
      </c>
      <c r="C17548">
        <v>18800</v>
      </c>
      <c r="D17548">
        <v>1.3</v>
      </c>
      <c r="E17548">
        <v>4014.98</v>
      </c>
      <c r="F17548">
        <v>96.268000000000001</v>
      </c>
    </row>
    <row r="17549" spans="1:6" x14ac:dyDescent="0.25">
      <c r="A17549">
        <v>174.93</v>
      </c>
      <c r="B17549">
        <v>175</v>
      </c>
      <c r="C17549">
        <v>18800</v>
      </c>
      <c r="D17549">
        <v>1.6</v>
      </c>
      <c r="E17549">
        <v>3674.36</v>
      </c>
      <c r="F17549">
        <v>98.756900000000002</v>
      </c>
    </row>
    <row r="17550" spans="1:6" x14ac:dyDescent="0.25">
      <c r="A17550">
        <v>174.93</v>
      </c>
      <c r="B17550">
        <v>175</v>
      </c>
      <c r="C17550">
        <v>18800</v>
      </c>
      <c r="D17550">
        <v>1.9</v>
      </c>
      <c r="E17550">
        <v>3534.24</v>
      </c>
      <c r="F17550">
        <v>96.868600000000001</v>
      </c>
    </row>
    <row r="17551" spans="1:6" x14ac:dyDescent="0.25">
      <c r="A17551">
        <v>174.93</v>
      </c>
      <c r="B17551">
        <v>175</v>
      </c>
      <c r="C17551">
        <v>18800</v>
      </c>
      <c r="D17551">
        <v>2.2000000000000002</v>
      </c>
      <c r="E17551">
        <v>3330.59</v>
      </c>
      <c r="F17551">
        <v>97.177899999999994</v>
      </c>
    </row>
    <row r="17552" spans="1:6" x14ac:dyDescent="0.25">
      <c r="A17552">
        <v>174.93</v>
      </c>
      <c r="B17552">
        <v>175</v>
      </c>
      <c r="C17552">
        <v>18800</v>
      </c>
      <c r="D17552">
        <v>2.5</v>
      </c>
      <c r="E17552">
        <v>3298.13</v>
      </c>
      <c r="F17552">
        <v>94.965900000000005</v>
      </c>
    </row>
    <row r="17553" spans="1:6" x14ac:dyDescent="0.25">
      <c r="A17553">
        <v>174.93</v>
      </c>
      <c r="B17553">
        <v>175</v>
      </c>
      <c r="C17553">
        <v>18800</v>
      </c>
      <c r="D17553">
        <v>2.8</v>
      </c>
      <c r="E17553">
        <v>3094.25</v>
      </c>
      <c r="F17553">
        <v>102.986</v>
      </c>
    </row>
    <row r="17554" spans="1:6" x14ac:dyDescent="0.25">
      <c r="A17554">
        <v>174.93</v>
      </c>
      <c r="B17554">
        <v>175</v>
      </c>
      <c r="C17554">
        <v>18800</v>
      </c>
      <c r="D17554">
        <v>3.1</v>
      </c>
      <c r="E17554">
        <v>3068.3</v>
      </c>
      <c r="F17554">
        <v>98.307100000000005</v>
      </c>
    </row>
    <row r="17555" spans="1:6" x14ac:dyDescent="0.25">
      <c r="A17555">
        <v>174.93</v>
      </c>
      <c r="B17555">
        <v>175</v>
      </c>
      <c r="C17555">
        <v>18800</v>
      </c>
      <c r="D17555">
        <v>3.4</v>
      </c>
      <c r="E17555">
        <v>2970.39</v>
      </c>
      <c r="F17555">
        <v>99.702100000000002</v>
      </c>
    </row>
    <row r="17556" spans="1:6" x14ac:dyDescent="0.25">
      <c r="A17556">
        <v>174.93</v>
      </c>
      <c r="B17556">
        <v>175</v>
      </c>
      <c r="C17556">
        <v>18800</v>
      </c>
      <c r="D17556">
        <v>3.7</v>
      </c>
      <c r="E17556">
        <v>2999.05</v>
      </c>
      <c r="F17556">
        <v>97.355400000000003</v>
      </c>
    </row>
    <row r="17557" spans="1:6" x14ac:dyDescent="0.25">
      <c r="A17557">
        <v>174.93</v>
      </c>
      <c r="B17557">
        <v>175</v>
      </c>
      <c r="C17557">
        <v>18800</v>
      </c>
      <c r="D17557">
        <v>4</v>
      </c>
      <c r="E17557">
        <v>2931.47</v>
      </c>
      <c r="F17557">
        <v>99.116399999999999</v>
      </c>
    </row>
    <row r="17558" spans="1:6" x14ac:dyDescent="0.25">
      <c r="A17558">
        <v>174.93</v>
      </c>
      <c r="B17558">
        <v>178.63</v>
      </c>
      <c r="C17558">
        <v>1800</v>
      </c>
      <c r="D17558">
        <v>1</v>
      </c>
      <c r="E17558">
        <v>4406.0200000000004</v>
      </c>
      <c r="F17558">
        <v>88.838800000000006</v>
      </c>
    </row>
    <row r="17559" spans="1:6" x14ac:dyDescent="0.25">
      <c r="A17559">
        <v>174.93</v>
      </c>
      <c r="B17559">
        <v>178.63</v>
      </c>
      <c r="C17559">
        <v>1800</v>
      </c>
      <c r="D17559">
        <v>1.3</v>
      </c>
      <c r="E17559">
        <v>4014.98</v>
      </c>
      <c r="F17559">
        <v>96.268000000000001</v>
      </c>
    </row>
    <row r="17560" spans="1:6" x14ac:dyDescent="0.25">
      <c r="A17560">
        <v>174.93</v>
      </c>
      <c r="B17560">
        <v>178.63</v>
      </c>
      <c r="C17560">
        <v>1800</v>
      </c>
      <c r="D17560">
        <v>1.6</v>
      </c>
      <c r="E17560">
        <v>3674.36</v>
      </c>
      <c r="F17560">
        <v>98.756900000000002</v>
      </c>
    </row>
    <row r="17561" spans="1:6" x14ac:dyDescent="0.25">
      <c r="A17561">
        <v>174.93</v>
      </c>
      <c r="B17561">
        <v>178.63</v>
      </c>
      <c r="C17561">
        <v>1800</v>
      </c>
      <c r="D17561">
        <v>1.9</v>
      </c>
      <c r="E17561">
        <v>3534.24</v>
      </c>
      <c r="F17561">
        <v>96.868600000000001</v>
      </c>
    </row>
    <row r="17562" spans="1:6" x14ac:dyDescent="0.25">
      <c r="A17562">
        <v>174.93</v>
      </c>
      <c r="B17562">
        <v>178.63</v>
      </c>
      <c r="C17562">
        <v>1800</v>
      </c>
      <c r="D17562">
        <v>2.2000000000000002</v>
      </c>
      <c r="E17562">
        <v>3330.59</v>
      </c>
      <c r="F17562">
        <v>97.177899999999994</v>
      </c>
    </row>
    <row r="17563" spans="1:6" x14ac:dyDescent="0.25">
      <c r="A17563">
        <v>174.93</v>
      </c>
      <c r="B17563">
        <v>178.63</v>
      </c>
      <c r="C17563">
        <v>1800</v>
      </c>
      <c r="D17563">
        <v>2.5</v>
      </c>
      <c r="E17563">
        <v>3298.13</v>
      </c>
      <c r="F17563">
        <v>94.965900000000005</v>
      </c>
    </row>
    <row r="17564" spans="1:6" x14ac:dyDescent="0.25">
      <c r="A17564">
        <v>174.93</v>
      </c>
      <c r="B17564">
        <v>178.63</v>
      </c>
      <c r="C17564">
        <v>1800</v>
      </c>
      <c r="D17564">
        <v>2.8</v>
      </c>
      <c r="E17564">
        <v>3094.25</v>
      </c>
      <c r="F17564">
        <v>102.986</v>
      </c>
    </row>
    <row r="17565" spans="1:6" x14ac:dyDescent="0.25">
      <c r="A17565">
        <v>174.93</v>
      </c>
      <c r="B17565">
        <v>178.63</v>
      </c>
      <c r="C17565">
        <v>1800</v>
      </c>
      <c r="D17565">
        <v>3.1</v>
      </c>
      <c r="E17565">
        <v>3068.3</v>
      </c>
      <c r="F17565">
        <v>98.307100000000005</v>
      </c>
    </row>
    <row r="17566" spans="1:6" x14ac:dyDescent="0.25">
      <c r="A17566">
        <v>174.93</v>
      </c>
      <c r="B17566">
        <v>178.63</v>
      </c>
      <c r="C17566">
        <v>1800</v>
      </c>
      <c r="D17566">
        <v>3.4</v>
      </c>
      <c r="E17566">
        <v>2970.39</v>
      </c>
      <c r="F17566">
        <v>99.702100000000002</v>
      </c>
    </row>
    <row r="17567" spans="1:6" x14ac:dyDescent="0.25">
      <c r="A17567">
        <v>174.93</v>
      </c>
      <c r="B17567">
        <v>178.63</v>
      </c>
      <c r="C17567">
        <v>1800</v>
      </c>
      <c r="D17567">
        <v>3.7</v>
      </c>
      <c r="E17567">
        <v>2896.05</v>
      </c>
      <c r="F17567">
        <v>97.355400000000003</v>
      </c>
    </row>
    <row r="17568" spans="1:6" x14ac:dyDescent="0.25">
      <c r="A17568">
        <v>174.93</v>
      </c>
      <c r="B17568">
        <v>178.63</v>
      </c>
      <c r="C17568">
        <v>1800</v>
      </c>
      <c r="D17568">
        <v>4</v>
      </c>
      <c r="E17568">
        <v>2821.66</v>
      </c>
      <c r="F17568">
        <v>99.116399999999999</v>
      </c>
    </row>
    <row r="17569" spans="1:6" x14ac:dyDescent="0.25">
      <c r="A17569">
        <v>174.93</v>
      </c>
      <c r="B17569">
        <v>178.63</v>
      </c>
      <c r="C17569">
        <v>3345.45</v>
      </c>
      <c r="D17569">
        <v>1</v>
      </c>
      <c r="E17569">
        <v>4406.0200000000004</v>
      </c>
      <c r="F17569">
        <v>88.838800000000006</v>
      </c>
    </row>
    <row r="17570" spans="1:6" x14ac:dyDescent="0.25">
      <c r="A17570">
        <v>174.93</v>
      </c>
      <c r="B17570">
        <v>178.63</v>
      </c>
      <c r="C17570">
        <v>3345.45</v>
      </c>
      <c r="D17570">
        <v>1.3</v>
      </c>
      <c r="E17570">
        <v>4014.98</v>
      </c>
      <c r="F17570">
        <v>96.268000000000001</v>
      </c>
    </row>
    <row r="17571" spans="1:6" x14ac:dyDescent="0.25">
      <c r="A17571">
        <v>174.93</v>
      </c>
      <c r="B17571">
        <v>178.63</v>
      </c>
      <c r="C17571">
        <v>3345.45</v>
      </c>
      <c r="D17571">
        <v>1.6</v>
      </c>
      <c r="E17571">
        <v>3674.36</v>
      </c>
      <c r="F17571">
        <v>98.756900000000002</v>
      </c>
    </row>
    <row r="17572" spans="1:6" x14ac:dyDescent="0.25">
      <c r="A17572">
        <v>174.93</v>
      </c>
      <c r="B17572">
        <v>178.63</v>
      </c>
      <c r="C17572">
        <v>3345.45</v>
      </c>
      <c r="D17572">
        <v>1.9</v>
      </c>
      <c r="E17572">
        <v>3534.24</v>
      </c>
      <c r="F17572">
        <v>96.868600000000001</v>
      </c>
    </row>
    <row r="17573" spans="1:6" x14ac:dyDescent="0.25">
      <c r="A17573">
        <v>174.93</v>
      </c>
      <c r="B17573">
        <v>178.63</v>
      </c>
      <c r="C17573">
        <v>3345.45</v>
      </c>
      <c r="D17573">
        <v>2.2000000000000002</v>
      </c>
      <c r="E17573">
        <v>3330.59</v>
      </c>
      <c r="F17573">
        <v>97.177899999999994</v>
      </c>
    </row>
    <row r="17574" spans="1:6" x14ac:dyDescent="0.25">
      <c r="A17574">
        <v>174.93</v>
      </c>
      <c r="B17574">
        <v>178.63</v>
      </c>
      <c r="C17574">
        <v>3345.45</v>
      </c>
      <c r="D17574">
        <v>2.5</v>
      </c>
      <c r="E17574">
        <v>3298.13</v>
      </c>
      <c r="F17574">
        <v>94.965900000000005</v>
      </c>
    </row>
    <row r="17575" spans="1:6" x14ac:dyDescent="0.25">
      <c r="A17575">
        <v>174.93</v>
      </c>
      <c r="B17575">
        <v>178.63</v>
      </c>
      <c r="C17575">
        <v>3345.45</v>
      </c>
      <c r="D17575">
        <v>2.8</v>
      </c>
      <c r="E17575">
        <v>3094.25</v>
      </c>
      <c r="F17575">
        <v>102.986</v>
      </c>
    </row>
    <row r="17576" spans="1:6" x14ac:dyDescent="0.25">
      <c r="A17576">
        <v>174.93</v>
      </c>
      <c r="B17576">
        <v>178.63</v>
      </c>
      <c r="C17576">
        <v>3345.45</v>
      </c>
      <c r="D17576">
        <v>3.1</v>
      </c>
      <c r="E17576">
        <v>3068.3</v>
      </c>
      <c r="F17576">
        <v>98.307100000000005</v>
      </c>
    </row>
    <row r="17577" spans="1:6" x14ac:dyDescent="0.25">
      <c r="A17577">
        <v>174.93</v>
      </c>
      <c r="B17577">
        <v>178.63</v>
      </c>
      <c r="C17577">
        <v>3345.45</v>
      </c>
      <c r="D17577">
        <v>3.4</v>
      </c>
      <c r="E17577">
        <v>2970.39</v>
      </c>
      <c r="F17577">
        <v>99.702100000000002</v>
      </c>
    </row>
    <row r="17578" spans="1:6" x14ac:dyDescent="0.25">
      <c r="A17578">
        <v>174.93</v>
      </c>
      <c r="B17578">
        <v>178.63</v>
      </c>
      <c r="C17578">
        <v>3345.45</v>
      </c>
      <c r="D17578">
        <v>3.7</v>
      </c>
      <c r="E17578">
        <v>2999.05</v>
      </c>
      <c r="F17578">
        <v>97.355400000000003</v>
      </c>
    </row>
    <row r="17579" spans="1:6" x14ac:dyDescent="0.25">
      <c r="A17579">
        <v>174.93</v>
      </c>
      <c r="B17579">
        <v>178.63</v>
      </c>
      <c r="C17579">
        <v>3345.45</v>
      </c>
      <c r="D17579">
        <v>4</v>
      </c>
      <c r="E17579">
        <v>2931.47</v>
      </c>
      <c r="F17579">
        <v>99.116399999999999</v>
      </c>
    </row>
    <row r="17580" spans="1:6" x14ac:dyDescent="0.25">
      <c r="A17580">
        <v>174.93</v>
      </c>
      <c r="B17580">
        <v>178.63</v>
      </c>
      <c r="C17580">
        <v>4890.8999999999996</v>
      </c>
      <c r="D17580">
        <v>1</v>
      </c>
      <c r="E17580">
        <v>4406.0200000000004</v>
      </c>
      <c r="F17580">
        <v>88.838800000000006</v>
      </c>
    </row>
    <row r="17581" spans="1:6" x14ac:dyDescent="0.25">
      <c r="A17581">
        <v>174.93</v>
      </c>
      <c r="B17581">
        <v>178.63</v>
      </c>
      <c r="C17581">
        <v>4890.8999999999996</v>
      </c>
      <c r="D17581">
        <v>1.3</v>
      </c>
      <c r="E17581">
        <v>4014.98</v>
      </c>
      <c r="F17581">
        <v>96.268000000000001</v>
      </c>
    </row>
    <row r="17582" spans="1:6" x14ac:dyDescent="0.25">
      <c r="A17582">
        <v>174.93</v>
      </c>
      <c r="B17582">
        <v>178.63</v>
      </c>
      <c r="C17582">
        <v>4890.8999999999996</v>
      </c>
      <c r="D17582">
        <v>1.6</v>
      </c>
      <c r="E17582">
        <v>3674.36</v>
      </c>
      <c r="F17582">
        <v>98.756900000000002</v>
      </c>
    </row>
    <row r="17583" spans="1:6" x14ac:dyDescent="0.25">
      <c r="A17583">
        <v>174.93</v>
      </c>
      <c r="B17583">
        <v>178.63</v>
      </c>
      <c r="C17583">
        <v>4890.8999999999996</v>
      </c>
      <c r="D17583">
        <v>1.9</v>
      </c>
      <c r="E17583">
        <v>3534.24</v>
      </c>
      <c r="F17583">
        <v>96.868600000000001</v>
      </c>
    </row>
    <row r="17584" spans="1:6" x14ac:dyDescent="0.25">
      <c r="A17584">
        <v>174.93</v>
      </c>
      <c r="B17584">
        <v>178.63</v>
      </c>
      <c r="C17584">
        <v>4890.8999999999996</v>
      </c>
      <c r="D17584">
        <v>2.2000000000000002</v>
      </c>
      <c r="E17584">
        <v>3330.59</v>
      </c>
      <c r="F17584">
        <v>97.177899999999994</v>
      </c>
    </row>
    <row r="17585" spans="1:6" x14ac:dyDescent="0.25">
      <c r="A17585">
        <v>174.93</v>
      </c>
      <c r="B17585">
        <v>178.63</v>
      </c>
      <c r="C17585">
        <v>4890.8999999999996</v>
      </c>
      <c r="D17585">
        <v>2.5</v>
      </c>
      <c r="E17585">
        <v>3298.13</v>
      </c>
      <c r="F17585">
        <v>94.965900000000005</v>
      </c>
    </row>
    <row r="17586" spans="1:6" x14ac:dyDescent="0.25">
      <c r="A17586">
        <v>174.93</v>
      </c>
      <c r="B17586">
        <v>178.63</v>
      </c>
      <c r="C17586">
        <v>4890.8999999999996</v>
      </c>
      <c r="D17586">
        <v>2.8</v>
      </c>
      <c r="E17586">
        <v>3094.25</v>
      </c>
      <c r="F17586">
        <v>102.986</v>
      </c>
    </row>
    <row r="17587" spans="1:6" x14ac:dyDescent="0.25">
      <c r="A17587">
        <v>174.93</v>
      </c>
      <c r="B17587">
        <v>178.63</v>
      </c>
      <c r="C17587">
        <v>4890.8999999999996</v>
      </c>
      <c r="D17587">
        <v>3.1</v>
      </c>
      <c r="E17587">
        <v>3068.3</v>
      </c>
      <c r="F17587">
        <v>98.307100000000005</v>
      </c>
    </row>
    <row r="17588" spans="1:6" x14ac:dyDescent="0.25">
      <c r="A17588">
        <v>174.93</v>
      </c>
      <c r="B17588">
        <v>178.63</v>
      </c>
      <c r="C17588">
        <v>4890.8999999999996</v>
      </c>
      <c r="D17588">
        <v>3.4</v>
      </c>
      <c r="E17588">
        <v>2970.39</v>
      </c>
      <c r="F17588">
        <v>99.702100000000002</v>
      </c>
    </row>
    <row r="17589" spans="1:6" x14ac:dyDescent="0.25">
      <c r="A17589">
        <v>174.93</v>
      </c>
      <c r="B17589">
        <v>178.63</v>
      </c>
      <c r="C17589">
        <v>4890.8999999999996</v>
      </c>
      <c r="D17589">
        <v>3.7</v>
      </c>
      <c r="E17589">
        <v>2999.05</v>
      </c>
      <c r="F17589">
        <v>97.355400000000003</v>
      </c>
    </row>
    <row r="17590" spans="1:6" x14ac:dyDescent="0.25">
      <c r="A17590">
        <v>174.93</v>
      </c>
      <c r="B17590">
        <v>178.63</v>
      </c>
      <c r="C17590">
        <v>4890.8999999999996</v>
      </c>
      <c r="D17590">
        <v>4</v>
      </c>
      <c r="E17590">
        <v>2931.47</v>
      </c>
      <c r="F17590">
        <v>99.116399999999999</v>
      </c>
    </row>
    <row r="17591" spans="1:6" x14ac:dyDescent="0.25">
      <c r="A17591">
        <v>174.93</v>
      </c>
      <c r="B17591">
        <v>178.63</v>
      </c>
      <c r="C17591">
        <v>6436.35</v>
      </c>
      <c r="D17591">
        <v>1</v>
      </c>
      <c r="E17591">
        <v>4406.0200000000004</v>
      </c>
      <c r="F17591">
        <v>88.838800000000006</v>
      </c>
    </row>
    <row r="17592" spans="1:6" x14ac:dyDescent="0.25">
      <c r="A17592">
        <v>174.93</v>
      </c>
      <c r="B17592">
        <v>178.63</v>
      </c>
      <c r="C17592">
        <v>6436.35</v>
      </c>
      <c r="D17592">
        <v>1.3</v>
      </c>
      <c r="E17592">
        <v>4014.98</v>
      </c>
      <c r="F17592">
        <v>96.268000000000001</v>
      </c>
    </row>
    <row r="17593" spans="1:6" x14ac:dyDescent="0.25">
      <c r="A17593">
        <v>174.93</v>
      </c>
      <c r="B17593">
        <v>178.63</v>
      </c>
      <c r="C17593">
        <v>6436.35</v>
      </c>
      <c r="D17593">
        <v>1.6</v>
      </c>
      <c r="E17593">
        <v>3674.36</v>
      </c>
      <c r="F17593">
        <v>98.756900000000002</v>
      </c>
    </row>
    <row r="17594" spans="1:6" x14ac:dyDescent="0.25">
      <c r="A17594">
        <v>174.93</v>
      </c>
      <c r="B17594">
        <v>178.63</v>
      </c>
      <c r="C17594">
        <v>6436.35</v>
      </c>
      <c r="D17594">
        <v>1.9</v>
      </c>
      <c r="E17594">
        <v>3534.24</v>
      </c>
      <c r="F17594">
        <v>96.868600000000001</v>
      </c>
    </row>
    <row r="17595" spans="1:6" x14ac:dyDescent="0.25">
      <c r="A17595">
        <v>174.93</v>
      </c>
      <c r="B17595">
        <v>178.63</v>
      </c>
      <c r="C17595">
        <v>6436.35</v>
      </c>
      <c r="D17595">
        <v>2.2000000000000002</v>
      </c>
      <c r="E17595">
        <v>3330.59</v>
      </c>
      <c r="F17595">
        <v>97.177899999999994</v>
      </c>
    </row>
    <row r="17596" spans="1:6" x14ac:dyDescent="0.25">
      <c r="A17596">
        <v>174.93</v>
      </c>
      <c r="B17596">
        <v>178.63</v>
      </c>
      <c r="C17596">
        <v>6436.35</v>
      </c>
      <c r="D17596">
        <v>2.5</v>
      </c>
      <c r="E17596">
        <v>3298.13</v>
      </c>
      <c r="F17596">
        <v>94.965900000000005</v>
      </c>
    </row>
    <row r="17597" spans="1:6" x14ac:dyDescent="0.25">
      <c r="A17597">
        <v>174.93</v>
      </c>
      <c r="B17597">
        <v>178.63</v>
      </c>
      <c r="C17597">
        <v>6436.35</v>
      </c>
      <c r="D17597">
        <v>2.8</v>
      </c>
      <c r="E17597">
        <v>3094.25</v>
      </c>
      <c r="F17597">
        <v>102.986</v>
      </c>
    </row>
    <row r="17598" spans="1:6" x14ac:dyDescent="0.25">
      <c r="A17598">
        <v>174.93</v>
      </c>
      <c r="B17598">
        <v>178.63</v>
      </c>
      <c r="C17598">
        <v>6436.35</v>
      </c>
      <c r="D17598">
        <v>3.1</v>
      </c>
      <c r="E17598">
        <v>3068.3</v>
      </c>
      <c r="F17598">
        <v>98.307100000000005</v>
      </c>
    </row>
    <row r="17599" spans="1:6" x14ac:dyDescent="0.25">
      <c r="A17599">
        <v>174.93</v>
      </c>
      <c r="B17599">
        <v>178.63</v>
      </c>
      <c r="C17599">
        <v>6436.35</v>
      </c>
      <c r="D17599">
        <v>3.4</v>
      </c>
      <c r="E17599">
        <v>2970.39</v>
      </c>
      <c r="F17599">
        <v>99.702100000000002</v>
      </c>
    </row>
    <row r="17600" spans="1:6" x14ac:dyDescent="0.25">
      <c r="A17600">
        <v>174.93</v>
      </c>
      <c r="B17600">
        <v>178.63</v>
      </c>
      <c r="C17600">
        <v>6436.35</v>
      </c>
      <c r="D17600">
        <v>3.7</v>
      </c>
      <c r="E17600">
        <v>2999.05</v>
      </c>
      <c r="F17600">
        <v>97.355400000000003</v>
      </c>
    </row>
    <row r="17601" spans="1:6" x14ac:dyDescent="0.25">
      <c r="A17601">
        <v>174.93</v>
      </c>
      <c r="B17601">
        <v>178.63</v>
      </c>
      <c r="C17601">
        <v>6436.35</v>
      </c>
      <c r="D17601">
        <v>4</v>
      </c>
      <c r="E17601">
        <v>2931.47</v>
      </c>
      <c r="F17601">
        <v>99.116399999999999</v>
      </c>
    </row>
    <row r="17602" spans="1:6" x14ac:dyDescent="0.25">
      <c r="A17602">
        <v>174.93</v>
      </c>
      <c r="B17602">
        <v>178.63</v>
      </c>
      <c r="C17602">
        <v>7981.8</v>
      </c>
      <c r="D17602">
        <v>1</v>
      </c>
      <c r="E17602">
        <v>4406.0200000000004</v>
      </c>
      <c r="F17602">
        <v>88.838800000000006</v>
      </c>
    </row>
    <row r="17603" spans="1:6" x14ac:dyDescent="0.25">
      <c r="A17603">
        <v>174.93</v>
      </c>
      <c r="B17603">
        <v>178.63</v>
      </c>
      <c r="C17603">
        <v>7981.8</v>
      </c>
      <c r="D17603">
        <v>1.3</v>
      </c>
      <c r="E17603">
        <v>4014.98</v>
      </c>
      <c r="F17603">
        <v>96.268000000000001</v>
      </c>
    </row>
    <row r="17604" spans="1:6" x14ac:dyDescent="0.25">
      <c r="A17604">
        <v>174.93</v>
      </c>
      <c r="B17604">
        <v>178.63</v>
      </c>
      <c r="C17604">
        <v>7981.8</v>
      </c>
      <c r="D17604">
        <v>1.6</v>
      </c>
      <c r="E17604">
        <v>3674.36</v>
      </c>
      <c r="F17604">
        <v>98.756900000000002</v>
      </c>
    </row>
    <row r="17605" spans="1:6" x14ac:dyDescent="0.25">
      <c r="A17605">
        <v>174.93</v>
      </c>
      <c r="B17605">
        <v>178.63</v>
      </c>
      <c r="C17605">
        <v>7981.8</v>
      </c>
      <c r="D17605">
        <v>1.9</v>
      </c>
      <c r="E17605">
        <v>3534.24</v>
      </c>
      <c r="F17605">
        <v>96.868600000000001</v>
      </c>
    </row>
    <row r="17606" spans="1:6" x14ac:dyDescent="0.25">
      <c r="A17606">
        <v>174.93</v>
      </c>
      <c r="B17606">
        <v>178.63</v>
      </c>
      <c r="C17606">
        <v>7981.8</v>
      </c>
      <c r="D17606">
        <v>2.2000000000000002</v>
      </c>
      <c r="E17606">
        <v>3330.59</v>
      </c>
      <c r="F17606">
        <v>97.177899999999994</v>
      </c>
    </row>
    <row r="17607" spans="1:6" x14ac:dyDescent="0.25">
      <c r="A17607">
        <v>174.93</v>
      </c>
      <c r="B17607">
        <v>178.63</v>
      </c>
      <c r="C17607">
        <v>7981.8</v>
      </c>
      <c r="D17607">
        <v>2.5</v>
      </c>
      <c r="E17607">
        <v>3298.13</v>
      </c>
      <c r="F17607">
        <v>94.965900000000005</v>
      </c>
    </row>
    <row r="17608" spans="1:6" x14ac:dyDescent="0.25">
      <c r="A17608">
        <v>174.93</v>
      </c>
      <c r="B17608">
        <v>178.63</v>
      </c>
      <c r="C17608">
        <v>7981.8</v>
      </c>
      <c r="D17608">
        <v>2.8</v>
      </c>
      <c r="E17608">
        <v>3094.25</v>
      </c>
      <c r="F17608">
        <v>102.986</v>
      </c>
    </row>
    <row r="17609" spans="1:6" x14ac:dyDescent="0.25">
      <c r="A17609">
        <v>174.93</v>
      </c>
      <c r="B17609">
        <v>178.63</v>
      </c>
      <c r="C17609">
        <v>7981.8</v>
      </c>
      <c r="D17609">
        <v>3.1</v>
      </c>
      <c r="E17609">
        <v>3068.3</v>
      </c>
      <c r="F17609">
        <v>98.307100000000005</v>
      </c>
    </row>
    <row r="17610" spans="1:6" x14ac:dyDescent="0.25">
      <c r="A17610">
        <v>174.93</v>
      </c>
      <c r="B17610">
        <v>178.63</v>
      </c>
      <c r="C17610">
        <v>7981.8</v>
      </c>
      <c r="D17610">
        <v>3.4</v>
      </c>
      <c r="E17610">
        <v>2970.39</v>
      </c>
      <c r="F17610">
        <v>99.702100000000002</v>
      </c>
    </row>
    <row r="17611" spans="1:6" x14ac:dyDescent="0.25">
      <c r="A17611">
        <v>174.93</v>
      </c>
      <c r="B17611">
        <v>178.63</v>
      </c>
      <c r="C17611">
        <v>7981.8</v>
      </c>
      <c r="D17611">
        <v>3.7</v>
      </c>
      <c r="E17611">
        <v>2999.05</v>
      </c>
      <c r="F17611">
        <v>97.355400000000003</v>
      </c>
    </row>
    <row r="17612" spans="1:6" x14ac:dyDescent="0.25">
      <c r="A17612">
        <v>174.93</v>
      </c>
      <c r="B17612">
        <v>178.63</v>
      </c>
      <c r="C17612">
        <v>7981.8</v>
      </c>
      <c r="D17612">
        <v>4</v>
      </c>
      <c r="E17612">
        <v>2931.47</v>
      </c>
      <c r="F17612">
        <v>99.116399999999999</v>
      </c>
    </row>
    <row r="17613" spans="1:6" x14ac:dyDescent="0.25">
      <c r="A17613">
        <v>174.93</v>
      </c>
      <c r="B17613">
        <v>178.63</v>
      </c>
      <c r="C17613">
        <v>9527.25</v>
      </c>
      <c r="D17613">
        <v>1</v>
      </c>
      <c r="E17613">
        <v>4406.0200000000004</v>
      </c>
      <c r="F17613">
        <v>88.838800000000006</v>
      </c>
    </row>
    <row r="17614" spans="1:6" x14ac:dyDescent="0.25">
      <c r="A17614">
        <v>174.93</v>
      </c>
      <c r="B17614">
        <v>178.63</v>
      </c>
      <c r="C17614">
        <v>9527.25</v>
      </c>
      <c r="D17614">
        <v>1.3</v>
      </c>
      <c r="E17614">
        <v>4014.98</v>
      </c>
      <c r="F17614">
        <v>96.268000000000001</v>
      </c>
    </row>
    <row r="17615" spans="1:6" x14ac:dyDescent="0.25">
      <c r="A17615">
        <v>174.93</v>
      </c>
      <c r="B17615">
        <v>178.63</v>
      </c>
      <c r="C17615">
        <v>9527.25</v>
      </c>
      <c r="D17615">
        <v>1.6</v>
      </c>
      <c r="E17615">
        <v>3674.36</v>
      </c>
      <c r="F17615">
        <v>98.756900000000002</v>
      </c>
    </row>
    <row r="17616" spans="1:6" x14ac:dyDescent="0.25">
      <c r="A17616">
        <v>174.93</v>
      </c>
      <c r="B17616">
        <v>178.63</v>
      </c>
      <c r="C17616">
        <v>9527.25</v>
      </c>
      <c r="D17616">
        <v>1.9</v>
      </c>
      <c r="E17616">
        <v>3534.24</v>
      </c>
      <c r="F17616">
        <v>96.868600000000001</v>
      </c>
    </row>
    <row r="17617" spans="1:6" x14ac:dyDescent="0.25">
      <c r="A17617">
        <v>174.93</v>
      </c>
      <c r="B17617">
        <v>178.63</v>
      </c>
      <c r="C17617">
        <v>9527.25</v>
      </c>
      <c r="D17617">
        <v>2.2000000000000002</v>
      </c>
      <c r="E17617">
        <v>3330.59</v>
      </c>
      <c r="F17617">
        <v>97.177899999999994</v>
      </c>
    </row>
    <row r="17618" spans="1:6" x14ac:dyDescent="0.25">
      <c r="A17618">
        <v>174.93</v>
      </c>
      <c r="B17618">
        <v>178.63</v>
      </c>
      <c r="C17618">
        <v>9527.25</v>
      </c>
      <c r="D17618">
        <v>2.5</v>
      </c>
      <c r="E17618">
        <v>3298.13</v>
      </c>
      <c r="F17618">
        <v>94.965900000000005</v>
      </c>
    </row>
    <row r="17619" spans="1:6" x14ac:dyDescent="0.25">
      <c r="A17619">
        <v>174.93</v>
      </c>
      <c r="B17619">
        <v>178.63</v>
      </c>
      <c r="C17619">
        <v>9527.25</v>
      </c>
      <c r="D17619">
        <v>2.8</v>
      </c>
      <c r="E17619">
        <v>3094.25</v>
      </c>
      <c r="F17619">
        <v>102.986</v>
      </c>
    </row>
    <row r="17620" spans="1:6" x14ac:dyDescent="0.25">
      <c r="A17620">
        <v>174.93</v>
      </c>
      <c r="B17620">
        <v>178.63</v>
      </c>
      <c r="C17620">
        <v>9527.25</v>
      </c>
      <c r="D17620">
        <v>3.1</v>
      </c>
      <c r="E17620">
        <v>3068.3</v>
      </c>
      <c r="F17620">
        <v>98.307100000000005</v>
      </c>
    </row>
    <row r="17621" spans="1:6" x14ac:dyDescent="0.25">
      <c r="A17621">
        <v>174.93</v>
      </c>
      <c r="B17621">
        <v>178.63</v>
      </c>
      <c r="C17621">
        <v>9527.25</v>
      </c>
      <c r="D17621">
        <v>3.4</v>
      </c>
      <c r="E17621">
        <v>2970.39</v>
      </c>
      <c r="F17621">
        <v>99.702100000000002</v>
      </c>
    </row>
    <row r="17622" spans="1:6" x14ac:dyDescent="0.25">
      <c r="A17622">
        <v>174.93</v>
      </c>
      <c r="B17622">
        <v>178.63</v>
      </c>
      <c r="C17622">
        <v>9527.25</v>
      </c>
      <c r="D17622">
        <v>3.7</v>
      </c>
      <c r="E17622">
        <v>2999.05</v>
      </c>
      <c r="F17622">
        <v>97.355400000000003</v>
      </c>
    </row>
    <row r="17623" spans="1:6" x14ac:dyDescent="0.25">
      <c r="A17623">
        <v>174.93</v>
      </c>
      <c r="B17623">
        <v>178.63</v>
      </c>
      <c r="C17623">
        <v>9527.25</v>
      </c>
      <c r="D17623">
        <v>4</v>
      </c>
      <c r="E17623">
        <v>2931.47</v>
      </c>
      <c r="F17623">
        <v>99.116399999999999</v>
      </c>
    </row>
    <row r="17624" spans="1:6" x14ac:dyDescent="0.25">
      <c r="A17624">
        <v>174.93</v>
      </c>
      <c r="B17624">
        <v>178.63</v>
      </c>
      <c r="C17624">
        <v>11072.7</v>
      </c>
      <c r="D17624">
        <v>1</v>
      </c>
      <c r="E17624">
        <v>4406.0200000000004</v>
      </c>
      <c r="F17624">
        <v>88.838800000000006</v>
      </c>
    </row>
    <row r="17625" spans="1:6" x14ac:dyDescent="0.25">
      <c r="A17625">
        <v>174.93</v>
      </c>
      <c r="B17625">
        <v>178.63</v>
      </c>
      <c r="C17625">
        <v>11072.7</v>
      </c>
      <c r="D17625">
        <v>1.3</v>
      </c>
      <c r="E17625">
        <v>4014.98</v>
      </c>
      <c r="F17625">
        <v>96.268000000000001</v>
      </c>
    </row>
    <row r="17626" spans="1:6" x14ac:dyDescent="0.25">
      <c r="A17626">
        <v>174.93</v>
      </c>
      <c r="B17626">
        <v>178.63</v>
      </c>
      <c r="C17626">
        <v>11072.7</v>
      </c>
      <c r="D17626">
        <v>1.6</v>
      </c>
      <c r="E17626">
        <v>3674.36</v>
      </c>
      <c r="F17626">
        <v>98.756900000000002</v>
      </c>
    </row>
    <row r="17627" spans="1:6" x14ac:dyDescent="0.25">
      <c r="A17627">
        <v>174.93</v>
      </c>
      <c r="B17627">
        <v>178.63</v>
      </c>
      <c r="C17627">
        <v>11072.7</v>
      </c>
      <c r="D17627">
        <v>1.9</v>
      </c>
      <c r="E17627">
        <v>3534.24</v>
      </c>
      <c r="F17627">
        <v>96.868600000000001</v>
      </c>
    </row>
    <row r="17628" spans="1:6" x14ac:dyDescent="0.25">
      <c r="A17628">
        <v>174.93</v>
      </c>
      <c r="B17628">
        <v>178.63</v>
      </c>
      <c r="C17628">
        <v>11072.7</v>
      </c>
      <c r="D17628">
        <v>2.2000000000000002</v>
      </c>
      <c r="E17628">
        <v>3330.59</v>
      </c>
      <c r="F17628">
        <v>97.177899999999994</v>
      </c>
    </row>
    <row r="17629" spans="1:6" x14ac:dyDescent="0.25">
      <c r="A17629">
        <v>174.93</v>
      </c>
      <c r="B17629">
        <v>178.63</v>
      </c>
      <c r="C17629">
        <v>11072.7</v>
      </c>
      <c r="D17629">
        <v>2.5</v>
      </c>
      <c r="E17629">
        <v>3298.13</v>
      </c>
      <c r="F17629">
        <v>94.965900000000005</v>
      </c>
    </row>
    <row r="17630" spans="1:6" x14ac:dyDescent="0.25">
      <c r="A17630">
        <v>174.93</v>
      </c>
      <c r="B17630">
        <v>178.63</v>
      </c>
      <c r="C17630">
        <v>11072.7</v>
      </c>
      <c r="D17630">
        <v>2.8</v>
      </c>
      <c r="E17630">
        <v>3094.25</v>
      </c>
      <c r="F17630">
        <v>102.986</v>
      </c>
    </row>
    <row r="17631" spans="1:6" x14ac:dyDescent="0.25">
      <c r="A17631">
        <v>174.93</v>
      </c>
      <c r="B17631">
        <v>178.63</v>
      </c>
      <c r="C17631">
        <v>11072.7</v>
      </c>
      <c r="D17631">
        <v>3.1</v>
      </c>
      <c r="E17631">
        <v>3068.3</v>
      </c>
      <c r="F17631">
        <v>98.307100000000005</v>
      </c>
    </row>
    <row r="17632" spans="1:6" x14ac:dyDescent="0.25">
      <c r="A17632">
        <v>174.93</v>
      </c>
      <c r="B17632">
        <v>178.63</v>
      </c>
      <c r="C17632">
        <v>11072.7</v>
      </c>
      <c r="D17632">
        <v>3.4</v>
      </c>
      <c r="E17632">
        <v>2970.39</v>
      </c>
      <c r="F17632">
        <v>99.702100000000002</v>
      </c>
    </row>
    <row r="17633" spans="1:6" x14ac:dyDescent="0.25">
      <c r="A17633">
        <v>174.93</v>
      </c>
      <c r="B17633">
        <v>178.63</v>
      </c>
      <c r="C17633">
        <v>11072.7</v>
      </c>
      <c r="D17633">
        <v>3.7</v>
      </c>
      <c r="E17633">
        <v>2999.05</v>
      </c>
      <c r="F17633">
        <v>97.355400000000003</v>
      </c>
    </row>
    <row r="17634" spans="1:6" x14ac:dyDescent="0.25">
      <c r="A17634">
        <v>174.93</v>
      </c>
      <c r="B17634">
        <v>178.63</v>
      </c>
      <c r="C17634">
        <v>11072.7</v>
      </c>
      <c r="D17634">
        <v>4</v>
      </c>
      <c r="E17634">
        <v>2931.47</v>
      </c>
      <c r="F17634">
        <v>99.116399999999999</v>
      </c>
    </row>
    <row r="17635" spans="1:6" x14ac:dyDescent="0.25">
      <c r="A17635">
        <v>174.93</v>
      </c>
      <c r="B17635">
        <v>178.63</v>
      </c>
      <c r="C17635">
        <v>12618.2</v>
      </c>
      <c r="D17635">
        <v>1</v>
      </c>
      <c r="E17635">
        <v>4406.0200000000004</v>
      </c>
      <c r="F17635">
        <v>88.838800000000006</v>
      </c>
    </row>
    <row r="17636" spans="1:6" x14ac:dyDescent="0.25">
      <c r="A17636">
        <v>174.93</v>
      </c>
      <c r="B17636">
        <v>178.63</v>
      </c>
      <c r="C17636">
        <v>12618.2</v>
      </c>
      <c r="D17636">
        <v>1.3</v>
      </c>
      <c r="E17636">
        <v>4014.98</v>
      </c>
      <c r="F17636">
        <v>96.268000000000001</v>
      </c>
    </row>
    <row r="17637" spans="1:6" x14ac:dyDescent="0.25">
      <c r="A17637">
        <v>174.93</v>
      </c>
      <c r="B17637">
        <v>178.63</v>
      </c>
      <c r="C17637">
        <v>12618.2</v>
      </c>
      <c r="D17637">
        <v>1.6</v>
      </c>
      <c r="E17637">
        <v>3674.36</v>
      </c>
      <c r="F17637">
        <v>98.756900000000002</v>
      </c>
    </row>
    <row r="17638" spans="1:6" x14ac:dyDescent="0.25">
      <c r="A17638">
        <v>174.93</v>
      </c>
      <c r="B17638">
        <v>178.63</v>
      </c>
      <c r="C17638">
        <v>12618.2</v>
      </c>
      <c r="D17638">
        <v>1.9</v>
      </c>
      <c r="E17638">
        <v>3534.24</v>
      </c>
      <c r="F17638">
        <v>96.868600000000001</v>
      </c>
    </row>
    <row r="17639" spans="1:6" x14ac:dyDescent="0.25">
      <c r="A17639">
        <v>174.93</v>
      </c>
      <c r="B17639">
        <v>178.63</v>
      </c>
      <c r="C17639">
        <v>12618.2</v>
      </c>
      <c r="D17639">
        <v>2.2000000000000002</v>
      </c>
      <c r="E17639">
        <v>3330.59</v>
      </c>
      <c r="F17639">
        <v>97.177899999999994</v>
      </c>
    </row>
    <row r="17640" spans="1:6" x14ac:dyDescent="0.25">
      <c r="A17640">
        <v>174.93</v>
      </c>
      <c r="B17640">
        <v>178.63</v>
      </c>
      <c r="C17640">
        <v>12618.2</v>
      </c>
      <c r="D17640">
        <v>2.5</v>
      </c>
      <c r="E17640">
        <v>3298.13</v>
      </c>
      <c r="F17640">
        <v>94.965900000000005</v>
      </c>
    </row>
    <row r="17641" spans="1:6" x14ac:dyDescent="0.25">
      <c r="A17641">
        <v>174.93</v>
      </c>
      <c r="B17641">
        <v>178.63</v>
      </c>
      <c r="C17641">
        <v>12618.2</v>
      </c>
      <c r="D17641">
        <v>2.8</v>
      </c>
      <c r="E17641">
        <v>3094.25</v>
      </c>
      <c r="F17641">
        <v>102.986</v>
      </c>
    </row>
    <row r="17642" spans="1:6" x14ac:dyDescent="0.25">
      <c r="A17642">
        <v>174.93</v>
      </c>
      <c r="B17642">
        <v>178.63</v>
      </c>
      <c r="C17642">
        <v>12618.2</v>
      </c>
      <c r="D17642">
        <v>3.1</v>
      </c>
      <c r="E17642">
        <v>3068.3</v>
      </c>
      <c r="F17642">
        <v>98.307100000000005</v>
      </c>
    </row>
    <row r="17643" spans="1:6" x14ac:dyDescent="0.25">
      <c r="A17643">
        <v>174.93</v>
      </c>
      <c r="B17643">
        <v>178.63</v>
      </c>
      <c r="C17643">
        <v>12618.2</v>
      </c>
      <c r="D17643">
        <v>3.4</v>
      </c>
      <c r="E17643">
        <v>2970.39</v>
      </c>
      <c r="F17643">
        <v>99.702100000000002</v>
      </c>
    </row>
    <row r="17644" spans="1:6" x14ac:dyDescent="0.25">
      <c r="A17644">
        <v>174.93</v>
      </c>
      <c r="B17644">
        <v>178.63</v>
      </c>
      <c r="C17644">
        <v>12618.2</v>
      </c>
      <c r="D17644">
        <v>3.7</v>
      </c>
      <c r="E17644">
        <v>2999.05</v>
      </c>
      <c r="F17644">
        <v>97.355400000000003</v>
      </c>
    </row>
    <row r="17645" spans="1:6" x14ac:dyDescent="0.25">
      <c r="A17645">
        <v>174.93</v>
      </c>
      <c r="B17645">
        <v>178.63</v>
      </c>
      <c r="C17645">
        <v>12618.2</v>
      </c>
      <c r="D17645">
        <v>4</v>
      </c>
      <c r="E17645">
        <v>2931.47</v>
      </c>
      <c r="F17645">
        <v>99.116399999999999</v>
      </c>
    </row>
    <row r="17646" spans="1:6" x14ac:dyDescent="0.25">
      <c r="A17646">
        <v>174.93</v>
      </c>
      <c r="B17646">
        <v>178.63</v>
      </c>
      <c r="C17646">
        <v>14163.6</v>
      </c>
      <c r="D17646">
        <v>1</v>
      </c>
      <c r="E17646">
        <v>4406.0200000000004</v>
      </c>
      <c r="F17646">
        <v>88.838800000000006</v>
      </c>
    </row>
    <row r="17647" spans="1:6" x14ac:dyDescent="0.25">
      <c r="A17647">
        <v>174.93</v>
      </c>
      <c r="B17647">
        <v>178.63</v>
      </c>
      <c r="C17647">
        <v>14163.6</v>
      </c>
      <c r="D17647">
        <v>1.3</v>
      </c>
      <c r="E17647">
        <v>4014.98</v>
      </c>
      <c r="F17647">
        <v>96.268000000000001</v>
      </c>
    </row>
    <row r="17648" spans="1:6" x14ac:dyDescent="0.25">
      <c r="A17648">
        <v>174.93</v>
      </c>
      <c r="B17648">
        <v>178.63</v>
      </c>
      <c r="C17648">
        <v>14163.6</v>
      </c>
      <c r="D17648">
        <v>1.6</v>
      </c>
      <c r="E17648">
        <v>3674.36</v>
      </c>
      <c r="F17648">
        <v>98.756900000000002</v>
      </c>
    </row>
    <row r="17649" spans="1:6" x14ac:dyDescent="0.25">
      <c r="A17649">
        <v>174.93</v>
      </c>
      <c r="B17649">
        <v>178.63</v>
      </c>
      <c r="C17649">
        <v>14163.6</v>
      </c>
      <c r="D17649">
        <v>1.9</v>
      </c>
      <c r="E17649">
        <v>3534.24</v>
      </c>
      <c r="F17649">
        <v>96.868600000000001</v>
      </c>
    </row>
    <row r="17650" spans="1:6" x14ac:dyDescent="0.25">
      <c r="A17650">
        <v>174.93</v>
      </c>
      <c r="B17650">
        <v>178.63</v>
      </c>
      <c r="C17650">
        <v>14163.6</v>
      </c>
      <c r="D17650">
        <v>2.2000000000000002</v>
      </c>
      <c r="E17650">
        <v>3330.59</v>
      </c>
      <c r="F17650">
        <v>97.177899999999994</v>
      </c>
    </row>
    <row r="17651" spans="1:6" x14ac:dyDescent="0.25">
      <c r="A17651">
        <v>174.93</v>
      </c>
      <c r="B17651">
        <v>178.63</v>
      </c>
      <c r="C17651">
        <v>14163.6</v>
      </c>
      <c r="D17651">
        <v>2.5</v>
      </c>
      <c r="E17651">
        <v>3298.13</v>
      </c>
      <c r="F17651">
        <v>94.965900000000005</v>
      </c>
    </row>
    <row r="17652" spans="1:6" x14ac:dyDescent="0.25">
      <c r="A17652">
        <v>174.93</v>
      </c>
      <c r="B17652">
        <v>178.63</v>
      </c>
      <c r="C17652">
        <v>14163.6</v>
      </c>
      <c r="D17652">
        <v>2.8</v>
      </c>
      <c r="E17652">
        <v>3094.25</v>
      </c>
      <c r="F17652">
        <v>102.986</v>
      </c>
    </row>
    <row r="17653" spans="1:6" x14ac:dyDescent="0.25">
      <c r="A17653">
        <v>174.93</v>
      </c>
      <c r="B17653">
        <v>178.63</v>
      </c>
      <c r="C17653">
        <v>14163.6</v>
      </c>
      <c r="D17653">
        <v>3.1</v>
      </c>
      <c r="E17653">
        <v>3068.3</v>
      </c>
      <c r="F17653">
        <v>98.307100000000005</v>
      </c>
    </row>
    <row r="17654" spans="1:6" x14ac:dyDescent="0.25">
      <c r="A17654">
        <v>174.93</v>
      </c>
      <c r="B17654">
        <v>178.63</v>
      </c>
      <c r="C17654">
        <v>14163.6</v>
      </c>
      <c r="D17654">
        <v>3.4</v>
      </c>
      <c r="E17654">
        <v>2970.39</v>
      </c>
      <c r="F17654">
        <v>99.702100000000002</v>
      </c>
    </row>
    <row r="17655" spans="1:6" x14ac:dyDescent="0.25">
      <c r="A17655">
        <v>174.93</v>
      </c>
      <c r="B17655">
        <v>178.63</v>
      </c>
      <c r="C17655">
        <v>14163.6</v>
      </c>
      <c r="D17655">
        <v>3.7</v>
      </c>
      <c r="E17655">
        <v>2999.05</v>
      </c>
      <c r="F17655">
        <v>97.355400000000003</v>
      </c>
    </row>
    <row r="17656" spans="1:6" x14ac:dyDescent="0.25">
      <c r="A17656">
        <v>174.93</v>
      </c>
      <c r="B17656">
        <v>178.63</v>
      </c>
      <c r="C17656">
        <v>14163.6</v>
      </c>
      <c r="D17656">
        <v>4</v>
      </c>
      <c r="E17656">
        <v>2931.47</v>
      </c>
      <c r="F17656">
        <v>99.116399999999999</v>
      </c>
    </row>
    <row r="17657" spans="1:6" x14ac:dyDescent="0.25">
      <c r="A17657">
        <v>174.93</v>
      </c>
      <c r="B17657">
        <v>178.63</v>
      </c>
      <c r="C17657">
        <v>15709.1</v>
      </c>
      <c r="D17657">
        <v>1</v>
      </c>
      <c r="E17657">
        <v>4406.0200000000004</v>
      </c>
      <c r="F17657">
        <v>88.838800000000006</v>
      </c>
    </row>
    <row r="17658" spans="1:6" x14ac:dyDescent="0.25">
      <c r="A17658">
        <v>174.93</v>
      </c>
      <c r="B17658">
        <v>178.63</v>
      </c>
      <c r="C17658">
        <v>15709.1</v>
      </c>
      <c r="D17658">
        <v>1.3</v>
      </c>
      <c r="E17658">
        <v>4014.98</v>
      </c>
      <c r="F17658">
        <v>96.268000000000001</v>
      </c>
    </row>
    <row r="17659" spans="1:6" x14ac:dyDescent="0.25">
      <c r="A17659">
        <v>174.93</v>
      </c>
      <c r="B17659">
        <v>178.63</v>
      </c>
      <c r="C17659">
        <v>15709.1</v>
      </c>
      <c r="D17659">
        <v>1.6</v>
      </c>
      <c r="E17659">
        <v>3674.36</v>
      </c>
      <c r="F17659">
        <v>98.756900000000002</v>
      </c>
    </row>
    <row r="17660" spans="1:6" x14ac:dyDescent="0.25">
      <c r="A17660">
        <v>174.93</v>
      </c>
      <c r="B17660">
        <v>178.63</v>
      </c>
      <c r="C17660">
        <v>15709.1</v>
      </c>
      <c r="D17660">
        <v>1.9</v>
      </c>
      <c r="E17660">
        <v>3534.24</v>
      </c>
      <c r="F17660">
        <v>96.868600000000001</v>
      </c>
    </row>
    <row r="17661" spans="1:6" x14ac:dyDescent="0.25">
      <c r="A17661">
        <v>174.93</v>
      </c>
      <c r="B17661">
        <v>178.63</v>
      </c>
      <c r="C17661">
        <v>15709.1</v>
      </c>
      <c r="D17661">
        <v>2.2000000000000002</v>
      </c>
      <c r="E17661">
        <v>3330.59</v>
      </c>
      <c r="F17661">
        <v>97.177899999999994</v>
      </c>
    </row>
    <row r="17662" spans="1:6" x14ac:dyDescent="0.25">
      <c r="A17662">
        <v>174.93</v>
      </c>
      <c r="B17662">
        <v>178.63</v>
      </c>
      <c r="C17662">
        <v>15709.1</v>
      </c>
      <c r="D17662">
        <v>2.5</v>
      </c>
      <c r="E17662">
        <v>3298.13</v>
      </c>
      <c r="F17662">
        <v>94.965900000000005</v>
      </c>
    </row>
    <row r="17663" spans="1:6" x14ac:dyDescent="0.25">
      <c r="A17663">
        <v>174.93</v>
      </c>
      <c r="B17663">
        <v>178.63</v>
      </c>
      <c r="C17663">
        <v>15709.1</v>
      </c>
      <c r="D17663">
        <v>2.8</v>
      </c>
      <c r="E17663">
        <v>3094.25</v>
      </c>
      <c r="F17663">
        <v>102.986</v>
      </c>
    </row>
    <row r="17664" spans="1:6" x14ac:dyDescent="0.25">
      <c r="A17664">
        <v>174.93</v>
      </c>
      <c r="B17664">
        <v>178.63</v>
      </c>
      <c r="C17664">
        <v>15709.1</v>
      </c>
      <c r="D17664">
        <v>3.1</v>
      </c>
      <c r="E17664">
        <v>3068.3</v>
      </c>
      <c r="F17664">
        <v>98.307100000000005</v>
      </c>
    </row>
    <row r="17665" spans="1:6" x14ac:dyDescent="0.25">
      <c r="A17665">
        <v>174.93</v>
      </c>
      <c r="B17665">
        <v>178.63</v>
      </c>
      <c r="C17665">
        <v>15709.1</v>
      </c>
      <c r="D17665">
        <v>3.4</v>
      </c>
      <c r="E17665">
        <v>2970.39</v>
      </c>
      <c r="F17665">
        <v>99.702100000000002</v>
      </c>
    </row>
    <row r="17666" spans="1:6" x14ac:dyDescent="0.25">
      <c r="A17666">
        <v>174.93</v>
      </c>
      <c r="B17666">
        <v>178.63</v>
      </c>
      <c r="C17666">
        <v>15709.1</v>
      </c>
      <c r="D17666">
        <v>3.7</v>
      </c>
      <c r="E17666">
        <v>2999.05</v>
      </c>
      <c r="F17666">
        <v>97.355400000000003</v>
      </c>
    </row>
    <row r="17667" spans="1:6" x14ac:dyDescent="0.25">
      <c r="A17667">
        <v>174.93</v>
      </c>
      <c r="B17667">
        <v>178.63</v>
      </c>
      <c r="C17667">
        <v>15709.1</v>
      </c>
      <c r="D17667">
        <v>4</v>
      </c>
      <c r="E17667">
        <v>2931.47</v>
      </c>
      <c r="F17667">
        <v>99.116399999999999</v>
      </c>
    </row>
    <row r="17668" spans="1:6" x14ac:dyDescent="0.25">
      <c r="A17668">
        <v>174.93</v>
      </c>
      <c r="B17668">
        <v>178.63</v>
      </c>
      <c r="C17668">
        <v>17254.5</v>
      </c>
      <c r="D17668">
        <v>1</v>
      </c>
      <c r="E17668">
        <v>4406.0200000000004</v>
      </c>
      <c r="F17668">
        <v>88.838800000000006</v>
      </c>
    </row>
    <row r="17669" spans="1:6" x14ac:dyDescent="0.25">
      <c r="A17669">
        <v>174.93</v>
      </c>
      <c r="B17669">
        <v>178.63</v>
      </c>
      <c r="C17669">
        <v>17254.5</v>
      </c>
      <c r="D17669">
        <v>1.3</v>
      </c>
      <c r="E17669">
        <v>4014.98</v>
      </c>
      <c r="F17669">
        <v>96.268000000000001</v>
      </c>
    </row>
    <row r="17670" spans="1:6" x14ac:dyDescent="0.25">
      <c r="A17670">
        <v>174.93</v>
      </c>
      <c r="B17670">
        <v>178.63</v>
      </c>
      <c r="C17670">
        <v>17254.5</v>
      </c>
      <c r="D17670">
        <v>1.6</v>
      </c>
      <c r="E17670">
        <v>3674.36</v>
      </c>
      <c r="F17670">
        <v>98.756900000000002</v>
      </c>
    </row>
    <row r="17671" spans="1:6" x14ac:dyDescent="0.25">
      <c r="A17671">
        <v>174.93</v>
      </c>
      <c r="B17671">
        <v>178.63</v>
      </c>
      <c r="C17671">
        <v>17254.5</v>
      </c>
      <c r="D17671">
        <v>1.9</v>
      </c>
      <c r="E17671">
        <v>3534.24</v>
      </c>
      <c r="F17671">
        <v>96.868600000000001</v>
      </c>
    </row>
    <row r="17672" spans="1:6" x14ac:dyDescent="0.25">
      <c r="A17672">
        <v>174.93</v>
      </c>
      <c r="B17672">
        <v>178.63</v>
      </c>
      <c r="C17672">
        <v>17254.5</v>
      </c>
      <c r="D17672">
        <v>2.2000000000000002</v>
      </c>
      <c r="E17672">
        <v>3330.59</v>
      </c>
      <c r="F17672">
        <v>97.177899999999994</v>
      </c>
    </row>
    <row r="17673" spans="1:6" x14ac:dyDescent="0.25">
      <c r="A17673">
        <v>174.93</v>
      </c>
      <c r="B17673">
        <v>178.63</v>
      </c>
      <c r="C17673">
        <v>17254.5</v>
      </c>
      <c r="D17673">
        <v>2.5</v>
      </c>
      <c r="E17673">
        <v>3298.13</v>
      </c>
      <c r="F17673">
        <v>94.965900000000005</v>
      </c>
    </row>
    <row r="17674" spans="1:6" x14ac:dyDescent="0.25">
      <c r="A17674">
        <v>174.93</v>
      </c>
      <c r="B17674">
        <v>178.63</v>
      </c>
      <c r="C17674">
        <v>17254.5</v>
      </c>
      <c r="D17674">
        <v>2.8</v>
      </c>
      <c r="E17674">
        <v>3094.25</v>
      </c>
      <c r="F17674">
        <v>102.986</v>
      </c>
    </row>
    <row r="17675" spans="1:6" x14ac:dyDescent="0.25">
      <c r="A17675">
        <v>174.93</v>
      </c>
      <c r="B17675">
        <v>178.63</v>
      </c>
      <c r="C17675">
        <v>17254.5</v>
      </c>
      <c r="D17675">
        <v>3.1</v>
      </c>
      <c r="E17675">
        <v>3068.3</v>
      </c>
      <c r="F17675">
        <v>98.307100000000005</v>
      </c>
    </row>
    <row r="17676" spans="1:6" x14ac:dyDescent="0.25">
      <c r="A17676">
        <v>174.93</v>
      </c>
      <c r="B17676">
        <v>178.63</v>
      </c>
      <c r="C17676">
        <v>17254.5</v>
      </c>
      <c r="D17676">
        <v>3.4</v>
      </c>
      <c r="E17676">
        <v>2970.39</v>
      </c>
      <c r="F17676">
        <v>99.702100000000002</v>
      </c>
    </row>
    <row r="17677" spans="1:6" x14ac:dyDescent="0.25">
      <c r="A17677">
        <v>174.93</v>
      </c>
      <c r="B17677">
        <v>178.63</v>
      </c>
      <c r="C17677">
        <v>17254.5</v>
      </c>
      <c r="D17677">
        <v>3.7</v>
      </c>
      <c r="E17677">
        <v>2999.05</v>
      </c>
      <c r="F17677">
        <v>97.355400000000003</v>
      </c>
    </row>
    <row r="17678" spans="1:6" x14ac:dyDescent="0.25">
      <c r="A17678">
        <v>174.93</v>
      </c>
      <c r="B17678">
        <v>178.63</v>
      </c>
      <c r="C17678">
        <v>17254.5</v>
      </c>
      <c r="D17678">
        <v>4</v>
      </c>
      <c r="E17678">
        <v>2931.47</v>
      </c>
      <c r="F17678">
        <v>99.116399999999999</v>
      </c>
    </row>
    <row r="17679" spans="1:6" x14ac:dyDescent="0.25">
      <c r="A17679">
        <v>174.93</v>
      </c>
      <c r="B17679">
        <v>178.63</v>
      </c>
      <c r="C17679">
        <v>18800</v>
      </c>
      <c r="D17679">
        <v>1</v>
      </c>
      <c r="E17679">
        <v>4406.0200000000004</v>
      </c>
      <c r="F17679">
        <v>88.838800000000006</v>
      </c>
    </row>
    <row r="17680" spans="1:6" x14ac:dyDescent="0.25">
      <c r="A17680">
        <v>174.93</v>
      </c>
      <c r="B17680">
        <v>178.63</v>
      </c>
      <c r="C17680">
        <v>18800</v>
      </c>
      <c r="D17680">
        <v>1.3</v>
      </c>
      <c r="E17680">
        <v>4014.98</v>
      </c>
      <c r="F17680">
        <v>96.268000000000001</v>
      </c>
    </row>
    <row r="17681" spans="1:6" x14ac:dyDescent="0.25">
      <c r="A17681">
        <v>174.93</v>
      </c>
      <c r="B17681">
        <v>178.63</v>
      </c>
      <c r="C17681">
        <v>18800</v>
      </c>
      <c r="D17681">
        <v>1.6</v>
      </c>
      <c r="E17681">
        <v>3674.36</v>
      </c>
      <c r="F17681">
        <v>98.756900000000002</v>
      </c>
    </row>
    <row r="17682" spans="1:6" x14ac:dyDescent="0.25">
      <c r="A17682">
        <v>174.93</v>
      </c>
      <c r="B17682">
        <v>178.63</v>
      </c>
      <c r="C17682">
        <v>18800</v>
      </c>
      <c r="D17682">
        <v>1.9</v>
      </c>
      <c r="E17682">
        <v>3534.24</v>
      </c>
      <c r="F17682">
        <v>96.868600000000001</v>
      </c>
    </row>
    <row r="17683" spans="1:6" x14ac:dyDescent="0.25">
      <c r="A17683">
        <v>174.93</v>
      </c>
      <c r="B17683">
        <v>178.63</v>
      </c>
      <c r="C17683">
        <v>18800</v>
      </c>
      <c r="D17683">
        <v>2.2000000000000002</v>
      </c>
      <c r="E17683">
        <v>3330.59</v>
      </c>
      <c r="F17683">
        <v>97.177899999999994</v>
      </c>
    </row>
    <row r="17684" spans="1:6" x14ac:dyDescent="0.25">
      <c r="A17684">
        <v>174.93</v>
      </c>
      <c r="B17684">
        <v>178.63</v>
      </c>
      <c r="C17684">
        <v>18800</v>
      </c>
      <c r="D17684">
        <v>2.5</v>
      </c>
      <c r="E17684">
        <v>3298.13</v>
      </c>
      <c r="F17684">
        <v>94.965900000000005</v>
      </c>
    </row>
    <row r="17685" spans="1:6" x14ac:dyDescent="0.25">
      <c r="A17685">
        <v>174.93</v>
      </c>
      <c r="B17685">
        <v>178.63</v>
      </c>
      <c r="C17685">
        <v>18800</v>
      </c>
      <c r="D17685">
        <v>2.8</v>
      </c>
      <c r="E17685">
        <v>3094.25</v>
      </c>
      <c r="F17685">
        <v>102.986</v>
      </c>
    </row>
    <row r="17686" spans="1:6" x14ac:dyDescent="0.25">
      <c r="A17686">
        <v>174.93</v>
      </c>
      <c r="B17686">
        <v>178.63</v>
      </c>
      <c r="C17686">
        <v>18800</v>
      </c>
      <c r="D17686">
        <v>3.1</v>
      </c>
      <c r="E17686">
        <v>3068.3</v>
      </c>
      <c r="F17686">
        <v>98.307100000000005</v>
      </c>
    </row>
    <row r="17687" spans="1:6" x14ac:dyDescent="0.25">
      <c r="A17687">
        <v>174.93</v>
      </c>
      <c r="B17687">
        <v>178.63</v>
      </c>
      <c r="C17687">
        <v>18800</v>
      </c>
      <c r="D17687">
        <v>3.4</v>
      </c>
      <c r="E17687">
        <v>2970.39</v>
      </c>
      <c r="F17687">
        <v>99.702100000000002</v>
      </c>
    </row>
    <row r="17688" spans="1:6" x14ac:dyDescent="0.25">
      <c r="A17688">
        <v>174.93</v>
      </c>
      <c r="B17688">
        <v>178.63</v>
      </c>
      <c r="C17688">
        <v>18800</v>
      </c>
      <c r="D17688">
        <v>3.7</v>
      </c>
      <c r="E17688">
        <v>2999.05</v>
      </c>
      <c r="F17688">
        <v>97.355400000000003</v>
      </c>
    </row>
    <row r="17689" spans="1:6" x14ac:dyDescent="0.25">
      <c r="A17689">
        <v>174.93</v>
      </c>
      <c r="B17689">
        <v>178.63</v>
      </c>
      <c r="C17689">
        <v>18800</v>
      </c>
      <c r="D17689">
        <v>4</v>
      </c>
      <c r="E17689">
        <v>2931.47</v>
      </c>
      <c r="F17689">
        <v>99.116399999999999</v>
      </c>
    </row>
    <row r="17690" spans="1:6" x14ac:dyDescent="0.25">
      <c r="A17690">
        <v>174.93</v>
      </c>
      <c r="B17690">
        <v>182.26</v>
      </c>
      <c r="C17690">
        <v>1800</v>
      </c>
      <c r="D17690">
        <v>1</v>
      </c>
      <c r="E17690">
        <v>4406.0200000000004</v>
      </c>
      <c r="F17690">
        <v>88.838800000000006</v>
      </c>
    </row>
    <row r="17691" spans="1:6" x14ac:dyDescent="0.25">
      <c r="A17691">
        <v>174.93</v>
      </c>
      <c r="B17691">
        <v>182.26</v>
      </c>
      <c r="C17691">
        <v>1800</v>
      </c>
      <c r="D17691">
        <v>1.3</v>
      </c>
      <c r="E17691">
        <v>4014.98</v>
      </c>
      <c r="F17691">
        <v>96.268000000000001</v>
      </c>
    </row>
    <row r="17692" spans="1:6" x14ac:dyDescent="0.25">
      <c r="A17692">
        <v>174.93</v>
      </c>
      <c r="B17692">
        <v>182.26</v>
      </c>
      <c r="C17692">
        <v>1800</v>
      </c>
      <c r="D17692">
        <v>1.6</v>
      </c>
      <c r="E17692">
        <v>3674.36</v>
      </c>
      <c r="F17692">
        <v>98.756900000000002</v>
      </c>
    </row>
    <row r="17693" spans="1:6" x14ac:dyDescent="0.25">
      <c r="A17693">
        <v>174.93</v>
      </c>
      <c r="B17693">
        <v>182.26</v>
      </c>
      <c r="C17693">
        <v>1800</v>
      </c>
      <c r="D17693">
        <v>1.9</v>
      </c>
      <c r="E17693">
        <v>3534.24</v>
      </c>
      <c r="F17693">
        <v>96.868600000000001</v>
      </c>
    </row>
    <row r="17694" spans="1:6" x14ac:dyDescent="0.25">
      <c r="A17694">
        <v>174.93</v>
      </c>
      <c r="B17694">
        <v>182.26</v>
      </c>
      <c r="C17694">
        <v>1800</v>
      </c>
      <c r="D17694">
        <v>2.2000000000000002</v>
      </c>
      <c r="E17694">
        <v>3330.59</v>
      </c>
      <c r="F17694">
        <v>97.177899999999994</v>
      </c>
    </row>
    <row r="17695" spans="1:6" x14ac:dyDescent="0.25">
      <c r="A17695">
        <v>174.93</v>
      </c>
      <c r="B17695">
        <v>182.26</v>
      </c>
      <c r="C17695">
        <v>1800</v>
      </c>
      <c r="D17695">
        <v>2.5</v>
      </c>
      <c r="E17695">
        <v>3298.13</v>
      </c>
      <c r="F17695">
        <v>94.965900000000005</v>
      </c>
    </row>
    <row r="17696" spans="1:6" x14ac:dyDescent="0.25">
      <c r="A17696">
        <v>174.93</v>
      </c>
      <c r="B17696">
        <v>182.26</v>
      </c>
      <c r="C17696">
        <v>1800</v>
      </c>
      <c r="D17696">
        <v>2.8</v>
      </c>
      <c r="E17696">
        <v>3094.25</v>
      </c>
      <c r="F17696">
        <v>102.986</v>
      </c>
    </row>
    <row r="17697" spans="1:6" x14ac:dyDescent="0.25">
      <c r="A17697">
        <v>174.93</v>
      </c>
      <c r="B17697">
        <v>182.26</v>
      </c>
      <c r="C17697">
        <v>1800</v>
      </c>
      <c r="D17697">
        <v>3.1</v>
      </c>
      <c r="E17697">
        <v>3068.3</v>
      </c>
      <c r="F17697">
        <v>98.307100000000005</v>
      </c>
    </row>
    <row r="17698" spans="1:6" x14ac:dyDescent="0.25">
      <c r="A17698">
        <v>174.93</v>
      </c>
      <c r="B17698">
        <v>182.26</v>
      </c>
      <c r="C17698">
        <v>1800</v>
      </c>
      <c r="D17698">
        <v>3.4</v>
      </c>
      <c r="E17698">
        <v>2970.39</v>
      </c>
      <c r="F17698">
        <v>99.702100000000002</v>
      </c>
    </row>
    <row r="17699" spans="1:6" x14ac:dyDescent="0.25">
      <c r="A17699">
        <v>174.93</v>
      </c>
      <c r="B17699">
        <v>182.26</v>
      </c>
      <c r="C17699">
        <v>1800</v>
      </c>
      <c r="D17699">
        <v>3.7</v>
      </c>
      <c r="E17699">
        <v>2896.05</v>
      </c>
      <c r="F17699">
        <v>97.355400000000003</v>
      </c>
    </row>
    <row r="17700" spans="1:6" x14ac:dyDescent="0.25">
      <c r="A17700">
        <v>174.93</v>
      </c>
      <c r="B17700">
        <v>182.26</v>
      </c>
      <c r="C17700">
        <v>1800</v>
      </c>
      <c r="D17700">
        <v>4</v>
      </c>
      <c r="E17700">
        <v>2821.66</v>
      </c>
      <c r="F17700">
        <v>99.116399999999999</v>
      </c>
    </row>
    <row r="17701" spans="1:6" x14ac:dyDescent="0.25">
      <c r="A17701">
        <v>174.93</v>
      </c>
      <c r="B17701">
        <v>182.26</v>
      </c>
      <c r="C17701">
        <v>3345.45</v>
      </c>
      <c r="D17701">
        <v>1</v>
      </c>
      <c r="E17701">
        <v>4406.0200000000004</v>
      </c>
      <c r="F17701">
        <v>88.838800000000006</v>
      </c>
    </row>
    <row r="17702" spans="1:6" x14ac:dyDescent="0.25">
      <c r="A17702">
        <v>174.93</v>
      </c>
      <c r="B17702">
        <v>182.26</v>
      </c>
      <c r="C17702">
        <v>3345.45</v>
      </c>
      <c r="D17702">
        <v>1.3</v>
      </c>
      <c r="E17702">
        <v>4014.98</v>
      </c>
      <c r="F17702">
        <v>96.268000000000001</v>
      </c>
    </row>
    <row r="17703" spans="1:6" x14ac:dyDescent="0.25">
      <c r="A17703">
        <v>174.93</v>
      </c>
      <c r="B17703">
        <v>182.26</v>
      </c>
      <c r="C17703">
        <v>3345.45</v>
      </c>
      <c r="D17703">
        <v>1.6</v>
      </c>
      <c r="E17703">
        <v>3674.36</v>
      </c>
      <c r="F17703">
        <v>98.756900000000002</v>
      </c>
    </row>
    <row r="17704" spans="1:6" x14ac:dyDescent="0.25">
      <c r="A17704">
        <v>174.93</v>
      </c>
      <c r="B17704">
        <v>182.26</v>
      </c>
      <c r="C17704">
        <v>3345.45</v>
      </c>
      <c r="D17704">
        <v>1.9</v>
      </c>
      <c r="E17704">
        <v>3534.24</v>
      </c>
      <c r="F17704">
        <v>96.868600000000001</v>
      </c>
    </row>
    <row r="17705" spans="1:6" x14ac:dyDescent="0.25">
      <c r="A17705">
        <v>174.93</v>
      </c>
      <c r="B17705">
        <v>182.26</v>
      </c>
      <c r="C17705">
        <v>3345.45</v>
      </c>
      <c r="D17705">
        <v>2.2000000000000002</v>
      </c>
      <c r="E17705">
        <v>3330.59</v>
      </c>
      <c r="F17705">
        <v>97.177899999999994</v>
      </c>
    </row>
    <row r="17706" spans="1:6" x14ac:dyDescent="0.25">
      <c r="A17706">
        <v>174.93</v>
      </c>
      <c r="B17706">
        <v>182.26</v>
      </c>
      <c r="C17706">
        <v>3345.45</v>
      </c>
      <c r="D17706">
        <v>2.5</v>
      </c>
      <c r="E17706">
        <v>3298.13</v>
      </c>
      <c r="F17706">
        <v>94.965900000000005</v>
      </c>
    </row>
    <row r="17707" spans="1:6" x14ac:dyDescent="0.25">
      <c r="A17707">
        <v>174.93</v>
      </c>
      <c r="B17707">
        <v>182.26</v>
      </c>
      <c r="C17707">
        <v>3345.45</v>
      </c>
      <c r="D17707">
        <v>2.8</v>
      </c>
      <c r="E17707">
        <v>3094.25</v>
      </c>
      <c r="F17707">
        <v>102.986</v>
      </c>
    </row>
    <row r="17708" spans="1:6" x14ac:dyDescent="0.25">
      <c r="A17708">
        <v>174.93</v>
      </c>
      <c r="B17708">
        <v>182.26</v>
      </c>
      <c r="C17708">
        <v>3345.45</v>
      </c>
      <c r="D17708">
        <v>3.1</v>
      </c>
      <c r="E17708">
        <v>3068.3</v>
      </c>
      <c r="F17708">
        <v>98.307100000000005</v>
      </c>
    </row>
    <row r="17709" spans="1:6" x14ac:dyDescent="0.25">
      <c r="A17709">
        <v>174.93</v>
      </c>
      <c r="B17709">
        <v>182.26</v>
      </c>
      <c r="C17709">
        <v>3345.45</v>
      </c>
      <c r="D17709">
        <v>3.4</v>
      </c>
      <c r="E17709">
        <v>2970.39</v>
      </c>
      <c r="F17709">
        <v>99.702100000000002</v>
      </c>
    </row>
    <row r="17710" spans="1:6" x14ac:dyDescent="0.25">
      <c r="A17710">
        <v>174.93</v>
      </c>
      <c r="B17710">
        <v>182.26</v>
      </c>
      <c r="C17710">
        <v>3345.45</v>
      </c>
      <c r="D17710">
        <v>3.7</v>
      </c>
      <c r="E17710">
        <v>2999.05</v>
      </c>
      <c r="F17710">
        <v>97.355400000000003</v>
      </c>
    </row>
    <row r="17711" spans="1:6" x14ac:dyDescent="0.25">
      <c r="A17711">
        <v>174.93</v>
      </c>
      <c r="B17711">
        <v>182.26</v>
      </c>
      <c r="C17711">
        <v>3345.45</v>
      </c>
      <c r="D17711">
        <v>4</v>
      </c>
      <c r="E17711">
        <v>2931.47</v>
      </c>
      <c r="F17711">
        <v>99.116399999999999</v>
      </c>
    </row>
    <row r="17712" spans="1:6" x14ac:dyDescent="0.25">
      <c r="A17712">
        <v>174.93</v>
      </c>
      <c r="B17712">
        <v>182.26</v>
      </c>
      <c r="C17712">
        <v>4890.8999999999996</v>
      </c>
      <c r="D17712">
        <v>1</v>
      </c>
      <c r="E17712">
        <v>4406.0200000000004</v>
      </c>
      <c r="F17712">
        <v>88.838800000000006</v>
      </c>
    </row>
    <row r="17713" spans="1:6" x14ac:dyDescent="0.25">
      <c r="A17713">
        <v>174.93</v>
      </c>
      <c r="B17713">
        <v>182.26</v>
      </c>
      <c r="C17713">
        <v>4890.8999999999996</v>
      </c>
      <c r="D17713">
        <v>1.3</v>
      </c>
      <c r="E17713">
        <v>4014.98</v>
      </c>
      <c r="F17713">
        <v>96.268000000000001</v>
      </c>
    </row>
    <row r="17714" spans="1:6" x14ac:dyDescent="0.25">
      <c r="A17714">
        <v>174.93</v>
      </c>
      <c r="B17714">
        <v>182.26</v>
      </c>
      <c r="C17714">
        <v>4890.8999999999996</v>
      </c>
      <c r="D17714">
        <v>1.6</v>
      </c>
      <c r="E17714">
        <v>3674.36</v>
      </c>
      <c r="F17714">
        <v>98.756900000000002</v>
      </c>
    </row>
    <row r="17715" spans="1:6" x14ac:dyDescent="0.25">
      <c r="A17715">
        <v>174.93</v>
      </c>
      <c r="B17715">
        <v>182.26</v>
      </c>
      <c r="C17715">
        <v>4890.8999999999996</v>
      </c>
      <c r="D17715">
        <v>1.9</v>
      </c>
      <c r="E17715">
        <v>3534.24</v>
      </c>
      <c r="F17715">
        <v>96.868600000000001</v>
      </c>
    </row>
    <row r="17716" spans="1:6" x14ac:dyDescent="0.25">
      <c r="A17716">
        <v>174.93</v>
      </c>
      <c r="B17716">
        <v>182.26</v>
      </c>
      <c r="C17716">
        <v>4890.8999999999996</v>
      </c>
      <c r="D17716">
        <v>2.2000000000000002</v>
      </c>
      <c r="E17716">
        <v>3330.59</v>
      </c>
      <c r="F17716">
        <v>97.177899999999994</v>
      </c>
    </row>
    <row r="17717" spans="1:6" x14ac:dyDescent="0.25">
      <c r="A17717">
        <v>174.93</v>
      </c>
      <c r="B17717">
        <v>182.26</v>
      </c>
      <c r="C17717">
        <v>4890.8999999999996</v>
      </c>
      <c r="D17717">
        <v>2.5</v>
      </c>
      <c r="E17717">
        <v>3298.13</v>
      </c>
      <c r="F17717">
        <v>94.965900000000005</v>
      </c>
    </row>
    <row r="17718" spans="1:6" x14ac:dyDescent="0.25">
      <c r="A17718">
        <v>174.93</v>
      </c>
      <c r="B17718">
        <v>182.26</v>
      </c>
      <c r="C17718">
        <v>4890.8999999999996</v>
      </c>
      <c r="D17718">
        <v>2.8</v>
      </c>
      <c r="E17718">
        <v>3094.25</v>
      </c>
      <c r="F17718">
        <v>102.986</v>
      </c>
    </row>
    <row r="17719" spans="1:6" x14ac:dyDescent="0.25">
      <c r="A17719">
        <v>174.93</v>
      </c>
      <c r="B17719">
        <v>182.26</v>
      </c>
      <c r="C17719">
        <v>4890.8999999999996</v>
      </c>
      <c r="D17719">
        <v>3.1</v>
      </c>
      <c r="E17719">
        <v>3068.3</v>
      </c>
      <c r="F17719">
        <v>98.307100000000005</v>
      </c>
    </row>
    <row r="17720" spans="1:6" x14ac:dyDescent="0.25">
      <c r="A17720">
        <v>174.93</v>
      </c>
      <c r="B17720">
        <v>182.26</v>
      </c>
      <c r="C17720">
        <v>4890.8999999999996</v>
      </c>
      <c r="D17720">
        <v>3.4</v>
      </c>
      <c r="E17720">
        <v>2970.39</v>
      </c>
      <c r="F17720">
        <v>99.702100000000002</v>
      </c>
    </row>
    <row r="17721" spans="1:6" x14ac:dyDescent="0.25">
      <c r="A17721">
        <v>174.93</v>
      </c>
      <c r="B17721">
        <v>182.26</v>
      </c>
      <c r="C17721">
        <v>4890.8999999999996</v>
      </c>
      <c r="D17721">
        <v>3.7</v>
      </c>
      <c r="E17721">
        <v>2999.05</v>
      </c>
      <c r="F17721">
        <v>97.355400000000003</v>
      </c>
    </row>
    <row r="17722" spans="1:6" x14ac:dyDescent="0.25">
      <c r="A17722">
        <v>174.93</v>
      </c>
      <c r="B17722">
        <v>182.26</v>
      </c>
      <c r="C17722">
        <v>4890.8999999999996</v>
      </c>
      <c r="D17722">
        <v>4</v>
      </c>
      <c r="E17722">
        <v>2931.47</v>
      </c>
      <c r="F17722">
        <v>99.116399999999999</v>
      </c>
    </row>
    <row r="17723" spans="1:6" x14ac:dyDescent="0.25">
      <c r="A17723">
        <v>174.93</v>
      </c>
      <c r="B17723">
        <v>182.26</v>
      </c>
      <c r="C17723">
        <v>6436.35</v>
      </c>
      <c r="D17723">
        <v>1</v>
      </c>
      <c r="E17723">
        <v>4406.0200000000004</v>
      </c>
      <c r="F17723">
        <v>88.838800000000006</v>
      </c>
    </row>
    <row r="17724" spans="1:6" x14ac:dyDescent="0.25">
      <c r="A17724">
        <v>174.93</v>
      </c>
      <c r="B17724">
        <v>182.26</v>
      </c>
      <c r="C17724">
        <v>6436.35</v>
      </c>
      <c r="D17724">
        <v>1.3</v>
      </c>
      <c r="E17724">
        <v>4014.98</v>
      </c>
      <c r="F17724">
        <v>96.268000000000001</v>
      </c>
    </row>
    <row r="17725" spans="1:6" x14ac:dyDescent="0.25">
      <c r="A17725">
        <v>174.93</v>
      </c>
      <c r="B17725">
        <v>182.26</v>
      </c>
      <c r="C17725">
        <v>6436.35</v>
      </c>
      <c r="D17725">
        <v>1.6</v>
      </c>
      <c r="E17725">
        <v>3674.36</v>
      </c>
      <c r="F17725">
        <v>98.756900000000002</v>
      </c>
    </row>
    <row r="17726" spans="1:6" x14ac:dyDescent="0.25">
      <c r="A17726">
        <v>174.93</v>
      </c>
      <c r="B17726">
        <v>182.26</v>
      </c>
      <c r="C17726">
        <v>6436.35</v>
      </c>
      <c r="D17726">
        <v>1.9</v>
      </c>
      <c r="E17726">
        <v>3534.24</v>
      </c>
      <c r="F17726">
        <v>96.868600000000001</v>
      </c>
    </row>
    <row r="17727" spans="1:6" x14ac:dyDescent="0.25">
      <c r="A17727">
        <v>174.93</v>
      </c>
      <c r="B17727">
        <v>182.26</v>
      </c>
      <c r="C17727">
        <v>6436.35</v>
      </c>
      <c r="D17727">
        <v>2.2000000000000002</v>
      </c>
      <c r="E17727">
        <v>3330.59</v>
      </c>
      <c r="F17727">
        <v>97.177899999999994</v>
      </c>
    </row>
    <row r="17728" spans="1:6" x14ac:dyDescent="0.25">
      <c r="A17728">
        <v>174.93</v>
      </c>
      <c r="B17728">
        <v>182.26</v>
      </c>
      <c r="C17728">
        <v>6436.35</v>
      </c>
      <c r="D17728">
        <v>2.5</v>
      </c>
      <c r="E17728">
        <v>3298.13</v>
      </c>
      <c r="F17728">
        <v>94.965900000000005</v>
      </c>
    </row>
    <row r="17729" spans="1:6" x14ac:dyDescent="0.25">
      <c r="A17729">
        <v>174.93</v>
      </c>
      <c r="B17729">
        <v>182.26</v>
      </c>
      <c r="C17729">
        <v>6436.35</v>
      </c>
      <c r="D17729">
        <v>2.8</v>
      </c>
      <c r="E17729">
        <v>3094.25</v>
      </c>
      <c r="F17729">
        <v>102.986</v>
      </c>
    </row>
    <row r="17730" spans="1:6" x14ac:dyDescent="0.25">
      <c r="A17730">
        <v>174.93</v>
      </c>
      <c r="B17730">
        <v>182.26</v>
      </c>
      <c r="C17730">
        <v>6436.35</v>
      </c>
      <c r="D17730">
        <v>3.1</v>
      </c>
      <c r="E17730">
        <v>3068.3</v>
      </c>
      <c r="F17730">
        <v>98.307100000000005</v>
      </c>
    </row>
    <row r="17731" spans="1:6" x14ac:dyDescent="0.25">
      <c r="A17731">
        <v>174.93</v>
      </c>
      <c r="B17731">
        <v>182.26</v>
      </c>
      <c r="C17731">
        <v>6436.35</v>
      </c>
      <c r="D17731">
        <v>3.4</v>
      </c>
      <c r="E17731">
        <v>2970.39</v>
      </c>
      <c r="F17731">
        <v>99.702100000000002</v>
      </c>
    </row>
    <row r="17732" spans="1:6" x14ac:dyDescent="0.25">
      <c r="A17732">
        <v>174.93</v>
      </c>
      <c r="B17732">
        <v>182.26</v>
      </c>
      <c r="C17732">
        <v>6436.35</v>
      </c>
      <c r="D17732">
        <v>3.7</v>
      </c>
      <c r="E17732">
        <v>2999.05</v>
      </c>
      <c r="F17732">
        <v>97.355400000000003</v>
      </c>
    </row>
    <row r="17733" spans="1:6" x14ac:dyDescent="0.25">
      <c r="A17733">
        <v>174.93</v>
      </c>
      <c r="B17733">
        <v>182.26</v>
      </c>
      <c r="C17733">
        <v>6436.35</v>
      </c>
      <c r="D17733">
        <v>4</v>
      </c>
      <c r="E17733">
        <v>2931.47</v>
      </c>
      <c r="F17733">
        <v>99.116399999999999</v>
      </c>
    </row>
    <row r="17734" spans="1:6" x14ac:dyDescent="0.25">
      <c r="A17734">
        <v>174.93</v>
      </c>
      <c r="B17734">
        <v>182.26</v>
      </c>
      <c r="C17734">
        <v>7981.8</v>
      </c>
      <c r="D17734">
        <v>1</v>
      </c>
      <c r="E17734">
        <v>4406.0200000000004</v>
      </c>
      <c r="F17734">
        <v>88.838800000000006</v>
      </c>
    </row>
    <row r="17735" spans="1:6" x14ac:dyDescent="0.25">
      <c r="A17735">
        <v>174.93</v>
      </c>
      <c r="B17735">
        <v>182.26</v>
      </c>
      <c r="C17735">
        <v>7981.8</v>
      </c>
      <c r="D17735">
        <v>1.3</v>
      </c>
      <c r="E17735">
        <v>4014.98</v>
      </c>
      <c r="F17735">
        <v>96.268000000000001</v>
      </c>
    </row>
    <row r="17736" spans="1:6" x14ac:dyDescent="0.25">
      <c r="A17736">
        <v>174.93</v>
      </c>
      <c r="B17736">
        <v>182.26</v>
      </c>
      <c r="C17736">
        <v>7981.8</v>
      </c>
      <c r="D17736">
        <v>1.6</v>
      </c>
      <c r="E17736">
        <v>3674.36</v>
      </c>
      <c r="F17736">
        <v>98.756900000000002</v>
      </c>
    </row>
    <row r="17737" spans="1:6" x14ac:dyDescent="0.25">
      <c r="A17737">
        <v>174.93</v>
      </c>
      <c r="B17737">
        <v>182.26</v>
      </c>
      <c r="C17737">
        <v>7981.8</v>
      </c>
      <c r="D17737">
        <v>1.9</v>
      </c>
      <c r="E17737">
        <v>3534.24</v>
      </c>
      <c r="F17737">
        <v>96.868600000000001</v>
      </c>
    </row>
    <row r="17738" spans="1:6" x14ac:dyDescent="0.25">
      <c r="A17738">
        <v>174.93</v>
      </c>
      <c r="B17738">
        <v>182.26</v>
      </c>
      <c r="C17738">
        <v>7981.8</v>
      </c>
      <c r="D17738">
        <v>2.2000000000000002</v>
      </c>
      <c r="E17738">
        <v>3330.59</v>
      </c>
      <c r="F17738">
        <v>97.177899999999994</v>
      </c>
    </row>
    <row r="17739" spans="1:6" x14ac:dyDescent="0.25">
      <c r="A17739">
        <v>174.93</v>
      </c>
      <c r="B17739">
        <v>182.26</v>
      </c>
      <c r="C17739">
        <v>7981.8</v>
      </c>
      <c r="D17739">
        <v>2.5</v>
      </c>
      <c r="E17739">
        <v>3298.13</v>
      </c>
      <c r="F17739">
        <v>94.965900000000005</v>
      </c>
    </row>
    <row r="17740" spans="1:6" x14ac:dyDescent="0.25">
      <c r="A17740">
        <v>174.93</v>
      </c>
      <c r="B17740">
        <v>182.26</v>
      </c>
      <c r="C17740">
        <v>7981.8</v>
      </c>
      <c r="D17740">
        <v>2.8</v>
      </c>
      <c r="E17740">
        <v>3094.25</v>
      </c>
      <c r="F17740">
        <v>102.986</v>
      </c>
    </row>
    <row r="17741" spans="1:6" x14ac:dyDescent="0.25">
      <c r="A17741">
        <v>174.93</v>
      </c>
      <c r="B17741">
        <v>182.26</v>
      </c>
      <c r="C17741">
        <v>7981.8</v>
      </c>
      <c r="D17741">
        <v>3.1</v>
      </c>
      <c r="E17741">
        <v>3068.3</v>
      </c>
      <c r="F17741">
        <v>98.307100000000005</v>
      </c>
    </row>
    <row r="17742" spans="1:6" x14ac:dyDescent="0.25">
      <c r="A17742">
        <v>174.93</v>
      </c>
      <c r="B17742">
        <v>182.26</v>
      </c>
      <c r="C17742">
        <v>7981.8</v>
      </c>
      <c r="D17742">
        <v>3.4</v>
      </c>
      <c r="E17742">
        <v>2970.39</v>
      </c>
      <c r="F17742">
        <v>99.702100000000002</v>
      </c>
    </row>
    <row r="17743" spans="1:6" x14ac:dyDescent="0.25">
      <c r="A17743">
        <v>174.93</v>
      </c>
      <c r="B17743">
        <v>182.26</v>
      </c>
      <c r="C17743">
        <v>7981.8</v>
      </c>
      <c r="D17743">
        <v>3.7</v>
      </c>
      <c r="E17743">
        <v>2999.05</v>
      </c>
      <c r="F17743">
        <v>97.355400000000003</v>
      </c>
    </row>
    <row r="17744" spans="1:6" x14ac:dyDescent="0.25">
      <c r="A17744">
        <v>174.93</v>
      </c>
      <c r="B17744">
        <v>182.26</v>
      </c>
      <c r="C17744">
        <v>7981.8</v>
      </c>
      <c r="D17744">
        <v>4</v>
      </c>
      <c r="E17744">
        <v>2931.47</v>
      </c>
      <c r="F17744">
        <v>99.116399999999999</v>
      </c>
    </row>
    <row r="17745" spans="1:6" x14ac:dyDescent="0.25">
      <c r="A17745">
        <v>174.93</v>
      </c>
      <c r="B17745">
        <v>182.26</v>
      </c>
      <c r="C17745">
        <v>9527.25</v>
      </c>
      <c r="D17745">
        <v>1</v>
      </c>
      <c r="E17745">
        <v>4406.0200000000004</v>
      </c>
      <c r="F17745">
        <v>88.838800000000006</v>
      </c>
    </row>
    <row r="17746" spans="1:6" x14ac:dyDescent="0.25">
      <c r="A17746">
        <v>174.93</v>
      </c>
      <c r="B17746">
        <v>182.26</v>
      </c>
      <c r="C17746">
        <v>9527.25</v>
      </c>
      <c r="D17746">
        <v>1.3</v>
      </c>
      <c r="E17746">
        <v>4014.98</v>
      </c>
      <c r="F17746">
        <v>96.268000000000001</v>
      </c>
    </row>
    <row r="17747" spans="1:6" x14ac:dyDescent="0.25">
      <c r="A17747">
        <v>174.93</v>
      </c>
      <c r="B17747">
        <v>182.26</v>
      </c>
      <c r="C17747">
        <v>9527.25</v>
      </c>
      <c r="D17747">
        <v>1.6</v>
      </c>
      <c r="E17747">
        <v>3674.36</v>
      </c>
      <c r="F17747">
        <v>98.756900000000002</v>
      </c>
    </row>
    <row r="17748" spans="1:6" x14ac:dyDescent="0.25">
      <c r="A17748">
        <v>174.93</v>
      </c>
      <c r="B17748">
        <v>182.26</v>
      </c>
      <c r="C17748">
        <v>9527.25</v>
      </c>
      <c r="D17748">
        <v>1.9</v>
      </c>
      <c r="E17748">
        <v>3534.24</v>
      </c>
      <c r="F17748">
        <v>96.868600000000001</v>
      </c>
    </row>
    <row r="17749" spans="1:6" x14ac:dyDescent="0.25">
      <c r="A17749">
        <v>174.93</v>
      </c>
      <c r="B17749">
        <v>182.26</v>
      </c>
      <c r="C17749">
        <v>9527.25</v>
      </c>
      <c r="D17749">
        <v>2.2000000000000002</v>
      </c>
      <c r="E17749">
        <v>3330.59</v>
      </c>
      <c r="F17749">
        <v>97.177899999999994</v>
      </c>
    </row>
    <row r="17750" spans="1:6" x14ac:dyDescent="0.25">
      <c r="A17750">
        <v>174.93</v>
      </c>
      <c r="B17750">
        <v>182.26</v>
      </c>
      <c r="C17750">
        <v>9527.25</v>
      </c>
      <c r="D17750">
        <v>2.5</v>
      </c>
      <c r="E17750">
        <v>3298.13</v>
      </c>
      <c r="F17750">
        <v>94.965900000000005</v>
      </c>
    </row>
    <row r="17751" spans="1:6" x14ac:dyDescent="0.25">
      <c r="A17751">
        <v>174.93</v>
      </c>
      <c r="B17751">
        <v>182.26</v>
      </c>
      <c r="C17751">
        <v>9527.25</v>
      </c>
      <c r="D17751">
        <v>2.8</v>
      </c>
      <c r="E17751">
        <v>3094.25</v>
      </c>
      <c r="F17751">
        <v>102.986</v>
      </c>
    </row>
    <row r="17752" spans="1:6" x14ac:dyDescent="0.25">
      <c r="A17752">
        <v>174.93</v>
      </c>
      <c r="B17752">
        <v>182.26</v>
      </c>
      <c r="C17752">
        <v>9527.25</v>
      </c>
      <c r="D17752">
        <v>3.1</v>
      </c>
      <c r="E17752">
        <v>3068.3</v>
      </c>
      <c r="F17752">
        <v>98.307100000000005</v>
      </c>
    </row>
    <row r="17753" spans="1:6" x14ac:dyDescent="0.25">
      <c r="A17753">
        <v>174.93</v>
      </c>
      <c r="B17753">
        <v>182.26</v>
      </c>
      <c r="C17753">
        <v>9527.25</v>
      </c>
      <c r="D17753">
        <v>3.4</v>
      </c>
      <c r="E17753">
        <v>2970.39</v>
      </c>
      <c r="F17753">
        <v>99.702100000000002</v>
      </c>
    </row>
    <row r="17754" spans="1:6" x14ac:dyDescent="0.25">
      <c r="A17754">
        <v>174.93</v>
      </c>
      <c r="B17754">
        <v>182.26</v>
      </c>
      <c r="C17754">
        <v>9527.25</v>
      </c>
      <c r="D17754">
        <v>3.7</v>
      </c>
      <c r="E17754">
        <v>2999.05</v>
      </c>
      <c r="F17754">
        <v>97.355400000000003</v>
      </c>
    </row>
    <row r="17755" spans="1:6" x14ac:dyDescent="0.25">
      <c r="A17755">
        <v>174.93</v>
      </c>
      <c r="B17755">
        <v>182.26</v>
      </c>
      <c r="C17755">
        <v>9527.25</v>
      </c>
      <c r="D17755">
        <v>4</v>
      </c>
      <c r="E17755">
        <v>2931.47</v>
      </c>
      <c r="F17755">
        <v>99.116399999999999</v>
      </c>
    </row>
    <row r="17756" spans="1:6" x14ac:dyDescent="0.25">
      <c r="A17756">
        <v>174.93</v>
      </c>
      <c r="B17756">
        <v>182.26</v>
      </c>
      <c r="C17756">
        <v>11072.7</v>
      </c>
      <c r="D17756">
        <v>1</v>
      </c>
      <c r="E17756">
        <v>4406.0200000000004</v>
      </c>
      <c r="F17756">
        <v>88.838800000000006</v>
      </c>
    </row>
    <row r="17757" spans="1:6" x14ac:dyDescent="0.25">
      <c r="A17757">
        <v>174.93</v>
      </c>
      <c r="B17757">
        <v>182.26</v>
      </c>
      <c r="C17757">
        <v>11072.7</v>
      </c>
      <c r="D17757">
        <v>1.3</v>
      </c>
      <c r="E17757">
        <v>4014.98</v>
      </c>
      <c r="F17757">
        <v>96.268000000000001</v>
      </c>
    </row>
    <row r="17758" spans="1:6" x14ac:dyDescent="0.25">
      <c r="A17758">
        <v>174.93</v>
      </c>
      <c r="B17758">
        <v>182.26</v>
      </c>
      <c r="C17758">
        <v>11072.7</v>
      </c>
      <c r="D17758">
        <v>1.6</v>
      </c>
      <c r="E17758">
        <v>3674.36</v>
      </c>
      <c r="F17758">
        <v>98.756900000000002</v>
      </c>
    </row>
    <row r="17759" spans="1:6" x14ac:dyDescent="0.25">
      <c r="A17759">
        <v>174.93</v>
      </c>
      <c r="B17759">
        <v>182.26</v>
      </c>
      <c r="C17759">
        <v>11072.7</v>
      </c>
      <c r="D17759">
        <v>1.9</v>
      </c>
      <c r="E17759">
        <v>3534.24</v>
      </c>
      <c r="F17759">
        <v>96.868600000000001</v>
      </c>
    </row>
    <row r="17760" spans="1:6" x14ac:dyDescent="0.25">
      <c r="A17760">
        <v>174.93</v>
      </c>
      <c r="B17760">
        <v>182.26</v>
      </c>
      <c r="C17760">
        <v>11072.7</v>
      </c>
      <c r="D17760">
        <v>2.2000000000000002</v>
      </c>
      <c r="E17760">
        <v>3330.59</v>
      </c>
      <c r="F17760">
        <v>97.177899999999994</v>
      </c>
    </row>
    <row r="17761" spans="1:6" x14ac:dyDescent="0.25">
      <c r="A17761">
        <v>174.93</v>
      </c>
      <c r="B17761">
        <v>182.26</v>
      </c>
      <c r="C17761">
        <v>11072.7</v>
      </c>
      <c r="D17761">
        <v>2.5</v>
      </c>
      <c r="E17761">
        <v>3298.13</v>
      </c>
      <c r="F17761">
        <v>94.965900000000005</v>
      </c>
    </row>
    <row r="17762" spans="1:6" x14ac:dyDescent="0.25">
      <c r="A17762">
        <v>174.93</v>
      </c>
      <c r="B17762">
        <v>182.26</v>
      </c>
      <c r="C17762">
        <v>11072.7</v>
      </c>
      <c r="D17762">
        <v>2.8</v>
      </c>
      <c r="E17762">
        <v>3094.25</v>
      </c>
      <c r="F17762">
        <v>102.986</v>
      </c>
    </row>
    <row r="17763" spans="1:6" x14ac:dyDescent="0.25">
      <c r="A17763">
        <v>174.93</v>
      </c>
      <c r="B17763">
        <v>182.26</v>
      </c>
      <c r="C17763">
        <v>11072.7</v>
      </c>
      <c r="D17763">
        <v>3.1</v>
      </c>
      <c r="E17763">
        <v>3068.3</v>
      </c>
      <c r="F17763">
        <v>98.307100000000005</v>
      </c>
    </row>
    <row r="17764" spans="1:6" x14ac:dyDescent="0.25">
      <c r="A17764">
        <v>174.93</v>
      </c>
      <c r="B17764">
        <v>182.26</v>
      </c>
      <c r="C17764">
        <v>11072.7</v>
      </c>
      <c r="D17764">
        <v>3.4</v>
      </c>
      <c r="E17764">
        <v>2970.39</v>
      </c>
      <c r="F17764">
        <v>99.702100000000002</v>
      </c>
    </row>
    <row r="17765" spans="1:6" x14ac:dyDescent="0.25">
      <c r="A17765">
        <v>174.93</v>
      </c>
      <c r="B17765">
        <v>182.26</v>
      </c>
      <c r="C17765">
        <v>11072.7</v>
      </c>
      <c r="D17765">
        <v>3.7</v>
      </c>
      <c r="E17765">
        <v>2999.05</v>
      </c>
      <c r="F17765">
        <v>97.355400000000003</v>
      </c>
    </row>
    <row r="17766" spans="1:6" x14ac:dyDescent="0.25">
      <c r="A17766">
        <v>174.93</v>
      </c>
      <c r="B17766">
        <v>182.26</v>
      </c>
      <c r="C17766">
        <v>11072.7</v>
      </c>
      <c r="D17766">
        <v>4</v>
      </c>
      <c r="E17766">
        <v>2931.47</v>
      </c>
      <c r="F17766">
        <v>99.116399999999999</v>
      </c>
    </row>
    <row r="17767" spans="1:6" x14ac:dyDescent="0.25">
      <c r="A17767">
        <v>174.93</v>
      </c>
      <c r="B17767">
        <v>182.26</v>
      </c>
      <c r="C17767">
        <v>12618.2</v>
      </c>
      <c r="D17767">
        <v>1</v>
      </c>
      <c r="E17767">
        <v>4406.0200000000004</v>
      </c>
      <c r="F17767">
        <v>88.838800000000006</v>
      </c>
    </row>
    <row r="17768" spans="1:6" x14ac:dyDescent="0.25">
      <c r="A17768">
        <v>174.93</v>
      </c>
      <c r="B17768">
        <v>182.26</v>
      </c>
      <c r="C17768">
        <v>12618.2</v>
      </c>
      <c r="D17768">
        <v>1.3</v>
      </c>
      <c r="E17768">
        <v>4014.98</v>
      </c>
      <c r="F17768">
        <v>96.268000000000001</v>
      </c>
    </row>
    <row r="17769" spans="1:6" x14ac:dyDescent="0.25">
      <c r="A17769">
        <v>174.93</v>
      </c>
      <c r="B17769">
        <v>182.26</v>
      </c>
      <c r="C17769">
        <v>12618.2</v>
      </c>
      <c r="D17769">
        <v>1.6</v>
      </c>
      <c r="E17769">
        <v>3674.36</v>
      </c>
      <c r="F17769">
        <v>98.756900000000002</v>
      </c>
    </row>
    <row r="17770" spans="1:6" x14ac:dyDescent="0.25">
      <c r="A17770">
        <v>174.93</v>
      </c>
      <c r="B17770">
        <v>182.26</v>
      </c>
      <c r="C17770">
        <v>12618.2</v>
      </c>
      <c r="D17770">
        <v>1.9</v>
      </c>
      <c r="E17770">
        <v>3534.24</v>
      </c>
      <c r="F17770">
        <v>96.868600000000001</v>
      </c>
    </row>
    <row r="17771" spans="1:6" x14ac:dyDescent="0.25">
      <c r="A17771">
        <v>174.93</v>
      </c>
      <c r="B17771">
        <v>182.26</v>
      </c>
      <c r="C17771">
        <v>12618.2</v>
      </c>
      <c r="D17771">
        <v>2.2000000000000002</v>
      </c>
      <c r="E17771">
        <v>3330.59</v>
      </c>
      <c r="F17771">
        <v>97.177899999999994</v>
      </c>
    </row>
    <row r="17772" spans="1:6" x14ac:dyDescent="0.25">
      <c r="A17772">
        <v>174.93</v>
      </c>
      <c r="B17772">
        <v>182.26</v>
      </c>
      <c r="C17772">
        <v>12618.2</v>
      </c>
      <c r="D17772">
        <v>2.5</v>
      </c>
      <c r="E17772">
        <v>3298.13</v>
      </c>
      <c r="F17772">
        <v>94.965900000000005</v>
      </c>
    </row>
    <row r="17773" spans="1:6" x14ac:dyDescent="0.25">
      <c r="A17773">
        <v>174.93</v>
      </c>
      <c r="B17773">
        <v>182.26</v>
      </c>
      <c r="C17773">
        <v>12618.2</v>
      </c>
      <c r="D17773">
        <v>2.8</v>
      </c>
      <c r="E17773">
        <v>3094.25</v>
      </c>
      <c r="F17773">
        <v>102.986</v>
      </c>
    </row>
    <row r="17774" spans="1:6" x14ac:dyDescent="0.25">
      <c r="A17774">
        <v>174.93</v>
      </c>
      <c r="B17774">
        <v>182.26</v>
      </c>
      <c r="C17774">
        <v>12618.2</v>
      </c>
      <c r="D17774">
        <v>3.1</v>
      </c>
      <c r="E17774">
        <v>3068.3</v>
      </c>
      <c r="F17774">
        <v>98.307100000000005</v>
      </c>
    </row>
    <row r="17775" spans="1:6" x14ac:dyDescent="0.25">
      <c r="A17775">
        <v>174.93</v>
      </c>
      <c r="B17775">
        <v>182.26</v>
      </c>
      <c r="C17775">
        <v>12618.2</v>
      </c>
      <c r="D17775">
        <v>3.4</v>
      </c>
      <c r="E17775">
        <v>2970.39</v>
      </c>
      <c r="F17775">
        <v>99.702100000000002</v>
      </c>
    </row>
    <row r="17776" spans="1:6" x14ac:dyDescent="0.25">
      <c r="A17776">
        <v>174.93</v>
      </c>
      <c r="B17776">
        <v>182.26</v>
      </c>
      <c r="C17776">
        <v>12618.2</v>
      </c>
      <c r="D17776">
        <v>3.7</v>
      </c>
      <c r="E17776">
        <v>2999.05</v>
      </c>
      <c r="F17776">
        <v>97.355400000000003</v>
      </c>
    </row>
    <row r="17777" spans="1:6" x14ac:dyDescent="0.25">
      <c r="A17777">
        <v>174.93</v>
      </c>
      <c r="B17777">
        <v>182.26</v>
      </c>
      <c r="C17777">
        <v>12618.2</v>
      </c>
      <c r="D17777">
        <v>4</v>
      </c>
      <c r="E17777">
        <v>2931.47</v>
      </c>
      <c r="F17777">
        <v>99.116399999999999</v>
      </c>
    </row>
    <row r="17778" spans="1:6" x14ac:dyDescent="0.25">
      <c r="A17778">
        <v>174.93</v>
      </c>
      <c r="B17778">
        <v>182.26</v>
      </c>
      <c r="C17778">
        <v>14163.6</v>
      </c>
      <c r="D17778">
        <v>1</v>
      </c>
      <c r="E17778">
        <v>4406.0200000000004</v>
      </c>
      <c r="F17778">
        <v>88.838800000000006</v>
      </c>
    </row>
    <row r="17779" spans="1:6" x14ac:dyDescent="0.25">
      <c r="A17779">
        <v>174.93</v>
      </c>
      <c r="B17779">
        <v>182.26</v>
      </c>
      <c r="C17779">
        <v>14163.6</v>
      </c>
      <c r="D17779">
        <v>1.3</v>
      </c>
      <c r="E17779">
        <v>4014.98</v>
      </c>
      <c r="F17779">
        <v>96.268000000000001</v>
      </c>
    </row>
    <row r="17780" spans="1:6" x14ac:dyDescent="0.25">
      <c r="A17780">
        <v>174.93</v>
      </c>
      <c r="B17780">
        <v>182.26</v>
      </c>
      <c r="C17780">
        <v>14163.6</v>
      </c>
      <c r="D17780">
        <v>1.6</v>
      </c>
      <c r="E17780">
        <v>3674.36</v>
      </c>
      <c r="F17780">
        <v>98.756900000000002</v>
      </c>
    </row>
    <row r="17781" spans="1:6" x14ac:dyDescent="0.25">
      <c r="A17781">
        <v>174.93</v>
      </c>
      <c r="B17781">
        <v>182.26</v>
      </c>
      <c r="C17781">
        <v>14163.6</v>
      </c>
      <c r="D17781">
        <v>1.9</v>
      </c>
      <c r="E17781">
        <v>3534.24</v>
      </c>
      <c r="F17781">
        <v>96.868600000000001</v>
      </c>
    </row>
    <row r="17782" spans="1:6" x14ac:dyDescent="0.25">
      <c r="A17782">
        <v>174.93</v>
      </c>
      <c r="B17782">
        <v>182.26</v>
      </c>
      <c r="C17782">
        <v>14163.6</v>
      </c>
      <c r="D17782">
        <v>2.2000000000000002</v>
      </c>
      <c r="E17782">
        <v>3330.59</v>
      </c>
      <c r="F17782">
        <v>97.177899999999994</v>
      </c>
    </row>
    <row r="17783" spans="1:6" x14ac:dyDescent="0.25">
      <c r="A17783">
        <v>174.93</v>
      </c>
      <c r="B17783">
        <v>182.26</v>
      </c>
      <c r="C17783">
        <v>14163.6</v>
      </c>
      <c r="D17783">
        <v>2.5</v>
      </c>
      <c r="E17783">
        <v>3298.13</v>
      </c>
      <c r="F17783">
        <v>94.965900000000005</v>
      </c>
    </row>
    <row r="17784" spans="1:6" x14ac:dyDescent="0.25">
      <c r="A17784">
        <v>174.93</v>
      </c>
      <c r="B17784">
        <v>182.26</v>
      </c>
      <c r="C17784">
        <v>14163.6</v>
      </c>
      <c r="D17784">
        <v>2.8</v>
      </c>
      <c r="E17784">
        <v>3094.25</v>
      </c>
      <c r="F17784">
        <v>102.986</v>
      </c>
    </row>
    <row r="17785" spans="1:6" x14ac:dyDescent="0.25">
      <c r="A17785">
        <v>174.93</v>
      </c>
      <c r="B17785">
        <v>182.26</v>
      </c>
      <c r="C17785">
        <v>14163.6</v>
      </c>
      <c r="D17785">
        <v>3.1</v>
      </c>
      <c r="E17785">
        <v>3068.3</v>
      </c>
      <c r="F17785">
        <v>98.307100000000005</v>
      </c>
    </row>
    <row r="17786" spans="1:6" x14ac:dyDescent="0.25">
      <c r="A17786">
        <v>174.93</v>
      </c>
      <c r="B17786">
        <v>182.26</v>
      </c>
      <c r="C17786">
        <v>14163.6</v>
      </c>
      <c r="D17786">
        <v>3.4</v>
      </c>
      <c r="E17786">
        <v>2970.39</v>
      </c>
      <c r="F17786">
        <v>99.702100000000002</v>
      </c>
    </row>
    <row r="17787" spans="1:6" x14ac:dyDescent="0.25">
      <c r="A17787">
        <v>174.93</v>
      </c>
      <c r="B17787">
        <v>182.26</v>
      </c>
      <c r="C17787">
        <v>14163.6</v>
      </c>
      <c r="D17787">
        <v>3.7</v>
      </c>
      <c r="E17787">
        <v>2999.05</v>
      </c>
      <c r="F17787">
        <v>97.355400000000003</v>
      </c>
    </row>
    <row r="17788" spans="1:6" x14ac:dyDescent="0.25">
      <c r="A17788">
        <v>174.93</v>
      </c>
      <c r="B17788">
        <v>182.26</v>
      </c>
      <c r="C17788">
        <v>14163.6</v>
      </c>
      <c r="D17788">
        <v>4</v>
      </c>
      <c r="E17788">
        <v>2931.47</v>
      </c>
      <c r="F17788">
        <v>99.116399999999999</v>
      </c>
    </row>
    <row r="17789" spans="1:6" x14ac:dyDescent="0.25">
      <c r="A17789">
        <v>174.93</v>
      </c>
      <c r="B17789">
        <v>182.26</v>
      </c>
      <c r="C17789">
        <v>15709.1</v>
      </c>
      <c r="D17789">
        <v>1</v>
      </c>
      <c r="E17789">
        <v>4406.0200000000004</v>
      </c>
      <c r="F17789">
        <v>88.838800000000006</v>
      </c>
    </row>
    <row r="17790" spans="1:6" x14ac:dyDescent="0.25">
      <c r="A17790">
        <v>174.93</v>
      </c>
      <c r="B17790">
        <v>182.26</v>
      </c>
      <c r="C17790">
        <v>15709.1</v>
      </c>
      <c r="D17790">
        <v>1.3</v>
      </c>
      <c r="E17790">
        <v>4014.98</v>
      </c>
      <c r="F17790">
        <v>96.268000000000001</v>
      </c>
    </row>
    <row r="17791" spans="1:6" x14ac:dyDescent="0.25">
      <c r="A17791">
        <v>174.93</v>
      </c>
      <c r="B17791">
        <v>182.26</v>
      </c>
      <c r="C17791">
        <v>15709.1</v>
      </c>
      <c r="D17791">
        <v>1.6</v>
      </c>
      <c r="E17791">
        <v>3674.36</v>
      </c>
      <c r="F17791">
        <v>98.756900000000002</v>
      </c>
    </row>
    <row r="17792" spans="1:6" x14ac:dyDescent="0.25">
      <c r="A17792">
        <v>174.93</v>
      </c>
      <c r="B17792">
        <v>182.26</v>
      </c>
      <c r="C17792">
        <v>15709.1</v>
      </c>
      <c r="D17792">
        <v>1.9</v>
      </c>
      <c r="E17792">
        <v>3534.24</v>
      </c>
      <c r="F17792">
        <v>96.868600000000001</v>
      </c>
    </row>
    <row r="17793" spans="1:6" x14ac:dyDescent="0.25">
      <c r="A17793">
        <v>174.93</v>
      </c>
      <c r="B17793">
        <v>182.26</v>
      </c>
      <c r="C17793">
        <v>15709.1</v>
      </c>
      <c r="D17793">
        <v>2.2000000000000002</v>
      </c>
      <c r="E17793">
        <v>3330.59</v>
      </c>
      <c r="F17793">
        <v>97.177899999999994</v>
      </c>
    </row>
    <row r="17794" spans="1:6" x14ac:dyDescent="0.25">
      <c r="A17794">
        <v>174.93</v>
      </c>
      <c r="B17794">
        <v>182.26</v>
      </c>
      <c r="C17794">
        <v>15709.1</v>
      </c>
      <c r="D17794">
        <v>2.5</v>
      </c>
      <c r="E17794">
        <v>3298.13</v>
      </c>
      <c r="F17794">
        <v>94.965900000000005</v>
      </c>
    </row>
    <row r="17795" spans="1:6" x14ac:dyDescent="0.25">
      <c r="A17795">
        <v>174.93</v>
      </c>
      <c r="B17795">
        <v>182.26</v>
      </c>
      <c r="C17795">
        <v>15709.1</v>
      </c>
      <c r="D17795">
        <v>2.8</v>
      </c>
      <c r="E17795">
        <v>3094.25</v>
      </c>
      <c r="F17795">
        <v>102.986</v>
      </c>
    </row>
    <row r="17796" spans="1:6" x14ac:dyDescent="0.25">
      <c r="A17796">
        <v>174.93</v>
      </c>
      <c r="B17796">
        <v>182.26</v>
      </c>
      <c r="C17796">
        <v>15709.1</v>
      </c>
      <c r="D17796">
        <v>3.1</v>
      </c>
      <c r="E17796">
        <v>3068.3</v>
      </c>
      <c r="F17796">
        <v>98.307100000000005</v>
      </c>
    </row>
    <row r="17797" spans="1:6" x14ac:dyDescent="0.25">
      <c r="A17797">
        <v>174.93</v>
      </c>
      <c r="B17797">
        <v>182.26</v>
      </c>
      <c r="C17797">
        <v>15709.1</v>
      </c>
      <c r="D17797">
        <v>3.4</v>
      </c>
      <c r="E17797">
        <v>2970.39</v>
      </c>
      <c r="F17797">
        <v>99.702100000000002</v>
      </c>
    </row>
    <row r="17798" spans="1:6" x14ac:dyDescent="0.25">
      <c r="A17798">
        <v>174.93</v>
      </c>
      <c r="B17798">
        <v>182.26</v>
      </c>
      <c r="C17798">
        <v>15709.1</v>
      </c>
      <c r="D17798">
        <v>3.7</v>
      </c>
      <c r="E17798">
        <v>2999.05</v>
      </c>
      <c r="F17798">
        <v>97.355400000000003</v>
      </c>
    </row>
    <row r="17799" spans="1:6" x14ac:dyDescent="0.25">
      <c r="A17799">
        <v>174.93</v>
      </c>
      <c r="B17799">
        <v>182.26</v>
      </c>
      <c r="C17799">
        <v>15709.1</v>
      </c>
      <c r="D17799">
        <v>4</v>
      </c>
      <c r="E17799">
        <v>2931.47</v>
      </c>
      <c r="F17799">
        <v>99.116399999999999</v>
      </c>
    </row>
    <row r="17800" spans="1:6" x14ac:dyDescent="0.25">
      <c r="A17800">
        <v>174.93</v>
      </c>
      <c r="B17800">
        <v>182.26</v>
      </c>
      <c r="C17800">
        <v>17254.5</v>
      </c>
      <c r="D17800">
        <v>1</v>
      </c>
      <c r="E17800">
        <v>4406.0200000000004</v>
      </c>
      <c r="F17800">
        <v>88.838800000000006</v>
      </c>
    </row>
    <row r="17801" spans="1:6" x14ac:dyDescent="0.25">
      <c r="A17801">
        <v>174.93</v>
      </c>
      <c r="B17801">
        <v>182.26</v>
      </c>
      <c r="C17801">
        <v>17254.5</v>
      </c>
      <c r="D17801">
        <v>1.3</v>
      </c>
      <c r="E17801">
        <v>4014.98</v>
      </c>
      <c r="F17801">
        <v>96.268000000000001</v>
      </c>
    </row>
    <row r="17802" spans="1:6" x14ac:dyDescent="0.25">
      <c r="A17802">
        <v>174.93</v>
      </c>
      <c r="B17802">
        <v>182.26</v>
      </c>
      <c r="C17802">
        <v>17254.5</v>
      </c>
      <c r="D17802">
        <v>1.6</v>
      </c>
      <c r="E17802">
        <v>3674.36</v>
      </c>
      <c r="F17802">
        <v>98.756900000000002</v>
      </c>
    </row>
    <row r="17803" spans="1:6" x14ac:dyDescent="0.25">
      <c r="A17803">
        <v>174.93</v>
      </c>
      <c r="B17803">
        <v>182.26</v>
      </c>
      <c r="C17803">
        <v>17254.5</v>
      </c>
      <c r="D17803">
        <v>1.9</v>
      </c>
      <c r="E17803">
        <v>3534.24</v>
      </c>
      <c r="F17803">
        <v>96.868600000000001</v>
      </c>
    </row>
    <row r="17804" spans="1:6" x14ac:dyDescent="0.25">
      <c r="A17804">
        <v>174.93</v>
      </c>
      <c r="B17804">
        <v>182.26</v>
      </c>
      <c r="C17804">
        <v>17254.5</v>
      </c>
      <c r="D17804">
        <v>2.2000000000000002</v>
      </c>
      <c r="E17804">
        <v>3330.59</v>
      </c>
      <c r="F17804">
        <v>97.177899999999994</v>
      </c>
    </row>
    <row r="17805" spans="1:6" x14ac:dyDescent="0.25">
      <c r="A17805">
        <v>174.93</v>
      </c>
      <c r="B17805">
        <v>182.26</v>
      </c>
      <c r="C17805">
        <v>17254.5</v>
      </c>
      <c r="D17805">
        <v>2.5</v>
      </c>
      <c r="E17805">
        <v>3298.13</v>
      </c>
      <c r="F17805">
        <v>94.965900000000005</v>
      </c>
    </row>
    <row r="17806" spans="1:6" x14ac:dyDescent="0.25">
      <c r="A17806">
        <v>174.93</v>
      </c>
      <c r="B17806">
        <v>182.26</v>
      </c>
      <c r="C17806">
        <v>17254.5</v>
      </c>
      <c r="D17806">
        <v>2.8</v>
      </c>
      <c r="E17806">
        <v>3094.25</v>
      </c>
      <c r="F17806">
        <v>102.986</v>
      </c>
    </row>
    <row r="17807" spans="1:6" x14ac:dyDescent="0.25">
      <c r="A17807">
        <v>174.93</v>
      </c>
      <c r="B17807">
        <v>182.26</v>
      </c>
      <c r="C17807">
        <v>17254.5</v>
      </c>
      <c r="D17807">
        <v>3.1</v>
      </c>
      <c r="E17807">
        <v>3068.3</v>
      </c>
      <c r="F17807">
        <v>98.307100000000005</v>
      </c>
    </row>
    <row r="17808" spans="1:6" x14ac:dyDescent="0.25">
      <c r="A17808">
        <v>174.93</v>
      </c>
      <c r="B17808">
        <v>182.26</v>
      </c>
      <c r="C17808">
        <v>17254.5</v>
      </c>
      <c r="D17808">
        <v>3.4</v>
      </c>
      <c r="E17808">
        <v>2970.39</v>
      </c>
      <c r="F17808">
        <v>99.702100000000002</v>
      </c>
    </row>
    <row r="17809" spans="1:6" x14ac:dyDescent="0.25">
      <c r="A17809">
        <v>174.93</v>
      </c>
      <c r="B17809">
        <v>182.26</v>
      </c>
      <c r="C17809">
        <v>17254.5</v>
      </c>
      <c r="D17809">
        <v>3.7</v>
      </c>
      <c r="E17809">
        <v>2999.05</v>
      </c>
      <c r="F17809">
        <v>97.355400000000003</v>
      </c>
    </row>
    <row r="17810" spans="1:6" x14ac:dyDescent="0.25">
      <c r="A17810">
        <v>174.93</v>
      </c>
      <c r="B17810">
        <v>182.26</v>
      </c>
      <c r="C17810">
        <v>17254.5</v>
      </c>
      <c r="D17810">
        <v>4</v>
      </c>
      <c r="E17810">
        <v>2931.47</v>
      </c>
      <c r="F17810">
        <v>99.116399999999999</v>
      </c>
    </row>
    <row r="17811" spans="1:6" x14ac:dyDescent="0.25">
      <c r="A17811">
        <v>174.93</v>
      </c>
      <c r="B17811">
        <v>182.26</v>
      </c>
      <c r="C17811">
        <v>18800</v>
      </c>
      <c r="D17811">
        <v>1</v>
      </c>
      <c r="E17811">
        <v>4406.0200000000004</v>
      </c>
      <c r="F17811">
        <v>88.838800000000006</v>
      </c>
    </row>
    <row r="17812" spans="1:6" x14ac:dyDescent="0.25">
      <c r="A17812">
        <v>174.93</v>
      </c>
      <c r="B17812">
        <v>182.26</v>
      </c>
      <c r="C17812">
        <v>18800</v>
      </c>
      <c r="D17812">
        <v>1.3</v>
      </c>
      <c r="E17812">
        <v>4014.98</v>
      </c>
      <c r="F17812">
        <v>96.268000000000001</v>
      </c>
    </row>
    <row r="17813" spans="1:6" x14ac:dyDescent="0.25">
      <c r="A17813">
        <v>174.93</v>
      </c>
      <c r="B17813">
        <v>182.26</v>
      </c>
      <c r="C17813">
        <v>18800</v>
      </c>
      <c r="D17813">
        <v>1.6</v>
      </c>
      <c r="E17813">
        <v>3674.36</v>
      </c>
      <c r="F17813">
        <v>98.756900000000002</v>
      </c>
    </row>
    <row r="17814" spans="1:6" x14ac:dyDescent="0.25">
      <c r="A17814">
        <v>174.93</v>
      </c>
      <c r="B17814">
        <v>182.26</v>
      </c>
      <c r="C17814">
        <v>18800</v>
      </c>
      <c r="D17814">
        <v>1.9</v>
      </c>
      <c r="E17814">
        <v>3534.24</v>
      </c>
      <c r="F17814">
        <v>96.868600000000001</v>
      </c>
    </row>
    <row r="17815" spans="1:6" x14ac:dyDescent="0.25">
      <c r="A17815">
        <v>174.93</v>
      </c>
      <c r="B17815">
        <v>182.26</v>
      </c>
      <c r="C17815">
        <v>18800</v>
      </c>
      <c r="D17815">
        <v>2.2000000000000002</v>
      </c>
      <c r="E17815">
        <v>3330.59</v>
      </c>
      <c r="F17815">
        <v>97.177899999999994</v>
      </c>
    </row>
    <row r="17816" spans="1:6" x14ac:dyDescent="0.25">
      <c r="A17816">
        <v>174.93</v>
      </c>
      <c r="B17816">
        <v>182.26</v>
      </c>
      <c r="C17816">
        <v>18800</v>
      </c>
      <c r="D17816">
        <v>2.5</v>
      </c>
      <c r="E17816">
        <v>3298.13</v>
      </c>
      <c r="F17816">
        <v>94.965900000000005</v>
      </c>
    </row>
    <row r="17817" spans="1:6" x14ac:dyDescent="0.25">
      <c r="A17817">
        <v>174.93</v>
      </c>
      <c r="B17817">
        <v>182.26</v>
      </c>
      <c r="C17817">
        <v>18800</v>
      </c>
      <c r="D17817">
        <v>2.8</v>
      </c>
      <c r="E17817">
        <v>3094.25</v>
      </c>
      <c r="F17817">
        <v>102.986</v>
      </c>
    </row>
    <row r="17818" spans="1:6" x14ac:dyDescent="0.25">
      <c r="A17818">
        <v>174.93</v>
      </c>
      <c r="B17818">
        <v>182.26</v>
      </c>
      <c r="C17818">
        <v>18800</v>
      </c>
      <c r="D17818">
        <v>3.1</v>
      </c>
      <c r="E17818">
        <v>3068.3</v>
      </c>
      <c r="F17818">
        <v>98.307100000000005</v>
      </c>
    </row>
    <row r="17819" spans="1:6" x14ac:dyDescent="0.25">
      <c r="A17819">
        <v>174.93</v>
      </c>
      <c r="B17819">
        <v>182.26</v>
      </c>
      <c r="C17819">
        <v>18800</v>
      </c>
      <c r="D17819">
        <v>3.4</v>
      </c>
      <c r="E17819">
        <v>2970.39</v>
      </c>
      <c r="F17819">
        <v>99.702100000000002</v>
      </c>
    </row>
    <row r="17820" spans="1:6" x14ac:dyDescent="0.25">
      <c r="A17820">
        <v>174.93</v>
      </c>
      <c r="B17820">
        <v>182.26</v>
      </c>
      <c r="C17820">
        <v>18800</v>
      </c>
      <c r="D17820">
        <v>3.7</v>
      </c>
      <c r="E17820">
        <v>2999.05</v>
      </c>
      <c r="F17820">
        <v>97.355400000000003</v>
      </c>
    </row>
    <row r="17821" spans="1:6" x14ac:dyDescent="0.25">
      <c r="A17821">
        <v>174.93</v>
      </c>
      <c r="B17821">
        <v>182.26</v>
      </c>
      <c r="C17821">
        <v>18800</v>
      </c>
      <c r="D17821">
        <v>4</v>
      </c>
      <c r="E17821">
        <v>2931.47</v>
      </c>
      <c r="F17821">
        <v>99.116399999999999</v>
      </c>
    </row>
    <row r="17822" spans="1:6" x14ac:dyDescent="0.25">
      <c r="A17822">
        <v>174.93</v>
      </c>
      <c r="B17822">
        <v>185.89</v>
      </c>
      <c r="C17822">
        <v>1800</v>
      </c>
      <c r="D17822">
        <v>1</v>
      </c>
      <c r="E17822">
        <v>4406.0200000000004</v>
      </c>
      <c r="F17822">
        <v>88.838800000000006</v>
      </c>
    </row>
    <row r="17823" spans="1:6" x14ac:dyDescent="0.25">
      <c r="A17823">
        <v>174.93</v>
      </c>
      <c r="B17823">
        <v>185.89</v>
      </c>
      <c r="C17823">
        <v>1800</v>
      </c>
      <c r="D17823">
        <v>1.3</v>
      </c>
      <c r="E17823">
        <v>4014.98</v>
      </c>
      <c r="F17823">
        <v>96.268000000000001</v>
      </c>
    </row>
    <row r="17824" spans="1:6" x14ac:dyDescent="0.25">
      <c r="A17824">
        <v>174.93</v>
      </c>
      <c r="B17824">
        <v>185.89</v>
      </c>
      <c r="C17824">
        <v>1800</v>
      </c>
      <c r="D17824">
        <v>1.6</v>
      </c>
      <c r="E17824">
        <v>3674.36</v>
      </c>
      <c r="F17824">
        <v>98.756900000000002</v>
      </c>
    </row>
    <row r="17825" spans="1:6" x14ac:dyDescent="0.25">
      <c r="A17825">
        <v>174.93</v>
      </c>
      <c r="B17825">
        <v>185.89</v>
      </c>
      <c r="C17825">
        <v>1800</v>
      </c>
      <c r="D17825">
        <v>1.9</v>
      </c>
      <c r="E17825">
        <v>3534.24</v>
      </c>
      <c r="F17825">
        <v>96.868600000000001</v>
      </c>
    </row>
    <row r="17826" spans="1:6" x14ac:dyDescent="0.25">
      <c r="A17826">
        <v>174.93</v>
      </c>
      <c r="B17826">
        <v>185.89</v>
      </c>
      <c r="C17826">
        <v>1800</v>
      </c>
      <c r="D17826">
        <v>2.2000000000000002</v>
      </c>
      <c r="E17826">
        <v>3330.59</v>
      </c>
      <c r="F17826">
        <v>97.177899999999994</v>
      </c>
    </row>
    <row r="17827" spans="1:6" x14ac:dyDescent="0.25">
      <c r="A17827">
        <v>174.93</v>
      </c>
      <c r="B17827">
        <v>185.89</v>
      </c>
      <c r="C17827">
        <v>1800</v>
      </c>
      <c r="D17827">
        <v>2.5</v>
      </c>
      <c r="E17827">
        <v>3298.13</v>
      </c>
      <c r="F17827">
        <v>94.965900000000005</v>
      </c>
    </row>
    <row r="17828" spans="1:6" x14ac:dyDescent="0.25">
      <c r="A17828">
        <v>174.93</v>
      </c>
      <c r="B17828">
        <v>185.89</v>
      </c>
      <c r="C17828">
        <v>1800</v>
      </c>
      <c r="D17828">
        <v>2.8</v>
      </c>
      <c r="E17828">
        <v>3094.25</v>
      </c>
      <c r="F17828">
        <v>102.986</v>
      </c>
    </row>
    <row r="17829" spans="1:6" x14ac:dyDescent="0.25">
      <c r="A17829">
        <v>174.93</v>
      </c>
      <c r="B17829">
        <v>185.89</v>
      </c>
      <c r="C17829">
        <v>1800</v>
      </c>
      <c r="D17829">
        <v>3.1</v>
      </c>
      <c r="E17829">
        <v>3068.3</v>
      </c>
      <c r="F17829">
        <v>98.307100000000005</v>
      </c>
    </row>
    <row r="17830" spans="1:6" x14ac:dyDescent="0.25">
      <c r="A17830">
        <v>174.93</v>
      </c>
      <c r="B17830">
        <v>185.89</v>
      </c>
      <c r="C17830">
        <v>1800</v>
      </c>
      <c r="D17830">
        <v>3.4</v>
      </c>
      <c r="E17830">
        <v>2970.39</v>
      </c>
      <c r="F17830">
        <v>99.702100000000002</v>
      </c>
    </row>
    <row r="17831" spans="1:6" x14ac:dyDescent="0.25">
      <c r="A17831">
        <v>174.93</v>
      </c>
      <c r="B17831">
        <v>185.89</v>
      </c>
      <c r="C17831">
        <v>1800</v>
      </c>
      <c r="D17831">
        <v>3.7</v>
      </c>
      <c r="E17831">
        <v>2896.05</v>
      </c>
      <c r="F17831">
        <v>97.355400000000003</v>
      </c>
    </row>
    <row r="17832" spans="1:6" x14ac:dyDescent="0.25">
      <c r="A17832">
        <v>174.93</v>
      </c>
      <c r="B17832">
        <v>185.89</v>
      </c>
      <c r="C17832">
        <v>1800</v>
      </c>
      <c r="D17832">
        <v>4</v>
      </c>
      <c r="E17832">
        <v>2821.66</v>
      </c>
      <c r="F17832">
        <v>99.116399999999999</v>
      </c>
    </row>
    <row r="17833" spans="1:6" x14ac:dyDescent="0.25">
      <c r="A17833">
        <v>174.93</v>
      </c>
      <c r="B17833">
        <v>185.89</v>
      </c>
      <c r="C17833">
        <v>3345.45</v>
      </c>
      <c r="D17833">
        <v>1</v>
      </c>
      <c r="E17833">
        <v>4406.0200000000004</v>
      </c>
      <c r="F17833">
        <v>88.838800000000006</v>
      </c>
    </row>
    <row r="17834" spans="1:6" x14ac:dyDescent="0.25">
      <c r="A17834">
        <v>174.93</v>
      </c>
      <c r="B17834">
        <v>185.89</v>
      </c>
      <c r="C17834">
        <v>3345.45</v>
      </c>
      <c r="D17834">
        <v>1.3</v>
      </c>
      <c r="E17834">
        <v>4014.98</v>
      </c>
      <c r="F17834">
        <v>96.268000000000001</v>
      </c>
    </row>
    <row r="17835" spans="1:6" x14ac:dyDescent="0.25">
      <c r="A17835">
        <v>174.93</v>
      </c>
      <c r="B17835">
        <v>185.89</v>
      </c>
      <c r="C17835">
        <v>3345.45</v>
      </c>
      <c r="D17835">
        <v>1.6</v>
      </c>
      <c r="E17835">
        <v>3674.36</v>
      </c>
      <c r="F17835">
        <v>98.756900000000002</v>
      </c>
    </row>
    <row r="17836" spans="1:6" x14ac:dyDescent="0.25">
      <c r="A17836">
        <v>174.93</v>
      </c>
      <c r="B17836">
        <v>185.89</v>
      </c>
      <c r="C17836">
        <v>3345.45</v>
      </c>
      <c r="D17836">
        <v>1.9</v>
      </c>
      <c r="E17836">
        <v>3534.24</v>
      </c>
      <c r="F17836">
        <v>96.868600000000001</v>
      </c>
    </row>
    <row r="17837" spans="1:6" x14ac:dyDescent="0.25">
      <c r="A17837">
        <v>174.93</v>
      </c>
      <c r="B17837">
        <v>185.89</v>
      </c>
      <c r="C17837">
        <v>3345.45</v>
      </c>
      <c r="D17837">
        <v>2.2000000000000002</v>
      </c>
      <c r="E17837">
        <v>3330.59</v>
      </c>
      <c r="F17837">
        <v>97.177899999999994</v>
      </c>
    </row>
    <row r="17838" spans="1:6" x14ac:dyDescent="0.25">
      <c r="A17838">
        <v>174.93</v>
      </c>
      <c r="B17838">
        <v>185.89</v>
      </c>
      <c r="C17838">
        <v>3345.45</v>
      </c>
      <c r="D17838">
        <v>2.5</v>
      </c>
      <c r="E17838">
        <v>3298.13</v>
      </c>
      <c r="F17838">
        <v>94.965900000000005</v>
      </c>
    </row>
    <row r="17839" spans="1:6" x14ac:dyDescent="0.25">
      <c r="A17839">
        <v>174.93</v>
      </c>
      <c r="B17839">
        <v>185.89</v>
      </c>
      <c r="C17839">
        <v>3345.45</v>
      </c>
      <c r="D17839">
        <v>2.8</v>
      </c>
      <c r="E17839">
        <v>3094.25</v>
      </c>
      <c r="F17839">
        <v>102.986</v>
      </c>
    </row>
    <row r="17840" spans="1:6" x14ac:dyDescent="0.25">
      <c r="A17840">
        <v>174.93</v>
      </c>
      <c r="B17840">
        <v>185.89</v>
      </c>
      <c r="C17840">
        <v>3345.45</v>
      </c>
      <c r="D17840">
        <v>3.1</v>
      </c>
      <c r="E17840">
        <v>3068.3</v>
      </c>
      <c r="F17840">
        <v>98.307100000000005</v>
      </c>
    </row>
    <row r="17841" spans="1:6" x14ac:dyDescent="0.25">
      <c r="A17841">
        <v>174.93</v>
      </c>
      <c r="B17841">
        <v>185.89</v>
      </c>
      <c r="C17841">
        <v>3345.45</v>
      </c>
      <c r="D17841">
        <v>3.4</v>
      </c>
      <c r="E17841">
        <v>2970.39</v>
      </c>
      <c r="F17841">
        <v>99.702100000000002</v>
      </c>
    </row>
    <row r="17842" spans="1:6" x14ac:dyDescent="0.25">
      <c r="A17842">
        <v>174.93</v>
      </c>
      <c r="B17842">
        <v>185.89</v>
      </c>
      <c r="C17842">
        <v>3345.45</v>
      </c>
      <c r="D17842">
        <v>3.7</v>
      </c>
      <c r="E17842">
        <v>2999.05</v>
      </c>
      <c r="F17842">
        <v>97.355400000000003</v>
      </c>
    </row>
    <row r="17843" spans="1:6" x14ac:dyDescent="0.25">
      <c r="A17843">
        <v>174.93</v>
      </c>
      <c r="B17843">
        <v>185.89</v>
      </c>
      <c r="C17843">
        <v>3345.45</v>
      </c>
      <c r="D17843">
        <v>4</v>
      </c>
      <c r="E17843">
        <v>2931.47</v>
      </c>
      <c r="F17843">
        <v>99.116399999999999</v>
      </c>
    </row>
    <row r="17844" spans="1:6" x14ac:dyDescent="0.25">
      <c r="A17844">
        <v>174.93</v>
      </c>
      <c r="B17844">
        <v>185.89</v>
      </c>
      <c r="C17844">
        <v>4890.8999999999996</v>
      </c>
      <c r="D17844">
        <v>1</v>
      </c>
      <c r="E17844">
        <v>4406.0200000000004</v>
      </c>
      <c r="F17844">
        <v>88.838800000000006</v>
      </c>
    </row>
    <row r="17845" spans="1:6" x14ac:dyDescent="0.25">
      <c r="A17845">
        <v>174.93</v>
      </c>
      <c r="B17845">
        <v>185.89</v>
      </c>
      <c r="C17845">
        <v>4890.8999999999996</v>
      </c>
      <c r="D17845">
        <v>1.3</v>
      </c>
      <c r="E17845">
        <v>4014.98</v>
      </c>
      <c r="F17845">
        <v>96.268000000000001</v>
      </c>
    </row>
    <row r="17846" spans="1:6" x14ac:dyDescent="0.25">
      <c r="A17846">
        <v>174.93</v>
      </c>
      <c r="B17846">
        <v>185.89</v>
      </c>
      <c r="C17846">
        <v>4890.8999999999996</v>
      </c>
      <c r="D17846">
        <v>1.6</v>
      </c>
      <c r="E17846">
        <v>3674.36</v>
      </c>
      <c r="F17846">
        <v>98.756900000000002</v>
      </c>
    </row>
    <row r="17847" spans="1:6" x14ac:dyDescent="0.25">
      <c r="A17847">
        <v>174.93</v>
      </c>
      <c r="B17847">
        <v>185.89</v>
      </c>
      <c r="C17847">
        <v>4890.8999999999996</v>
      </c>
      <c r="D17847">
        <v>1.9</v>
      </c>
      <c r="E17847">
        <v>3534.24</v>
      </c>
      <c r="F17847">
        <v>96.868600000000001</v>
      </c>
    </row>
    <row r="17848" spans="1:6" x14ac:dyDescent="0.25">
      <c r="A17848">
        <v>174.93</v>
      </c>
      <c r="B17848">
        <v>185.89</v>
      </c>
      <c r="C17848">
        <v>4890.8999999999996</v>
      </c>
      <c r="D17848">
        <v>2.2000000000000002</v>
      </c>
      <c r="E17848">
        <v>3330.59</v>
      </c>
      <c r="F17848">
        <v>97.177899999999994</v>
      </c>
    </row>
    <row r="17849" spans="1:6" x14ac:dyDescent="0.25">
      <c r="A17849">
        <v>174.93</v>
      </c>
      <c r="B17849">
        <v>185.89</v>
      </c>
      <c r="C17849">
        <v>4890.8999999999996</v>
      </c>
      <c r="D17849">
        <v>2.5</v>
      </c>
      <c r="E17849">
        <v>3298.13</v>
      </c>
      <c r="F17849">
        <v>94.965900000000005</v>
      </c>
    </row>
    <row r="17850" spans="1:6" x14ac:dyDescent="0.25">
      <c r="A17850">
        <v>174.93</v>
      </c>
      <c r="B17850">
        <v>185.89</v>
      </c>
      <c r="C17850">
        <v>4890.8999999999996</v>
      </c>
      <c r="D17850">
        <v>2.8</v>
      </c>
      <c r="E17850">
        <v>3094.25</v>
      </c>
      <c r="F17850">
        <v>102.986</v>
      </c>
    </row>
    <row r="17851" spans="1:6" x14ac:dyDescent="0.25">
      <c r="A17851">
        <v>174.93</v>
      </c>
      <c r="B17851">
        <v>185.89</v>
      </c>
      <c r="C17851">
        <v>4890.8999999999996</v>
      </c>
      <c r="D17851">
        <v>3.1</v>
      </c>
      <c r="E17851">
        <v>3068.3</v>
      </c>
      <c r="F17851">
        <v>98.307100000000005</v>
      </c>
    </row>
    <row r="17852" spans="1:6" x14ac:dyDescent="0.25">
      <c r="A17852">
        <v>174.93</v>
      </c>
      <c r="B17852">
        <v>185.89</v>
      </c>
      <c r="C17852">
        <v>4890.8999999999996</v>
      </c>
      <c r="D17852">
        <v>3.4</v>
      </c>
      <c r="E17852">
        <v>2970.39</v>
      </c>
      <c r="F17852">
        <v>99.702100000000002</v>
      </c>
    </row>
    <row r="17853" spans="1:6" x14ac:dyDescent="0.25">
      <c r="A17853">
        <v>174.93</v>
      </c>
      <c r="B17853">
        <v>185.89</v>
      </c>
      <c r="C17853">
        <v>4890.8999999999996</v>
      </c>
      <c r="D17853">
        <v>3.7</v>
      </c>
      <c r="E17853">
        <v>2999.05</v>
      </c>
      <c r="F17853">
        <v>97.355400000000003</v>
      </c>
    </row>
    <row r="17854" spans="1:6" x14ac:dyDescent="0.25">
      <c r="A17854">
        <v>174.93</v>
      </c>
      <c r="B17854">
        <v>185.89</v>
      </c>
      <c r="C17854">
        <v>4890.8999999999996</v>
      </c>
      <c r="D17854">
        <v>4</v>
      </c>
      <c r="E17854">
        <v>2931.47</v>
      </c>
      <c r="F17854">
        <v>99.116399999999999</v>
      </c>
    </row>
    <row r="17855" spans="1:6" x14ac:dyDescent="0.25">
      <c r="A17855">
        <v>174.93</v>
      </c>
      <c r="B17855">
        <v>185.89</v>
      </c>
      <c r="C17855">
        <v>6436.35</v>
      </c>
      <c r="D17855">
        <v>1</v>
      </c>
      <c r="E17855">
        <v>4406.0200000000004</v>
      </c>
      <c r="F17855">
        <v>88.838800000000006</v>
      </c>
    </row>
    <row r="17856" spans="1:6" x14ac:dyDescent="0.25">
      <c r="A17856">
        <v>174.93</v>
      </c>
      <c r="B17856">
        <v>185.89</v>
      </c>
      <c r="C17856">
        <v>6436.35</v>
      </c>
      <c r="D17856">
        <v>1.3</v>
      </c>
      <c r="E17856">
        <v>4014.98</v>
      </c>
      <c r="F17856">
        <v>96.268000000000001</v>
      </c>
    </row>
    <row r="17857" spans="1:6" x14ac:dyDescent="0.25">
      <c r="A17857">
        <v>174.93</v>
      </c>
      <c r="B17857">
        <v>185.89</v>
      </c>
      <c r="C17857">
        <v>6436.35</v>
      </c>
      <c r="D17857">
        <v>1.6</v>
      </c>
      <c r="E17857">
        <v>3674.36</v>
      </c>
      <c r="F17857">
        <v>98.756900000000002</v>
      </c>
    </row>
    <row r="17858" spans="1:6" x14ac:dyDescent="0.25">
      <c r="A17858">
        <v>174.93</v>
      </c>
      <c r="B17858">
        <v>185.89</v>
      </c>
      <c r="C17858">
        <v>6436.35</v>
      </c>
      <c r="D17858">
        <v>1.9</v>
      </c>
      <c r="E17858">
        <v>3534.24</v>
      </c>
      <c r="F17858">
        <v>96.868600000000001</v>
      </c>
    </row>
    <row r="17859" spans="1:6" x14ac:dyDescent="0.25">
      <c r="A17859">
        <v>174.93</v>
      </c>
      <c r="B17859">
        <v>185.89</v>
      </c>
      <c r="C17859">
        <v>6436.35</v>
      </c>
      <c r="D17859">
        <v>2.2000000000000002</v>
      </c>
      <c r="E17859">
        <v>3330.59</v>
      </c>
      <c r="F17859">
        <v>97.177899999999994</v>
      </c>
    </row>
    <row r="17860" spans="1:6" x14ac:dyDescent="0.25">
      <c r="A17860">
        <v>174.93</v>
      </c>
      <c r="B17860">
        <v>185.89</v>
      </c>
      <c r="C17860">
        <v>6436.35</v>
      </c>
      <c r="D17860">
        <v>2.5</v>
      </c>
      <c r="E17860">
        <v>3298.13</v>
      </c>
      <c r="F17860">
        <v>94.965900000000005</v>
      </c>
    </row>
    <row r="17861" spans="1:6" x14ac:dyDescent="0.25">
      <c r="A17861">
        <v>174.93</v>
      </c>
      <c r="B17861">
        <v>185.89</v>
      </c>
      <c r="C17861">
        <v>6436.35</v>
      </c>
      <c r="D17861">
        <v>2.8</v>
      </c>
      <c r="E17861">
        <v>3094.25</v>
      </c>
      <c r="F17861">
        <v>102.986</v>
      </c>
    </row>
    <row r="17862" spans="1:6" x14ac:dyDescent="0.25">
      <c r="A17862">
        <v>174.93</v>
      </c>
      <c r="B17862">
        <v>185.89</v>
      </c>
      <c r="C17862">
        <v>6436.35</v>
      </c>
      <c r="D17862">
        <v>3.1</v>
      </c>
      <c r="E17862">
        <v>3068.3</v>
      </c>
      <c r="F17862">
        <v>98.307100000000005</v>
      </c>
    </row>
    <row r="17863" spans="1:6" x14ac:dyDescent="0.25">
      <c r="A17863">
        <v>174.93</v>
      </c>
      <c r="B17863">
        <v>185.89</v>
      </c>
      <c r="C17863">
        <v>6436.35</v>
      </c>
      <c r="D17863">
        <v>3.4</v>
      </c>
      <c r="E17863">
        <v>2970.39</v>
      </c>
      <c r="F17863">
        <v>99.702100000000002</v>
      </c>
    </row>
    <row r="17864" spans="1:6" x14ac:dyDescent="0.25">
      <c r="A17864">
        <v>174.93</v>
      </c>
      <c r="B17864">
        <v>185.89</v>
      </c>
      <c r="C17864">
        <v>6436.35</v>
      </c>
      <c r="D17864">
        <v>3.7</v>
      </c>
      <c r="E17864">
        <v>2999.05</v>
      </c>
      <c r="F17864">
        <v>97.355400000000003</v>
      </c>
    </row>
    <row r="17865" spans="1:6" x14ac:dyDescent="0.25">
      <c r="A17865">
        <v>174.93</v>
      </c>
      <c r="B17865">
        <v>185.89</v>
      </c>
      <c r="C17865">
        <v>6436.35</v>
      </c>
      <c r="D17865">
        <v>4</v>
      </c>
      <c r="E17865">
        <v>2931.47</v>
      </c>
      <c r="F17865">
        <v>99.116399999999999</v>
      </c>
    </row>
    <row r="17866" spans="1:6" x14ac:dyDescent="0.25">
      <c r="A17866">
        <v>174.93</v>
      </c>
      <c r="B17866">
        <v>185.89</v>
      </c>
      <c r="C17866">
        <v>7981.8</v>
      </c>
      <c r="D17866">
        <v>1</v>
      </c>
      <c r="E17866">
        <v>4406.0200000000004</v>
      </c>
      <c r="F17866">
        <v>88.838800000000006</v>
      </c>
    </row>
    <row r="17867" spans="1:6" x14ac:dyDescent="0.25">
      <c r="A17867">
        <v>174.93</v>
      </c>
      <c r="B17867">
        <v>185.89</v>
      </c>
      <c r="C17867">
        <v>7981.8</v>
      </c>
      <c r="D17867">
        <v>1.3</v>
      </c>
      <c r="E17867">
        <v>4014.98</v>
      </c>
      <c r="F17867">
        <v>96.268000000000001</v>
      </c>
    </row>
    <row r="17868" spans="1:6" x14ac:dyDescent="0.25">
      <c r="A17868">
        <v>174.93</v>
      </c>
      <c r="B17868">
        <v>185.89</v>
      </c>
      <c r="C17868">
        <v>7981.8</v>
      </c>
      <c r="D17868">
        <v>1.6</v>
      </c>
      <c r="E17868">
        <v>3674.36</v>
      </c>
      <c r="F17868">
        <v>98.756900000000002</v>
      </c>
    </row>
    <row r="17869" spans="1:6" x14ac:dyDescent="0.25">
      <c r="A17869">
        <v>174.93</v>
      </c>
      <c r="B17869">
        <v>185.89</v>
      </c>
      <c r="C17869">
        <v>7981.8</v>
      </c>
      <c r="D17869">
        <v>1.9</v>
      </c>
      <c r="E17869">
        <v>3534.24</v>
      </c>
      <c r="F17869">
        <v>96.868600000000001</v>
      </c>
    </row>
    <row r="17870" spans="1:6" x14ac:dyDescent="0.25">
      <c r="A17870">
        <v>174.93</v>
      </c>
      <c r="B17870">
        <v>185.89</v>
      </c>
      <c r="C17870">
        <v>7981.8</v>
      </c>
      <c r="D17870">
        <v>2.2000000000000002</v>
      </c>
      <c r="E17870">
        <v>3330.59</v>
      </c>
      <c r="F17870">
        <v>97.177899999999994</v>
      </c>
    </row>
    <row r="17871" spans="1:6" x14ac:dyDescent="0.25">
      <c r="A17871">
        <v>174.93</v>
      </c>
      <c r="B17871">
        <v>185.89</v>
      </c>
      <c r="C17871">
        <v>7981.8</v>
      </c>
      <c r="D17871">
        <v>2.5</v>
      </c>
      <c r="E17871">
        <v>3298.13</v>
      </c>
      <c r="F17871">
        <v>94.965900000000005</v>
      </c>
    </row>
    <row r="17872" spans="1:6" x14ac:dyDescent="0.25">
      <c r="A17872">
        <v>174.93</v>
      </c>
      <c r="B17872">
        <v>185.89</v>
      </c>
      <c r="C17872">
        <v>7981.8</v>
      </c>
      <c r="D17872">
        <v>2.8</v>
      </c>
      <c r="E17872">
        <v>3094.25</v>
      </c>
      <c r="F17872">
        <v>102.986</v>
      </c>
    </row>
    <row r="17873" spans="1:6" x14ac:dyDescent="0.25">
      <c r="A17873">
        <v>174.93</v>
      </c>
      <c r="B17873">
        <v>185.89</v>
      </c>
      <c r="C17873">
        <v>7981.8</v>
      </c>
      <c r="D17873">
        <v>3.1</v>
      </c>
      <c r="E17873">
        <v>3068.3</v>
      </c>
      <c r="F17873">
        <v>98.307100000000005</v>
      </c>
    </row>
    <row r="17874" spans="1:6" x14ac:dyDescent="0.25">
      <c r="A17874">
        <v>174.93</v>
      </c>
      <c r="B17874">
        <v>185.89</v>
      </c>
      <c r="C17874">
        <v>7981.8</v>
      </c>
      <c r="D17874">
        <v>3.4</v>
      </c>
      <c r="E17874">
        <v>2970.39</v>
      </c>
      <c r="F17874">
        <v>99.702100000000002</v>
      </c>
    </row>
    <row r="17875" spans="1:6" x14ac:dyDescent="0.25">
      <c r="A17875">
        <v>174.93</v>
      </c>
      <c r="B17875">
        <v>185.89</v>
      </c>
      <c r="C17875">
        <v>7981.8</v>
      </c>
      <c r="D17875">
        <v>3.7</v>
      </c>
      <c r="E17875">
        <v>2999.05</v>
      </c>
      <c r="F17875">
        <v>97.355400000000003</v>
      </c>
    </row>
    <row r="17876" spans="1:6" x14ac:dyDescent="0.25">
      <c r="A17876">
        <v>174.93</v>
      </c>
      <c r="B17876">
        <v>185.89</v>
      </c>
      <c r="C17876">
        <v>7981.8</v>
      </c>
      <c r="D17876">
        <v>4</v>
      </c>
      <c r="E17876">
        <v>2931.47</v>
      </c>
      <c r="F17876">
        <v>99.116399999999999</v>
      </c>
    </row>
    <row r="17877" spans="1:6" x14ac:dyDescent="0.25">
      <c r="A17877">
        <v>174.93</v>
      </c>
      <c r="B17877">
        <v>185.89</v>
      </c>
      <c r="C17877">
        <v>9527.25</v>
      </c>
      <c r="D17877">
        <v>1</v>
      </c>
      <c r="E17877">
        <v>4406.0200000000004</v>
      </c>
      <c r="F17877">
        <v>88.838800000000006</v>
      </c>
    </row>
    <row r="17878" spans="1:6" x14ac:dyDescent="0.25">
      <c r="A17878">
        <v>174.93</v>
      </c>
      <c r="B17878">
        <v>185.89</v>
      </c>
      <c r="C17878">
        <v>9527.25</v>
      </c>
      <c r="D17878">
        <v>1.3</v>
      </c>
      <c r="E17878">
        <v>4014.98</v>
      </c>
      <c r="F17878">
        <v>96.268000000000001</v>
      </c>
    </row>
    <row r="17879" spans="1:6" x14ac:dyDescent="0.25">
      <c r="A17879">
        <v>174.93</v>
      </c>
      <c r="B17879">
        <v>185.89</v>
      </c>
      <c r="C17879">
        <v>9527.25</v>
      </c>
      <c r="D17879">
        <v>1.6</v>
      </c>
      <c r="E17879">
        <v>3674.36</v>
      </c>
      <c r="F17879">
        <v>98.756900000000002</v>
      </c>
    </row>
    <row r="17880" spans="1:6" x14ac:dyDescent="0.25">
      <c r="A17880">
        <v>174.93</v>
      </c>
      <c r="B17880">
        <v>185.89</v>
      </c>
      <c r="C17880">
        <v>9527.25</v>
      </c>
      <c r="D17880">
        <v>1.9</v>
      </c>
      <c r="E17880">
        <v>3534.24</v>
      </c>
      <c r="F17880">
        <v>96.868600000000001</v>
      </c>
    </row>
    <row r="17881" spans="1:6" x14ac:dyDescent="0.25">
      <c r="A17881">
        <v>174.93</v>
      </c>
      <c r="B17881">
        <v>185.89</v>
      </c>
      <c r="C17881">
        <v>9527.25</v>
      </c>
      <c r="D17881">
        <v>2.2000000000000002</v>
      </c>
      <c r="E17881">
        <v>3330.59</v>
      </c>
      <c r="F17881">
        <v>97.177899999999994</v>
      </c>
    </row>
    <row r="17882" spans="1:6" x14ac:dyDescent="0.25">
      <c r="A17882">
        <v>174.93</v>
      </c>
      <c r="B17882">
        <v>185.89</v>
      </c>
      <c r="C17882">
        <v>9527.25</v>
      </c>
      <c r="D17882">
        <v>2.5</v>
      </c>
      <c r="E17882">
        <v>3298.13</v>
      </c>
      <c r="F17882">
        <v>94.965900000000005</v>
      </c>
    </row>
    <row r="17883" spans="1:6" x14ac:dyDescent="0.25">
      <c r="A17883">
        <v>174.93</v>
      </c>
      <c r="B17883">
        <v>185.89</v>
      </c>
      <c r="C17883">
        <v>9527.25</v>
      </c>
      <c r="D17883">
        <v>2.8</v>
      </c>
      <c r="E17883">
        <v>3094.25</v>
      </c>
      <c r="F17883">
        <v>102.986</v>
      </c>
    </row>
    <row r="17884" spans="1:6" x14ac:dyDescent="0.25">
      <c r="A17884">
        <v>174.93</v>
      </c>
      <c r="B17884">
        <v>185.89</v>
      </c>
      <c r="C17884">
        <v>9527.25</v>
      </c>
      <c r="D17884">
        <v>3.1</v>
      </c>
      <c r="E17884">
        <v>3068.3</v>
      </c>
      <c r="F17884">
        <v>98.307100000000005</v>
      </c>
    </row>
    <row r="17885" spans="1:6" x14ac:dyDescent="0.25">
      <c r="A17885">
        <v>174.93</v>
      </c>
      <c r="B17885">
        <v>185.89</v>
      </c>
      <c r="C17885">
        <v>9527.25</v>
      </c>
      <c r="D17885">
        <v>3.4</v>
      </c>
      <c r="E17885">
        <v>2970.39</v>
      </c>
      <c r="F17885">
        <v>99.702100000000002</v>
      </c>
    </row>
    <row r="17886" spans="1:6" x14ac:dyDescent="0.25">
      <c r="A17886">
        <v>174.93</v>
      </c>
      <c r="B17886">
        <v>185.89</v>
      </c>
      <c r="C17886">
        <v>9527.25</v>
      </c>
      <c r="D17886">
        <v>3.7</v>
      </c>
      <c r="E17886">
        <v>2999.05</v>
      </c>
      <c r="F17886">
        <v>97.355400000000003</v>
      </c>
    </row>
    <row r="17887" spans="1:6" x14ac:dyDescent="0.25">
      <c r="A17887">
        <v>174.93</v>
      </c>
      <c r="B17887">
        <v>185.89</v>
      </c>
      <c r="C17887">
        <v>9527.25</v>
      </c>
      <c r="D17887">
        <v>4</v>
      </c>
      <c r="E17887">
        <v>2931.47</v>
      </c>
      <c r="F17887">
        <v>99.116399999999999</v>
      </c>
    </row>
    <row r="17888" spans="1:6" x14ac:dyDescent="0.25">
      <c r="A17888">
        <v>174.93</v>
      </c>
      <c r="B17888">
        <v>185.89</v>
      </c>
      <c r="C17888">
        <v>11072.7</v>
      </c>
      <c r="D17888">
        <v>1</v>
      </c>
      <c r="E17888">
        <v>4406.0200000000004</v>
      </c>
      <c r="F17888">
        <v>88.838800000000006</v>
      </c>
    </row>
    <row r="17889" spans="1:6" x14ac:dyDescent="0.25">
      <c r="A17889">
        <v>174.93</v>
      </c>
      <c r="B17889">
        <v>185.89</v>
      </c>
      <c r="C17889">
        <v>11072.7</v>
      </c>
      <c r="D17889">
        <v>1.3</v>
      </c>
      <c r="E17889">
        <v>4014.98</v>
      </c>
      <c r="F17889">
        <v>96.268000000000001</v>
      </c>
    </row>
    <row r="17890" spans="1:6" x14ac:dyDescent="0.25">
      <c r="A17890">
        <v>174.93</v>
      </c>
      <c r="B17890">
        <v>185.89</v>
      </c>
      <c r="C17890">
        <v>11072.7</v>
      </c>
      <c r="D17890">
        <v>1.6</v>
      </c>
      <c r="E17890">
        <v>3674.36</v>
      </c>
      <c r="F17890">
        <v>98.756900000000002</v>
      </c>
    </row>
    <row r="17891" spans="1:6" x14ac:dyDescent="0.25">
      <c r="A17891">
        <v>174.93</v>
      </c>
      <c r="B17891">
        <v>185.89</v>
      </c>
      <c r="C17891">
        <v>11072.7</v>
      </c>
      <c r="D17891">
        <v>1.9</v>
      </c>
      <c r="E17891">
        <v>3534.24</v>
      </c>
      <c r="F17891">
        <v>96.868600000000001</v>
      </c>
    </row>
    <row r="17892" spans="1:6" x14ac:dyDescent="0.25">
      <c r="A17892">
        <v>174.93</v>
      </c>
      <c r="B17892">
        <v>185.89</v>
      </c>
      <c r="C17892">
        <v>11072.7</v>
      </c>
      <c r="D17892">
        <v>2.2000000000000002</v>
      </c>
      <c r="E17892">
        <v>3330.59</v>
      </c>
      <c r="F17892">
        <v>97.177899999999994</v>
      </c>
    </row>
    <row r="17893" spans="1:6" x14ac:dyDescent="0.25">
      <c r="A17893">
        <v>174.93</v>
      </c>
      <c r="B17893">
        <v>185.89</v>
      </c>
      <c r="C17893">
        <v>11072.7</v>
      </c>
      <c r="D17893">
        <v>2.5</v>
      </c>
      <c r="E17893">
        <v>3298.13</v>
      </c>
      <c r="F17893">
        <v>94.965900000000005</v>
      </c>
    </row>
    <row r="17894" spans="1:6" x14ac:dyDescent="0.25">
      <c r="A17894">
        <v>174.93</v>
      </c>
      <c r="B17894">
        <v>185.89</v>
      </c>
      <c r="C17894">
        <v>11072.7</v>
      </c>
      <c r="D17894">
        <v>2.8</v>
      </c>
      <c r="E17894">
        <v>3094.25</v>
      </c>
      <c r="F17894">
        <v>102.986</v>
      </c>
    </row>
    <row r="17895" spans="1:6" x14ac:dyDescent="0.25">
      <c r="A17895">
        <v>174.93</v>
      </c>
      <c r="B17895">
        <v>185.89</v>
      </c>
      <c r="C17895">
        <v>11072.7</v>
      </c>
      <c r="D17895">
        <v>3.1</v>
      </c>
      <c r="E17895">
        <v>3068.3</v>
      </c>
      <c r="F17895">
        <v>98.307100000000005</v>
      </c>
    </row>
    <row r="17896" spans="1:6" x14ac:dyDescent="0.25">
      <c r="A17896">
        <v>174.93</v>
      </c>
      <c r="B17896">
        <v>185.89</v>
      </c>
      <c r="C17896">
        <v>11072.7</v>
      </c>
      <c r="D17896">
        <v>3.4</v>
      </c>
      <c r="E17896">
        <v>2970.39</v>
      </c>
      <c r="F17896">
        <v>99.702100000000002</v>
      </c>
    </row>
    <row r="17897" spans="1:6" x14ac:dyDescent="0.25">
      <c r="A17897">
        <v>174.93</v>
      </c>
      <c r="B17897">
        <v>185.89</v>
      </c>
      <c r="C17897">
        <v>11072.7</v>
      </c>
      <c r="D17897">
        <v>3.7</v>
      </c>
      <c r="E17897">
        <v>2999.05</v>
      </c>
      <c r="F17897">
        <v>97.355400000000003</v>
      </c>
    </row>
    <row r="17898" spans="1:6" x14ac:dyDescent="0.25">
      <c r="A17898">
        <v>174.93</v>
      </c>
      <c r="B17898">
        <v>185.89</v>
      </c>
      <c r="C17898">
        <v>11072.7</v>
      </c>
      <c r="D17898">
        <v>4</v>
      </c>
      <c r="E17898">
        <v>2931.47</v>
      </c>
      <c r="F17898">
        <v>99.116399999999999</v>
      </c>
    </row>
    <row r="17899" spans="1:6" x14ac:dyDescent="0.25">
      <c r="A17899">
        <v>174.93</v>
      </c>
      <c r="B17899">
        <v>185.89</v>
      </c>
      <c r="C17899">
        <v>12618.2</v>
      </c>
      <c r="D17899">
        <v>1</v>
      </c>
      <c r="E17899">
        <v>4406.0200000000004</v>
      </c>
      <c r="F17899">
        <v>88.838800000000006</v>
      </c>
    </row>
    <row r="17900" spans="1:6" x14ac:dyDescent="0.25">
      <c r="A17900">
        <v>174.93</v>
      </c>
      <c r="B17900">
        <v>185.89</v>
      </c>
      <c r="C17900">
        <v>12618.2</v>
      </c>
      <c r="D17900">
        <v>1.3</v>
      </c>
      <c r="E17900">
        <v>4014.98</v>
      </c>
      <c r="F17900">
        <v>96.268000000000001</v>
      </c>
    </row>
    <row r="17901" spans="1:6" x14ac:dyDescent="0.25">
      <c r="A17901">
        <v>174.93</v>
      </c>
      <c r="B17901">
        <v>185.89</v>
      </c>
      <c r="C17901">
        <v>12618.2</v>
      </c>
      <c r="D17901">
        <v>1.6</v>
      </c>
      <c r="E17901">
        <v>3674.36</v>
      </c>
      <c r="F17901">
        <v>98.756900000000002</v>
      </c>
    </row>
    <row r="17902" spans="1:6" x14ac:dyDescent="0.25">
      <c r="A17902">
        <v>174.93</v>
      </c>
      <c r="B17902">
        <v>185.89</v>
      </c>
      <c r="C17902">
        <v>12618.2</v>
      </c>
      <c r="D17902">
        <v>1.9</v>
      </c>
      <c r="E17902">
        <v>3534.24</v>
      </c>
      <c r="F17902">
        <v>96.868600000000001</v>
      </c>
    </row>
    <row r="17903" spans="1:6" x14ac:dyDescent="0.25">
      <c r="A17903">
        <v>174.93</v>
      </c>
      <c r="B17903">
        <v>185.89</v>
      </c>
      <c r="C17903">
        <v>12618.2</v>
      </c>
      <c r="D17903">
        <v>2.2000000000000002</v>
      </c>
      <c r="E17903">
        <v>3330.59</v>
      </c>
      <c r="F17903">
        <v>97.177899999999994</v>
      </c>
    </row>
    <row r="17904" spans="1:6" x14ac:dyDescent="0.25">
      <c r="A17904">
        <v>174.93</v>
      </c>
      <c r="B17904">
        <v>185.89</v>
      </c>
      <c r="C17904">
        <v>12618.2</v>
      </c>
      <c r="D17904">
        <v>2.5</v>
      </c>
      <c r="E17904">
        <v>3298.13</v>
      </c>
      <c r="F17904">
        <v>94.965900000000005</v>
      </c>
    </row>
    <row r="17905" spans="1:6" x14ac:dyDescent="0.25">
      <c r="A17905">
        <v>174.93</v>
      </c>
      <c r="B17905">
        <v>185.89</v>
      </c>
      <c r="C17905">
        <v>12618.2</v>
      </c>
      <c r="D17905">
        <v>2.8</v>
      </c>
      <c r="E17905">
        <v>3094.25</v>
      </c>
      <c r="F17905">
        <v>102.986</v>
      </c>
    </row>
    <row r="17906" spans="1:6" x14ac:dyDescent="0.25">
      <c r="A17906">
        <v>174.93</v>
      </c>
      <c r="B17906">
        <v>185.89</v>
      </c>
      <c r="C17906">
        <v>12618.2</v>
      </c>
      <c r="D17906">
        <v>3.1</v>
      </c>
      <c r="E17906">
        <v>3068.3</v>
      </c>
      <c r="F17906">
        <v>98.307100000000005</v>
      </c>
    </row>
    <row r="17907" spans="1:6" x14ac:dyDescent="0.25">
      <c r="A17907">
        <v>174.93</v>
      </c>
      <c r="B17907">
        <v>185.89</v>
      </c>
      <c r="C17907">
        <v>12618.2</v>
      </c>
      <c r="D17907">
        <v>3.4</v>
      </c>
      <c r="E17907">
        <v>2970.39</v>
      </c>
      <c r="F17907">
        <v>99.702100000000002</v>
      </c>
    </row>
    <row r="17908" spans="1:6" x14ac:dyDescent="0.25">
      <c r="A17908">
        <v>174.93</v>
      </c>
      <c r="B17908">
        <v>185.89</v>
      </c>
      <c r="C17908">
        <v>12618.2</v>
      </c>
      <c r="D17908">
        <v>3.7</v>
      </c>
      <c r="E17908">
        <v>2999.05</v>
      </c>
      <c r="F17908">
        <v>97.355400000000003</v>
      </c>
    </row>
    <row r="17909" spans="1:6" x14ac:dyDescent="0.25">
      <c r="A17909">
        <v>174.93</v>
      </c>
      <c r="B17909">
        <v>185.89</v>
      </c>
      <c r="C17909">
        <v>12618.2</v>
      </c>
      <c r="D17909">
        <v>4</v>
      </c>
      <c r="E17909">
        <v>2931.47</v>
      </c>
      <c r="F17909">
        <v>99.116399999999999</v>
      </c>
    </row>
    <row r="17910" spans="1:6" x14ac:dyDescent="0.25">
      <c r="A17910">
        <v>174.93</v>
      </c>
      <c r="B17910">
        <v>185.89</v>
      </c>
      <c r="C17910">
        <v>14163.6</v>
      </c>
      <c r="D17910">
        <v>1</v>
      </c>
      <c r="E17910">
        <v>4406.0200000000004</v>
      </c>
      <c r="F17910">
        <v>88.838800000000006</v>
      </c>
    </row>
    <row r="17911" spans="1:6" x14ac:dyDescent="0.25">
      <c r="A17911">
        <v>174.93</v>
      </c>
      <c r="B17911">
        <v>185.89</v>
      </c>
      <c r="C17911">
        <v>14163.6</v>
      </c>
      <c r="D17911">
        <v>1.3</v>
      </c>
      <c r="E17911">
        <v>4014.98</v>
      </c>
      <c r="F17911">
        <v>96.268000000000001</v>
      </c>
    </row>
    <row r="17912" spans="1:6" x14ac:dyDescent="0.25">
      <c r="A17912">
        <v>174.93</v>
      </c>
      <c r="B17912">
        <v>185.89</v>
      </c>
      <c r="C17912">
        <v>14163.6</v>
      </c>
      <c r="D17912">
        <v>1.6</v>
      </c>
      <c r="E17912">
        <v>3674.36</v>
      </c>
      <c r="F17912">
        <v>98.756900000000002</v>
      </c>
    </row>
    <row r="17913" spans="1:6" x14ac:dyDescent="0.25">
      <c r="A17913">
        <v>174.93</v>
      </c>
      <c r="B17913">
        <v>185.89</v>
      </c>
      <c r="C17913">
        <v>14163.6</v>
      </c>
      <c r="D17913">
        <v>1.9</v>
      </c>
      <c r="E17913">
        <v>3534.24</v>
      </c>
      <c r="F17913">
        <v>96.868600000000001</v>
      </c>
    </row>
    <row r="17914" spans="1:6" x14ac:dyDescent="0.25">
      <c r="A17914">
        <v>174.93</v>
      </c>
      <c r="B17914">
        <v>185.89</v>
      </c>
      <c r="C17914">
        <v>14163.6</v>
      </c>
      <c r="D17914">
        <v>2.2000000000000002</v>
      </c>
      <c r="E17914">
        <v>3330.59</v>
      </c>
      <c r="F17914">
        <v>97.177899999999994</v>
      </c>
    </row>
    <row r="17915" spans="1:6" x14ac:dyDescent="0.25">
      <c r="A17915">
        <v>174.93</v>
      </c>
      <c r="B17915">
        <v>185.89</v>
      </c>
      <c r="C17915">
        <v>14163.6</v>
      </c>
      <c r="D17915">
        <v>2.5</v>
      </c>
      <c r="E17915">
        <v>3298.13</v>
      </c>
      <c r="F17915">
        <v>94.965900000000005</v>
      </c>
    </row>
    <row r="17916" spans="1:6" x14ac:dyDescent="0.25">
      <c r="A17916">
        <v>174.93</v>
      </c>
      <c r="B17916">
        <v>185.89</v>
      </c>
      <c r="C17916">
        <v>14163.6</v>
      </c>
      <c r="D17916">
        <v>2.8</v>
      </c>
      <c r="E17916">
        <v>3094.25</v>
      </c>
      <c r="F17916">
        <v>102.986</v>
      </c>
    </row>
    <row r="17917" spans="1:6" x14ac:dyDescent="0.25">
      <c r="A17917">
        <v>174.93</v>
      </c>
      <c r="B17917">
        <v>185.89</v>
      </c>
      <c r="C17917">
        <v>14163.6</v>
      </c>
      <c r="D17917">
        <v>3.1</v>
      </c>
      <c r="E17917">
        <v>3068.3</v>
      </c>
      <c r="F17917">
        <v>98.307100000000005</v>
      </c>
    </row>
    <row r="17918" spans="1:6" x14ac:dyDescent="0.25">
      <c r="A17918">
        <v>174.93</v>
      </c>
      <c r="B17918">
        <v>185.89</v>
      </c>
      <c r="C17918">
        <v>14163.6</v>
      </c>
      <c r="D17918">
        <v>3.4</v>
      </c>
      <c r="E17918">
        <v>2970.39</v>
      </c>
      <c r="F17918">
        <v>99.702100000000002</v>
      </c>
    </row>
    <row r="17919" spans="1:6" x14ac:dyDescent="0.25">
      <c r="A17919">
        <v>174.93</v>
      </c>
      <c r="B17919">
        <v>185.89</v>
      </c>
      <c r="C17919">
        <v>14163.6</v>
      </c>
      <c r="D17919">
        <v>3.7</v>
      </c>
      <c r="E17919">
        <v>2999.05</v>
      </c>
      <c r="F17919">
        <v>97.355400000000003</v>
      </c>
    </row>
    <row r="17920" spans="1:6" x14ac:dyDescent="0.25">
      <c r="A17920">
        <v>174.93</v>
      </c>
      <c r="B17920">
        <v>185.89</v>
      </c>
      <c r="C17920">
        <v>14163.6</v>
      </c>
      <c r="D17920">
        <v>4</v>
      </c>
      <c r="E17920">
        <v>2931.47</v>
      </c>
      <c r="F17920">
        <v>99.116399999999999</v>
      </c>
    </row>
    <row r="17921" spans="1:6" x14ac:dyDescent="0.25">
      <c r="A17921">
        <v>174.93</v>
      </c>
      <c r="B17921">
        <v>185.89</v>
      </c>
      <c r="C17921">
        <v>15709.1</v>
      </c>
      <c r="D17921">
        <v>1</v>
      </c>
      <c r="E17921">
        <v>4406.0200000000004</v>
      </c>
      <c r="F17921">
        <v>88.838800000000006</v>
      </c>
    </row>
    <row r="17922" spans="1:6" x14ac:dyDescent="0.25">
      <c r="A17922">
        <v>174.93</v>
      </c>
      <c r="B17922">
        <v>185.89</v>
      </c>
      <c r="C17922">
        <v>15709.1</v>
      </c>
      <c r="D17922">
        <v>1.3</v>
      </c>
      <c r="E17922">
        <v>4014.98</v>
      </c>
      <c r="F17922">
        <v>96.268000000000001</v>
      </c>
    </row>
    <row r="17923" spans="1:6" x14ac:dyDescent="0.25">
      <c r="A17923">
        <v>174.93</v>
      </c>
      <c r="B17923">
        <v>185.89</v>
      </c>
      <c r="C17923">
        <v>15709.1</v>
      </c>
      <c r="D17923">
        <v>1.6</v>
      </c>
      <c r="E17923">
        <v>3674.36</v>
      </c>
      <c r="F17923">
        <v>98.756900000000002</v>
      </c>
    </row>
    <row r="17924" spans="1:6" x14ac:dyDescent="0.25">
      <c r="A17924">
        <v>174.93</v>
      </c>
      <c r="B17924">
        <v>185.89</v>
      </c>
      <c r="C17924">
        <v>15709.1</v>
      </c>
      <c r="D17924">
        <v>1.9</v>
      </c>
      <c r="E17924">
        <v>3534.24</v>
      </c>
      <c r="F17924">
        <v>96.868600000000001</v>
      </c>
    </row>
    <row r="17925" spans="1:6" x14ac:dyDescent="0.25">
      <c r="A17925">
        <v>174.93</v>
      </c>
      <c r="B17925">
        <v>185.89</v>
      </c>
      <c r="C17925">
        <v>15709.1</v>
      </c>
      <c r="D17925">
        <v>2.2000000000000002</v>
      </c>
      <c r="E17925">
        <v>3330.59</v>
      </c>
      <c r="F17925">
        <v>97.177899999999994</v>
      </c>
    </row>
    <row r="17926" spans="1:6" x14ac:dyDescent="0.25">
      <c r="A17926">
        <v>174.93</v>
      </c>
      <c r="B17926">
        <v>185.89</v>
      </c>
      <c r="C17926">
        <v>15709.1</v>
      </c>
      <c r="D17926">
        <v>2.5</v>
      </c>
      <c r="E17926">
        <v>3298.13</v>
      </c>
      <c r="F17926">
        <v>94.965900000000005</v>
      </c>
    </row>
    <row r="17927" spans="1:6" x14ac:dyDescent="0.25">
      <c r="A17927">
        <v>174.93</v>
      </c>
      <c r="B17927">
        <v>185.89</v>
      </c>
      <c r="C17927">
        <v>15709.1</v>
      </c>
      <c r="D17927">
        <v>2.8</v>
      </c>
      <c r="E17927">
        <v>3094.25</v>
      </c>
      <c r="F17927">
        <v>102.986</v>
      </c>
    </row>
    <row r="17928" spans="1:6" x14ac:dyDescent="0.25">
      <c r="A17928">
        <v>174.93</v>
      </c>
      <c r="B17928">
        <v>185.89</v>
      </c>
      <c r="C17928">
        <v>15709.1</v>
      </c>
      <c r="D17928">
        <v>3.1</v>
      </c>
      <c r="E17928">
        <v>3068.3</v>
      </c>
      <c r="F17928">
        <v>98.307100000000005</v>
      </c>
    </row>
    <row r="17929" spans="1:6" x14ac:dyDescent="0.25">
      <c r="A17929">
        <v>174.93</v>
      </c>
      <c r="B17929">
        <v>185.89</v>
      </c>
      <c r="C17929">
        <v>15709.1</v>
      </c>
      <c r="D17929">
        <v>3.4</v>
      </c>
      <c r="E17929">
        <v>2970.39</v>
      </c>
      <c r="F17929">
        <v>99.702100000000002</v>
      </c>
    </row>
    <row r="17930" spans="1:6" x14ac:dyDescent="0.25">
      <c r="A17930">
        <v>174.93</v>
      </c>
      <c r="B17930">
        <v>185.89</v>
      </c>
      <c r="C17930">
        <v>15709.1</v>
      </c>
      <c r="D17930">
        <v>3.7</v>
      </c>
      <c r="E17930">
        <v>2999.05</v>
      </c>
      <c r="F17930">
        <v>97.355400000000003</v>
      </c>
    </row>
    <row r="17931" spans="1:6" x14ac:dyDescent="0.25">
      <c r="A17931">
        <v>174.93</v>
      </c>
      <c r="B17931">
        <v>185.89</v>
      </c>
      <c r="C17931">
        <v>15709.1</v>
      </c>
      <c r="D17931">
        <v>4</v>
      </c>
      <c r="E17931">
        <v>2931.47</v>
      </c>
      <c r="F17931">
        <v>99.116399999999999</v>
      </c>
    </row>
    <row r="17932" spans="1:6" x14ac:dyDescent="0.25">
      <c r="A17932">
        <v>174.93</v>
      </c>
      <c r="B17932">
        <v>185.89</v>
      </c>
      <c r="C17932">
        <v>17254.5</v>
      </c>
      <c r="D17932">
        <v>1</v>
      </c>
      <c r="E17932">
        <v>4406.0200000000004</v>
      </c>
      <c r="F17932">
        <v>88.838800000000006</v>
      </c>
    </row>
    <row r="17933" spans="1:6" x14ac:dyDescent="0.25">
      <c r="A17933">
        <v>174.93</v>
      </c>
      <c r="B17933">
        <v>185.89</v>
      </c>
      <c r="C17933">
        <v>17254.5</v>
      </c>
      <c r="D17933">
        <v>1.3</v>
      </c>
      <c r="E17933">
        <v>4014.98</v>
      </c>
      <c r="F17933">
        <v>96.268000000000001</v>
      </c>
    </row>
    <row r="17934" spans="1:6" x14ac:dyDescent="0.25">
      <c r="A17934">
        <v>174.93</v>
      </c>
      <c r="B17934">
        <v>185.89</v>
      </c>
      <c r="C17934">
        <v>17254.5</v>
      </c>
      <c r="D17934">
        <v>1.6</v>
      </c>
      <c r="E17934">
        <v>3674.36</v>
      </c>
      <c r="F17934">
        <v>98.756900000000002</v>
      </c>
    </row>
    <row r="17935" spans="1:6" x14ac:dyDescent="0.25">
      <c r="A17935">
        <v>174.93</v>
      </c>
      <c r="B17935">
        <v>185.89</v>
      </c>
      <c r="C17935">
        <v>17254.5</v>
      </c>
      <c r="D17935">
        <v>1.9</v>
      </c>
      <c r="E17935">
        <v>3534.24</v>
      </c>
      <c r="F17935">
        <v>96.868600000000001</v>
      </c>
    </row>
    <row r="17936" spans="1:6" x14ac:dyDescent="0.25">
      <c r="A17936">
        <v>174.93</v>
      </c>
      <c r="B17936">
        <v>185.89</v>
      </c>
      <c r="C17936">
        <v>17254.5</v>
      </c>
      <c r="D17936">
        <v>2.2000000000000002</v>
      </c>
      <c r="E17936">
        <v>3330.59</v>
      </c>
      <c r="F17936">
        <v>97.177899999999994</v>
      </c>
    </row>
    <row r="17937" spans="1:6" x14ac:dyDescent="0.25">
      <c r="A17937">
        <v>174.93</v>
      </c>
      <c r="B17937">
        <v>185.89</v>
      </c>
      <c r="C17937">
        <v>17254.5</v>
      </c>
      <c r="D17937">
        <v>2.5</v>
      </c>
      <c r="E17937">
        <v>3298.13</v>
      </c>
      <c r="F17937">
        <v>94.965900000000005</v>
      </c>
    </row>
    <row r="17938" spans="1:6" x14ac:dyDescent="0.25">
      <c r="A17938">
        <v>174.93</v>
      </c>
      <c r="B17938">
        <v>185.89</v>
      </c>
      <c r="C17938">
        <v>17254.5</v>
      </c>
      <c r="D17938">
        <v>2.8</v>
      </c>
      <c r="E17938">
        <v>3094.25</v>
      </c>
      <c r="F17938">
        <v>102.986</v>
      </c>
    </row>
    <row r="17939" spans="1:6" x14ac:dyDescent="0.25">
      <c r="A17939">
        <v>174.93</v>
      </c>
      <c r="B17939">
        <v>185.89</v>
      </c>
      <c r="C17939">
        <v>17254.5</v>
      </c>
      <c r="D17939">
        <v>3.1</v>
      </c>
      <c r="E17939">
        <v>3068.3</v>
      </c>
      <c r="F17939">
        <v>98.307100000000005</v>
      </c>
    </row>
    <row r="17940" spans="1:6" x14ac:dyDescent="0.25">
      <c r="A17940">
        <v>174.93</v>
      </c>
      <c r="B17940">
        <v>185.89</v>
      </c>
      <c r="C17940">
        <v>17254.5</v>
      </c>
      <c r="D17940">
        <v>3.4</v>
      </c>
      <c r="E17940">
        <v>2970.39</v>
      </c>
      <c r="F17940">
        <v>99.702100000000002</v>
      </c>
    </row>
    <row r="17941" spans="1:6" x14ac:dyDescent="0.25">
      <c r="A17941">
        <v>174.93</v>
      </c>
      <c r="B17941">
        <v>185.89</v>
      </c>
      <c r="C17941">
        <v>17254.5</v>
      </c>
      <c r="D17941">
        <v>3.7</v>
      </c>
      <c r="E17941">
        <v>2999.05</v>
      </c>
      <c r="F17941">
        <v>97.355400000000003</v>
      </c>
    </row>
    <row r="17942" spans="1:6" x14ac:dyDescent="0.25">
      <c r="A17942">
        <v>174.93</v>
      </c>
      <c r="B17942">
        <v>185.89</v>
      </c>
      <c r="C17942">
        <v>17254.5</v>
      </c>
      <c r="D17942">
        <v>4</v>
      </c>
      <c r="E17942">
        <v>2931.47</v>
      </c>
      <c r="F17942">
        <v>99.116399999999999</v>
      </c>
    </row>
    <row r="17943" spans="1:6" x14ac:dyDescent="0.25">
      <c r="A17943">
        <v>174.93</v>
      </c>
      <c r="B17943">
        <v>185.89</v>
      </c>
      <c r="C17943">
        <v>18800</v>
      </c>
      <c r="D17943">
        <v>1</v>
      </c>
      <c r="E17943">
        <v>4406.0200000000004</v>
      </c>
      <c r="F17943">
        <v>88.838800000000006</v>
      </c>
    </row>
    <row r="17944" spans="1:6" x14ac:dyDescent="0.25">
      <c r="A17944">
        <v>174.93</v>
      </c>
      <c r="B17944">
        <v>185.89</v>
      </c>
      <c r="C17944">
        <v>18800</v>
      </c>
      <c r="D17944">
        <v>1.3</v>
      </c>
      <c r="E17944">
        <v>4014.98</v>
      </c>
      <c r="F17944">
        <v>96.268000000000001</v>
      </c>
    </row>
    <row r="17945" spans="1:6" x14ac:dyDescent="0.25">
      <c r="A17945">
        <v>174.93</v>
      </c>
      <c r="B17945">
        <v>185.89</v>
      </c>
      <c r="C17945">
        <v>18800</v>
      </c>
      <c r="D17945">
        <v>1.6</v>
      </c>
      <c r="E17945">
        <v>3674.36</v>
      </c>
      <c r="F17945">
        <v>98.756900000000002</v>
      </c>
    </row>
    <row r="17946" spans="1:6" x14ac:dyDescent="0.25">
      <c r="A17946">
        <v>174.93</v>
      </c>
      <c r="B17946">
        <v>185.89</v>
      </c>
      <c r="C17946">
        <v>18800</v>
      </c>
      <c r="D17946">
        <v>1.9</v>
      </c>
      <c r="E17946">
        <v>3534.24</v>
      </c>
      <c r="F17946">
        <v>96.868600000000001</v>
      </c>
    </row>
    <row r="17947" spans="1:6" x14ac:dyDescent="0.25">
      <c r="A17947">
        <v>174.93</v>
      </c>
      <c r="B17947">
        <v>185.89</v>
      </c>
      <c r="C17947">
        <v>18800</v>
      </c>
      <c r="D17947">
        <v>2.2000000000000002</v>
      </c>
      <c r="E17947">
        <v>3330.59</v>
      </c>
      <c r="F17947">
        <v>97.177899999999994</v>
      </c>
    </row>
    <row r="17948" spans="1:6" x14ac:dyDescent="0.25">
      <c r="A17948">
        <v>174.93</v>
      </c>
      <c r="B17948">
        <v>185.89</v>
      </c>
      <c r="C17948">
        <v>18800</v>
      </c>
      <c r="D17948">
        <v>2.5</v>
      </c>
      <c r="E17948">
        <v>3298.13</v>
      </c>
      <c r="F17948">
        <v>94.965900000000005</v>
      </c>
    </row>
    <row r="17949" spans="1:6" x14ac:dyDescent="0.25">
      <c r="A17949">
        <v>174.93</v>
      </c>
      <c r="B17949">
        <v>185.89</v>
      </c>
      <c r="C17949">
        <v>18800</v>
      </c>
      <c r="D17949">
        <v>2.8</v>
      </c>
      <c r="E17949">
        <v>3094.25</v>
      </c>
      <c r="F17949">
        <v>102.986</v>
      </c>
    </row>
    <row r="17950" spans="1:6" x14ac:dyDescent="0.25">
      <c r="A17950">
        <v>174.93</v>
      </c>
      <c r="B17950">
        <v>185.89</v>
      </c>
      <c r="C17950">
        <v>18800</v>
      </c>
      <c r="D17950">
        <v>3.1</v>
      </c>
      <c r="E17950">
        <v>3068.3</v>
      </c>
      <c r="F17950">
        <v>98.307100000000005</v>
      </c>
    </row>
    <row r="17951" spans="1:6" x14ac:dyDescent="0.25">
      <c r="A17951">
        <v>174.93</v>
      </c>
      <c r="B17951">
        <v>185.89</v>
      </c>
      <c r="C17951">
        <v>18800</v>
      </c>
      <c r="D17951">
        <v>3.4</v>
      </c>
      <c r="E17951">
        <v>2970.39</v>
      </c>
      <c r="F17951">
        <v>99.702100000000002</v>
      </c>
    </row>
    <row r="17952" spans="1:6" x14ac:dyDescent="0.25">
      <c r="A17952">
        <v>174.93</v>
      </c>
      <c r="B17952">
        <v>185.89</v>
      </c>
      <c r="C17952">
        <v>18800</v>
      </c>
      <c r="D17952">
        <v>3.7</v>
      </c>
      <c r="E17952">
        <v>2999.05</v>
      </c>
      <c r="F17952">
        <v>97.355400000000003</v>
      </c>
    </row>
    <row r="17953" spans="1:6" x14ac:dyDescent="0.25">
      <c r="A17953">
        <v>174.93</v>
      </c>
      <c r="B17953">
        <v>185.89</v>
      </c>
      <c r="C17953">
        <v>18800</v>
      </c>
      <c r="D17953">
        <v>4</v>
      </c>
      <c r="E17953">
        <v>2931.47</v>
      </c>
      <c r="F17953">
        <v>99.116399999999999</v>
      </c>
    </row>
    <row r="17954" spans="1:6" x14ac:dyDescent="0.25">
      <c r="A17954">
        <v>174.93</v>
      </c>
      <c r="B17954">
        <v>189.52</v>
      </c>
      <c r="C17954">
        <v>1800</v>
      </c>
      <c r="D17954">
        <v>1</v>
      </c>
      <c r="E17954">
        <v>4406.0200000000004</v>
      </c>
      <c r="F17954">
        <v>88.838800000000006</v>
      </c>
    </row>
    <row r="17955" spans="1:6" x14ac:dyDescent="0.25">
      <c r="A17955">
        <v>174.93</v>
      </c>
      <c r="B17955">
        <v>189.52</v>
      </c>
      <c r="C17955">
        <v>1800</v>
      </c>
      <c r="D17955">
        <v>1.3</v>
      </c>
      <c r="E17955">
        <v>4014.98</v>
      </c>
      <c r="F17955">
        <v>96.268000000000001</v>
      </c>
    </row>
    <row r="17956" spans="1:6" x14ac:dyDescent="0.25">
      <c r="A17956">
        <v>174.93</v>
      </c>
      <c r="B17956">
        <v>189.52</v>
      </c>
      <c r="C17956">
        <v>1800</v>
      </c>
      <c r="D17956">
        <v>1.6</v>
      </c>
      <c r="E17956">
        <v>3674.36</v>
      </c>
      <c r="F17956">
        <v>98.756900000000002</v>
      </c>
    </row>
    <row r="17957" spans="1:6" x14ac:dyDescent="0.25">
      <c r="A17957">
        <v>174.93</v>
      </c>
      <c r="B17957">
        <v>189.52</v>
      </c>
      <c r="C17957">
        <v>1800</v>
      </c>
      <c r="D17957">
        <v>1.9</v>
      </c>
      <c r="E17957">
        <v>3534.24</v>
      </c>
      <c r="F17957">
        <v>96.868600000000001</v>
      </c>
    </row>
    <row r="17958" spans="1:6" x14ac:dyDescent="0.25">
      <c r="A17958">
        <v>174.93</v>
      </c>
      <c r="B17958">
        <v>189.52</v>
      </c>
      <c r="C17958">
        <v>1800</v>
      </c>
      <c r="D17958">
        <v>2.2000000000000002</v>
      </c>
      <c r="E17958">
        <v>3330.59</v>
      </c>
      <c r="F17958">
        <v>97.177899999999994</v>
      </c>
    </row>
    <row r="17959" spans="1:6" x14ac:dyDescent="0.25">
      <c r="A17959">
        <v>174.93</v>
      </c>
      <c r="B17959">
        <v>189.52</v>
      </c>
      <c r="C17959">
        <v>1800</v>
      </c>
      <c r="D17959">
        <v>2.5</v>
      </c>
      <c r="E17959">
        <v>3298.13</v>
      </c>
      <c r="F17959">
        <v>94.965900000000005</v>
      </c>
    </row>
    <row r="17960" spans="1:6" x14ac:dyDescent="0.25">
      <c r="A17960">
        <v>174.93</v>
      </c>
      <c r="B17960">
        <v>189.52</v>
      </c>
      <c r="C17960">
        <v>1800</v>
      </c>
      <c r="D17960">
        <v>2.8</v>
      </c>
      <c r="E17960">
        <v>3094.25</v>
      </c>
      <c r="F17960">
        <v>102.986</v>
      </c>
    </row>
    <row r="17961" spans="1:6" x14ac:dyDescent="0.25">
      <c r="A17961">
        <v>174.93</v>
      </c>
      <c r="B17961">
        <v>189.52</v>
      </c>
      <c r="C17961">
        <v>1800</v>
      </c>
      <c r="D17961">
        <v>3.1</v>
      </c>
      <c r="E17961">
        <v>3068.3</v>
      </c>
      <c r="F17961">
        <v>98.307100000000005</v>
      </c>
    </row>
    <row r="17962" spans="1:6" x14ac:dyDescent="0.25">
      <c r="A17962">
        <v>174.93</v>
      </c>
      <c r="B17962">
        <v>189.52</v>
      </c>
      <c r="C17962">
        <v>1800</v>
      </c>
      <c r="D17962">
        <v>3.4</v>
      </c>
      <c r="E17962">
        <v>2970.39</v>
      </c>
      <c r="F17962">
        <v>99.702100000000002</v>
      </c>
    </row>
    <row r="17963" spans="1:6" x14ac:dyDescent="0.25">
      <c r="A17963">
        <v>174.93</v>
      </c>
      <c r="B17963">
        <v>189.52</v>
      </c>
      <c r="C17963">
        <v>1800</v>
      </c>
      <c r="D17963">
        <v>3.7</v>
      </c>
      <c r="E17963">
        <v>2896.05</v>
      </c>
      <c r="F17963">
        <v>97.355400000000003</v>
      </c>
    </row>
    <row r="17964" spans="1:6" x14ac:dyDescent="0.25">
      <c r="A17964">
        <v>174.93</v>
      </c>
      <c r="B17964">
        <v>189.52</v>
      </c>
      <c r="C17964">
        <v>1800</v>
      </c>
      <c r="D17964">
        <v>4</v>
      </c>
      <c r="E17964">
        <v>2821.66</v>
      </c>
      <c r="F17964">
        <v>99.116399999999999</v>
      </c>
    </row>
    <row r="17965" spans="1:6" x14ac:dyDescent="0.25">
      <c r="A17965">
        <v>174.93</v>
      </c>
      <c r="B17965">
        <v>189.52</v>
      </c>
      <c r="C17965">
        <v>3345.45</v>
      </c>
      <c r="D17965">
        <v>1</v>
      </c>
      <c r="E17965">
        <v>4406.0200000000004</v>
      </c>
      <c r="F17965">
        <v>88.838800000000006</v>
      </c>
    </row>
    <row r="17966" spans="1:6" x14ac:dyDescent="0.25">
      <c r="A17966">
        <v>174.93</v>
      </c>
      <c r="B17966">
        <v>189.52</v>
      </c>
      <c r="C17966">
        <v>3345.45</v>
      </c>
      <c r="D17966">
        <v>1.3</v>
      </c>
      <c r="E17966">
        <v>4014.98</v>
      </c>
      <c r="F17966">
        <v>96.268000000000001</v>
      </c>
    </row>
    <row r="17967" spans="1:6" x14ac:dyDescent="0.25">
      <c r="A17967">
        <v>174.93</v>
      </c>
      <c r="B17967">
        <v>189.52</v>
      </c>
      <c r="C17967">
        <v>3345.45</v>
      </c>
      <c r="D17967">
        <v>1.6</v>
      </c>
      <c r="E17967">
        <v>3674.36</v>
      </c>
      <c r="F17967">
        <v>98.756900000000002</v>
      </c>
    </row>
    <row r="17968" spans="1:6" x14ac:dyDescent="0.25">
      <c r="A17968">
        <v>174.93</v>
      </c>
      <c r="B17968">
        <v>189.52</v>
      </c>
      <c r="C17968">
        <v>3345.45</v>
      </c>
      <c r="D17968">
        <v>1.9</v>
      </c>
      <c r="E17968">
        <v>3534.24</v>
      </c>
      <c r="F17968">
        <v>96.868600000000001</v>
      </c>
    </row>
    <row r="17969" spans="1:6" x14ac:dyDescent="0.25">
      <c r="A17969">
        <v>174.93</v>
      </c>
      <c r="B17969">
        <v>189.52</v>
      </c>
      <c r="C17969">
        <v>3345.45</v>
      </c>
      <c r="D17969">
        <v>2.2000000000000002</v>
      </c>
      <c r="E17969">
        <v>3330.59</v>
      </c>
      <c r="F17969">
        <v>97.177899999999994</v>
      </c>
    </row>
    <row r="17970" spans="1:6" x14ac:dyDescent="0.25">
      <c r="A17970">
        <v>174.93</v>
      </c>
      <c r="B17970">
        <v>189.52</v>
      </c>
      <c r="C17970">
        <v>3345.45</v>
      </c>
      <c r="D17970">
        <v>2.5</v>
      </c>
      <c r="E17970">
        <v>3298.13</v>
      </c>
      <c r="F17970">
        <v>94.965900000000005</v>
      </c>
    </row>
    <row r="17971" spans="1:6" x14ac:dyDescent="0.25">
      <c r="A17971">
        <v>174.93</v>
      </c>
      <c r="B17971">
        <v>189.52</v>
      </c>
      <c r="C17971">
        <v>3345.45</v>
      </c>
      <c r="D17971">
        <v>2.8</v>
      </c>
      <c r="E17971">
        <v>3094.25</v>
      </c>
      <c r="F17971">
        <v>102.986</v>
      </c>
    </row>
    <row r="17972" spans="1:6" x14ac:dyDescent="0.25">
      <c r="A17972">
        <v>174.93</v>
      </c>
      <c r="B17972">
        <v>189.52</v>
      </c>
      <c r="C17972">
        <v>3345.45</v>
      </c>
      <c r="D17972">
        <v>3.1</v>
      </c>
      <c r="E17972">
        <v>3068.3</v>
      </c>
      <c r="F17972">
        <v>98.307100000000005</v>
      </c>
    </row>
    <row r="17973" spans="1:6" x14ac:dyDescent="0.25">
      <c r="A17973">
        <v>174.93</v>
      </c>
      <c r="B17973">
        <v>189.52</v>
      </c>
      <c r="C17973">
        <v>3345.45</v>
      </c>
      <c r="D17973">
        <v>3.4</v>
      </c>
      <c r="E17973">
        <v>2970.39</v>
      </c>
      <c r="F17973">
        <v>99.702100000000002</v>
      </c>
    </row>
    <row r="17974" spans="1:6" x14ac:dyDescent="0.25">
      <c r="A17974">
        <v>174.93</v>
      </c>
      <c r="B17974">
        <v>189.52</v>
      </c>
      <c r="C17974">
        <v>3345.45</v>
      </c>
      <c r="D17974">
        <v>3.7</v>
      </c>
      <c r="E17974">
        <v>2999.05</v>
      </c>
      <c r="F17974">
        <v>97.355400000000003</v>
      </c>
    </row>
    <row r="17975" spans="1:6" x14ac:dyDescent="0.25">
      <c r="A17975">
        <v>174.93</v>
      </c>
      <c r="B17975">
        <v>189.52</v>
      </c>
      <c r="C17975">
        <v>3345.45</v>
      </c>
      <c r="D17975">
        <v>4</v>
      </c>
      <c r="E17975">
        <v>2931.47</v>
      </c>
      <c r="F17975">
        <v>99.116399999999999</v>
      </c>
    </row>
    <row r="17976" spans="1:6" x14ac:dyDescent="0.25">
      <c r="A17976">
        <v>174.93</v>
      </c>
      <c r="B17976">
        <v>189.52</v>
      </c>
      <c r="C17976">
        <v>4890.8999999999996</v>
      </c>
      <c r="D17976">
        <v>1</v>
      </c>
      <c r="E17976">
        <v>4406.0200000000004</v>
      </c>
      <c r="F17976">
        <v>88.838800000000006</v>
      </c>
    </row>
    <row r="17977" spans="1:6" x14ac:dyDescent="0.25">
      <c r="A17977">
        <v>174.93</v>
      </c>
      <c r="B17977">
        <v>189.52</v>
      </c>
      <c r="C17977">
        <v>4890.8999999999996</v>
      </c>
      <c r="D17977">
        <v>1.3</v>
      </c>
      <c r="E17977">
        <v>4014.98</v>
      </c>
      <c r="F17977">
        <v>96.268000000000001</v>
      </c>
    </row>
    <row r="17978" spans="1:6" x14ac:dyDescent="0.25">
      <c r="A17978">
        <v>174.93</v>
      </c>
      <c r="B17978">
        <v>189.52</v>
      </c>
      <c r="C17978">
        <v>4890.8999999999996</v>
      </c>
      <c r="D17978">
        <v>1.6</v>
      </c>
      <c r="E17978">
        <v>3674.36</v>
      </c>
      <c r="F17978">
        <v>98.756900000000002</v>
      </c>
    </row>
    <row r="17979" spans="1:6" x14ac:dyDescent="0.25">
      <c r="A17979">
        <v>174.93</v>
      </c>
      <c r="B17979">
        <v>189.52</v>
      </c>
      <c r="C17979">
        <v>4890.8999999999996</v>
      </c>
      <c r="D17979">
        <v>1.9</v>
      </c>
      <c r="E17979">
        <v>3534.24</v>
      </c>
      <c r="F17979">
        <v>96.868600000000001</v>
      </c>
    </row>
    <row r="17980" spans="1:6" x14ac:dyDescent="0.25">
      <c r="A17980">
        <v>174.93</v>
      </c>
      <c r="B17980">
        <v>189.52</v>
      </c>
      <c r="C17980">
        <v>4890.8999999999996</v>
      </c>
      <c r="D17980">
        <v>2.2000000000000002</v>
      </c>
      <c r="E17980">
        <v>3330.59</v>
      </c>
      <c r="F17980">
        <v>97.177899999999994</v>
      </c>
    </row>
    <row r="17981" spans="1:6" x14ac:dyDescent="0.25">
      <c r="A17981">
        <v>174.93</v>
      </c>
      <c r="B17981">
        <v>189.52</v>
      </c>
      <c r="C17981">
        <v>4890.8999999999996</v>
      </c>
      <c r="D17981">
        <v>2.5</v>
      </c>
      <c r="E17981">
        <v>3298.13</v>
      </c>
      <c r="F17981">
        <v>94.965900000000005</v>
      </c>
    </row>
    <row r="17982" spans="1:6" x14ac:dyDescent="0.25">
      <c r="A17982">
        <v>174.93</v>
      </c>
      <c r="B17982">
        <v>189.52</v>
      </c>
      <c r="C17982">
        <v>4890.8999999999996</v>
      </c>
      <c r="D17982">
        <v>2.8</v>
      </c>
      <c r="E17982">
        <v>3094.25</v>
      </c>
      <c r="F17982">
        <v>102.986</v>
      </c>
    </row>
    <row r="17983" spans="1:6" x14ac:dyDescent="0.25">
      <c r="A17983">
        <v>174.93</v>
      </c>
      <c r="B17983">
        <v>189.52</v>
      </c>
      <c r="C17983">
        <v>4890.8999999999996</v>
      </c>
      <c r="D17983">
        <v>3.1</v>
      </c>
      <c r="E17983">
        <v>3068.3</v>
      </c>
      <c r="F17983">
        <v>98.307100000000005</v>
      </c>
    </row>
    <row r="17984" spans="1:6" x14ac:dyDescent="0.25">
      <c r="A17984">
        <v>174.93</v>
      </c>
      <c r="B17984">
        <v>189.52</v>
      </c>
      <c r="C17984">
        <v>4890.8999999999996</v>
      </c>
      <c r="D17984">
        <v>3.4</v>
      </c>
      <c r="E17984">
        <v>2970.39</v>
      </c>
      <c r="F17984">
        <v>99.702100000000002</v>
      </c>
    </row>
    <row r="17985" spans="1:6" x14ac:dyDescent="0.25">
      <c r="A17985">
        <v>174.93</v>
      </c>
      <c r="B17985">
        <v>189.52</v>
      </c>
      <c r="C17985">
        <v>4890.8999999999996</v>
      </c>
      <c r="D17985">
        <v>3.7</v>
      </c>
      <c r="E17985">
        <v>2999.05</v>
      </c>
      <c r="F17985">
        <v>97.355400000000003</v>
      </c>
    </row>
    <row r="17986" spans="1:6" x14ac:dyDescent="0.25">
      <c r="A17986">
        <v>174.93</v>
      </c>
      <c r="B17986">
        <v>189.52</v>
      </c>
      <c r="C17986">
        <v>4890.8999999999996</v>
      </c>
      <c r="D17986">
        <v>4</v>
      </c>
      <c r="E17986">
        <v>2931.47</v>
      </c>
      <c r="F17986">
        <v>99.116399999999999</v>
      </c>
    </row>
    <row r="17987" spans="1:6" x14ac:dyDescent="0.25">
      <c r="A17987">
        <v>174.93</v>
      </c>
      <c r="B17987">
        <v>189.52</v>
      </c>
      <c r="C17987">
        <v>6436.35</v>
      </c>
      <c r="D17987">
        <v>1</v>
      </c>
      <c r="E17987">
        <v>4406.0200000000004</v>
      </c>
      <c r="F17987">
        <v>88.838800000000006</v>
      </c>
    </row>
    <row r="17988" spans="1:6" x14ac:dyDescent="0.25">
      <c r="A17988">
        <v>174.93</v>
      </c>
      <c r="B17988">
        <v>189.52</v>
      </c>
      <c r="C17988">
        <v>6436.35</v>
      </c>
      <c r="D17988">
        <v>1.3</v>
      </c>
      <c r="E17988">
        <v>4014.98</v>
      </c>
      <c r="F17988">
        <v>96.268000000000001</v>
      </c>
    </row>
    <row r="17989" spans="1:6" x14ac:dyDescent="0.25">
      <c r="A17989">
        <v>174.93</v>
      </c>
      <c r="B17989">
        <v>189.52</v>
      </c>
      <c r="C17989">
        <v>6436.35</v>
      </c>
      <c r="D17989">
        <v>1.6</v>
      </c>
      <c r="E17989">
        <v>3674.36</v>
      </c>
      <c r="F17989">
        <v>98.756900000000002</v>
      </c>
    </row>
    <row r="17990" spans="1:6" x14ac:dyDescent="0.25">
      <c r="A17990">
        <v>174.93</v>
      </c>
      <c r="B17990">
        <v>189.52</v>
      </c>
      <c r="C17990">
        <v>6436.35</v>
      </c>
      <c r="D17990">
        <v>1.9</v>
      </c>
      <c r="E17990">
        <v>3534.24</v>
      </c>
      <c r="F17990">
        <v>96.868600000000001</v>
      </c>
    </row>
    <row r="17991" spans="1:6" x14ac:dyDescent="0.25">
      <c r="A17991">
        <v>174.93</v>
      </c>
      <c r="B17991">
        <v>189.52</v>
      </c>
      <c r="C17991">
        <v>6436.35</v>
      </c>
      <c r="D17991">
        <v>2.2000000000000002</v>
      </c>
      <c r="E17991">
        <v>3330.59</v>
      </c>
      <c r="F17991">
        <v>97.177899999999994</v>
      </c>
    </row>
    <row r="17992" spans="1:6" x14ac:dyDescent="0.25">
      <c r="A17992">
        <v>174.93</v>
      </c>
      <c r="B17992">
        <v>189.52</v>
      </c>
      <c r="C17992">
        <v>6436.35</v>
      </c>
      <c r="D17992">
        <v>2.5</v>
      </c>
      <c r="E17992">
        <v>3298.13</v>
      </c>
      <c r="F17992">
        <v>94.965900000000005</v>
      </c>
    </row>
    <row r="17993" spans="1:6" x14ac:dyDescent="0.25">
      <c r="A17993">
        <v>174.93</v>
      </c>
      <c r="B17993">
        <v>189.52</v>
      </c>
      <c r="C17993">
        <v>6436.35</v>
      </c>
      <c r="D17993">
        <v>2.8</v>
      </c>
      <c r="E17993">
        <v>3094.25</v>
      </c>
      <c r="F17993">
        <v>102.986</v>
      </c>
    </row>
    <row r="17994" spans="1:6" x14ac:dyDescent="0.25">
      <c r="A17994">
        <v>174.93</v>
      </c>
      <c r="B17994">
        <v>189.52</v>
      </c>
      <c r="C17994">
        <v>6436.35</v>
      </c>
      <c r="D17994">
        <v>3.1</v>
      </c>
      <c r="E17994">
        <v>3068.3</v>
      </c>
      <c r="F17994">
        <v>98.307100000000005</v>
      </c>
    </row>
    <row r="17995" spans="1:6" x14ac:dyDescent="0.25">
      <c r="A17995">
        <v>174.93</v>
      </c>
      <c r="B17995">
        <v>189.52</v>
      </c>
      <c r="C17995">
        <v>6436.35</v>
      </c>
      <c r="D17995">
        <v>3.4</v>
      </c>
      <c r="E17995">
        <v>2970.39</v>
      </c>
      <c r="F17995">
        <v>99.702100000000002</v>
      </c>
    </row>
    <row r="17996" spans="1:6" x14ac:dyDescent="0.25">
      <c r="A17996">
        <v>174.93</v>
      </c>
      <c r="B17996">
        <v>189.52</v>
      </c>
      <c r="C17996">
        <v>6436.35</v>
      </c>
      <c r="D17996">
        <v>3.7</v>
      </c>
      <c r="E17996">
        <v>2999.05</v>
      </c>
      <c r="F17996">
        <v>97.355400000000003</v>
      </c>
    </row>
    <row r="17997" spans="1:6" x14ac:dyDescent="0.25">
      <c r="A17997">
        <v>174.93</v>
      </c>
      <c r="B17997">
        <v>189.52</v>
      </c>
      <c r="C17997">
        <v>6436.35</v>
      </c>
      <c r="D17997">
        <v>4</v>
      </c>
      <c r="E17997">
        <v>2931.47</v>
      </c>
      <c r="F17997">
        <v>99.116399999999999</v>
      </c>
    </row>
    <row r="17998" spans="1:6" x14ac:dyDescent="0.25">
      <c r="A17998">
        <v>174.93</v>
      </c>
      <c r="B17998">
        <v>189.52</v>
      </c>
      <c r="C17998">
        <v>7981.8</v>
      </c>
      <c r="D17998">
        <v>1</v>
      </c>
      <c r="E17998">
        <v>4406.0200000000004</v>
      </c>
      <c r="F17998">
        <v>88.838800000000006</v>
      </c>
    </row>
    <row r="17999" spans="1:6" x14ac:dyDescent="0.25">
      <c r="A17999">
        <v>174.93</v>
      </c>
      <c r="B17999">
        <v>189.52</v>
      </c>
      <c r="C17999">
        <v>7981.8</v>
      </c>
      <c r="D17999">
        <v>1.3</v>
      </c>
      <c r="E17999">
        <v>4014.98</v>
      </c>
      <c r="F17999">
        <v>96.268000000000001</v>
      </c>
    </row>
    <row r="18000" spans="1:6" x14ac:dyDescent="0.25">
      <c r="A18000">
        <v>174.93</v>
      </c>
      <c r="B18000">
        <v>189.52</v>
      </c>
      <c r="C18000">
        <v>7981.8</v>
      </c>
      <c r="D18000">
        <v>1.6</v>
      </c>
      <c r="E18000">
        <v>3674.36</v>
      </c>
      <c r="F18000">
        <v>98.756900000000002</v>
      </c>
    </row>
    <row r="18001" spans="1:6" x14ac:dyDescent="0.25">
      <c r="A18001">
        <v>174.93</v>
      </c>
      <c r="B18001">
        <v>189.52</v>
      </c>
      <c r="C18001">
        <v>7981.8</v>
      </c>
      <c r="D18001">
        <v>1.9</v>
      </c>
      <c r="E18001">
        <v>3534.24</v>
      </c>
      <c r="F18001">
        <v>96.868600000000001</v>
      </c>
    </row>
    <row r="18002" spans="1:6" x14ac:dyDescent="0.25">
      <c r="A18002">
        <v>174.93</v>
      </c>
      <c r="B18002">
        <v>189.52</v>
      </c>
      <c r="C18002">
        <v>7981.8</v>
      </c>
      <c r="D18002">
        <v>2.2000000000000002</v>
      </c>
      <c r="E18002">
        <v>3330.59</v>
      </c>
      <c r="F18002">
        <v>97.177899999999994</v>
      </c>
    </row>
    <row r="18003" spans="1:6" x14ac:dyDescent="0.25">
      <c r="A18003">
        <v>174.93</v>
      </c>
      <c r="B18003">
        <v>189.52</v>
      </c>
      <c r="C18003">
        <v>7981.8</v>
      </c>
      <c r="D18003">
        <v>2.5</v>
      </c>
      <c r="E18003">
        <v>3298.13</v>
      </c>
      <c r="F18003">
        <v>94.965900000000005</v>
      </c>
    </row>
    <row r="18004" spans="1:6" x14ac:dyDescent="0.25">
      <c r="A18004">
        <v>174.93</v>
      </c>
      <c r="B18004">
        <v>189.52</v>
      </c>
      <c r="C18004">
        <v>7981.8</v>
      </c>
      <c r="D18004">
        <v>2.8</v>
      </c>
      <c r="E18004">
        <v>3094.25</v>
      </c>
      <c r="F18004">
        <v>102.986</v>
      </c>
    </row>
    <row r="18005" spans="1:6" x14ac:dyDescent="0.25">
      <c r="A18005">
        <v>174.93</v>
      </c>
      <c r="B18005">
        <v>189.52</v>
      </c>
      <c r="C18005">
        <v>7981.8</v>
      </c>
      <c r="D18005">
        <v>3.1</v>
      </c>
      <c r="E18005">
        <v>3068.3</v>
      </c>
      <c r="F18005">
        <v>98.307100000000005</v>
      </c>
    </row>
    <row r="18006" spans="1:6" x14ac:dyDescent="0.25">
      <c r="A18006">
        <v>174.93</v>
      </c>
      <c r="B18006">
        <v>189.52</v>
      </c>
      <c r="C18006">
        <v>7981.8</v>
      </c>
      <c r="D18006">
        <v>3.4</v>
      </c>
      <c r="E18006">
        <v>2970.39</v>
      </c>
      <c r="F18006">
        <v>99.702100000000002</v>
      </c>
    </row>
    <row r="18007" spans="1:6" x14ac:dyDescent="0.25">
      <c r="A18007">
        <v>174.93</v>
      </c>
      <c r="B18007">
        <v>189.52</v>
      </c>
      <c r="C18007">
        <v>7981.8</v>
      </c>
      <c r="D18007">
        <v>3.7</v>
      </c>
      <c r="E18007">
        <v>2999.05</v>
      </c>
      <c r="F18007">
        <v>97.355400000000003</v>
      </c>
    </row>
    <row r="18008" spans="1:6" x14ac:dyDescent="0.25">
      <c r="A18008">
        <v>174.93</v>
      </c>
      <c r="B18008">
        <v>189.52</v>
      </c>
      <c r="C18008">
        <v>7981.8</v>
      </c>
      <c r="D18008">
        <v>4</v>
      </c>
      <c r="E18008">
        <v>2931.47</v>
      </c>
      <c r="F18008">
        <v>99.116399999999999</v>
      </c>
    </row>
    <row r="18009" spans="1:6" x14ac:dyDescent="0.25">
      <c r="A18009">
        <v>174.93</v>
      </c>
      <c r="B18009">
        <v>189.52</v>
      </c>
      <c r="C18009">
        <v>9527.25</v>
      </c>
      <c r="D18009">
        <v>1</v>
      </c>
      <c r="E18009">
        <v>4406.0200000000004</v>
      </c>
      <c r="F18009">
        <v>88.838800000000006</v>
      </c>
    </row>
    <row r="18010" spans="1:6" x14ac:dyDescent="0.25">
      <c r="A18010">
        <v>174.93</v>
      </c>
      <c r="B18010">
        <v>189.52</v>
      </c>
      <c r="C18010">
        <v>9527.25</v>
      </c>
      <c r="D18010">
        <v>1.3</v>
      </c>
      <c r="E18010">
        <v>4014.98</v>
      </c>
      <c r="F18010">
        <v>96.268000000000001</v>
      </c>
    </row>
    <row r="18011" spans="1:6" x14ac:dyDescent="0.25">
      <c r="A18011">
        <v>174.93</v>
      </c>
      <c r="B18011">
        <v>189.52</v>
      </c>
      <c r="C18011">
        <v>9527.25</v>
      </c>
      <c r="D18011">
        <v>1.6</v>
      </c>
      <c r="E18011">
        <v>3674.36</v>
      </c>
      <c r="F18011">
        <v>98.756900000000002</v>
      </c>
    </row>
    <row r="18012" spans="1:6" x14ac:dyDescent="0.25">
      <c r="A18012">
        <v>174.93</v>
      </c>
      <c r="B18012">
        <v>189.52</v>
      </c>
      <c r="C18012">
        <v>9527.25</v>
      </c>
      <c r="D18012">
        <v>1.9</v>
      </c>
      <c r="E18012">
        <v>3534.24</v>
      </c>
      <c r="F18012">
        <v>96.868600000000001</v>
      </c>
    </row>
    <row r="18013" spans="1:6" x14ac:dyDescent="0.25">
      <c r="A18013">
        <v>174.93</v>
      </c>
      <c r="B18013">
        <v>189.52</v>
      </c>
      <c r="C18013">
        <v>9527.25</v>
      </c>
      <c r="D18013">
        <v>2.2000000000000002</v>
      </c>
      <c r="E18013">
        <v>3330.59</v>
      </c>
      <c r="F18013">
        <v>97.177899999999994</v>
      </c>
    </row>
    <row r="18014" spans="1:6" x14ac:dyDescent="0.25">
      <c r="A18014">
        <v>174.93</v>
      </c>
      <c r="B18014">
        <v>189.52</v>
      </c>
      <c r="C18014">
        <v>9527.25</v>
      </c>
      <c r="D18014">
        <v>2.5</v>
      </c>
      <c r="E18014">
        <v>3298.13</v>
      </c>
      <c r="F18014">
        <v>94.965900000000005</v>
      </c>
    </row>
    <row r="18015" spans="1:6" x14ac:dyDescent="0.25">
      <c r="A18015">
        <v>174.93</v>
      </c>
      <c r="B18015">
        <v>189.52</v>
      </c>
      <c r="C18015">
        <v>9527.25</v>
      </c>
      <c r="D18015">
        <v>2.8</v>
      </c>
      <c r="E18015">
        <v>3094.25</v>
      </c>
      <c r="F18015">
        <v>102.986</v>
      </c>
    </row>
    <row r="18016" spans="1:6" x14ac:dyDescent="0.25">
      <c r="A18016">
        <v>174.93</v>
      </c>
      <c r="B18016">
        <v>189.52</v>
      </c>
      <c r="C18016">
        <v>9527.25</v>
      </c>
      <c r="D18016">
        <v>3.1</v>
      </c>
      <c r="E18016">
        <v>3068.3</v>
      </c>
      <c r="F18016">
        <v>98.307100000000005</v>
      </c>
    </row>
    <row r="18017" spans="1:6" x14ac:dyDescent="0.25">
      <c r="A18017">
        <v>174.93</v>
      </c>
      <c r="B18017">
        <v>189.52</v>
      </c>
      <c r="C18017">
        <v>9527.25</v>
      </c>
      <c r="D18017">
        <v>3.4</v>
      </c>
      <c r="E18017">
        <v>2970.39</v>
      </c>
      <c r="F18017">
        <v>99.702100000000002</v>
      </c>
    </row>
    <row r="18018" spans="1:6" x14ac:dyDescent="0.25">
      <c r="A18018">
        <v>174.93</v>
      </c>
      <c r="B18018">
        <v>189.52</v>
      </c>
      <c r="C18018">
        <v>9527.25</v>
      </c>
      <c r="D18018">
        <v>3.7</v>
      </c>
      <c r="E18018">
        <v>2999.05</v>
      </c>
      <c r="F18018">
        <v>97.355400000000003</v>
      </c>
    </row>
    <row r="18019" spans="1:6" x14ac:dyDescent="0.25">
      <c r="A18019">
        <v>174.93</v>
      </c>
      <c r="B18019">
        <v>189.52</v>
      </c>
      <c r="C18019">
        <v>9527.25</v>
      </c>
      <c r="D18019">
        <v>4</v>
      </c>
      <c r="E18019">
        <v>2931.47</v>
      </c>
      <c r="F18019">
        <v>99.116399999999999</v>
      </c>
    </row>
    <row r="18020" spans="1:6" x14ac:dyDescent="0.25">
      <c r="A18020">
        <v>174.93</v>
      </c>
      <c r="B18020">
        <v>189.52</v>
      </c>
      <c r="C18020">
        <v>11072.7</v>
      </c>
      <c r="D18020">
        <v>1</v>
      </c>
      <c r="E18020">
        <v>4406.0200000000004</v>
      </c>
      <c r="F18020">
        <v>88.838800000000006</v>
      </c>
    </row>
    <row r="18021" spans="1:6" x14ac:dyDescent="0.25">
      <c r="A18021">
        <v>174.93</v>
      </c>
      <c r="B18021">
        <v>189.52</v>
      </c>
      <c r="C18021">
        <v>11072.7</v>
      </c>
      <c r="D18021">
        <v>1.3</v>
      </c>
      <c r="E18021">
        <v>4014.98</v>
      </c>
      <c r="F18021">
        <v>96.268000000000001</v>
      </c>
    </row>
    <row r="18022" spans="1:6" x14ac:dyDescent="0.25">
      <c r="A18022">
        <v>174.93</v>
      </c>
      <c r="B18022">
        <v>189.52</v>
      </c>
      <c r="C18022">
        <v>11072.7</v>
      </c>
      <c r="D18022">
        <v>1.6</v>
      </c>
      <c r="E18022">
        <v>3674.36</v>
      </c>
      <c r="F18022">
        <v>98.756900000000002</v>
      </c>
    </row>
    <row r="18023" spans="1:6" x14ac:dyDescent="0.25">
      <c r="A18023">
        <v>174.93</v>
      </c>
      <c r="B18023">
        <v>189.52</v>
      </c>
      <c r="C18023">
        <v>11072.7</v>
      </c>
      <c r="D18023">
        <v>1.9</v>
      </c>
      <c r="E18023">
        <v>3534.24</v>
      </c>
      <c r="F18023">
        <v>96.868600000000001</v>
      </c>
    </row>
    <row r="18024" spans="1:6" x14ac:dyDescent="0.25">
      <c r="A18024">
        <v>174.93</v>
      </c>
      <c r="B18024">
        <v>189.52</v>
      </c>
      <c r="C18024">
        <v>11072.7</v>
      </c>
      <c r="D18024">
        <v>2.2000000000000002</v>
      </c>
      <c r="E18024">
        <v>3330.59</v>
      </c>
      <c r="F18024">
        <v>97.177899999999994</v>
      </c>
    </row>
    <row r="18025" spans="1:6" x14ac:dyDescent="0.25">
      <c r="A18025">
        <v>174.93</v>
      </c>
      <c r="B18025">
        <v>189.52</v>
      </c>
      <c r="C18025">
        <v>11072.7</v>
      </c>
      <c r="D18025">
        <v>2.5</v>
      </c>
      <c r="E18025">
        <v>3298.13</v>
      </c>
      <c r="F18025">
        <v>94.965900000000005</v>
      </c>
    </row>
    <row r="18026" spans="1:6" x14ac:dyDescent="0.25">
      <c r="A18026">
        <v>174.93</v>
      </c>
      <c r="B18026">
        <v>189.52</v>
      </c>
      <c r="C18026">
        <v>11072.7</v>
      </c>
      <c r="D18026">
        <v>2.8</v>
      </c>
      <c r="E18026">
        <v>3094.25</v>
      </c>
      <c r="F18026">
        <v>102.986</v>
      </c>
    </row>
    <row r="18027" spans="1:6" x14ac:dyDescent="0.25">
      <c r="A18027">
        <v>174.93</v>
      </c>
      <c r="B18027">
        <v>189.52</v>
      </c>
      <c r="C18027">
        <v>11072.7</v>
      </c>
      <c r="D18027">
        <v>3.1</v>
      </c>
      <c r="E18027">
        <v>3068.3</v>
      </c>
      <c r="F18027">
        <v>98.307100000000005</v>
      </c>
    </row>
    <row r="18028" spans="1:6" x14ac:dyDescent="0.25">
      <c r="A18028">
        <v>174.93</v>
      </c>
      <c r="B18028">
        <v>189.52</v>
      </c>
      <c r="C18028">
        <v>11072.7</v>
      </c>
      <c r="D18028">
        <v>3.4</v>
      </c>
      <c r="E18028">
        <v>2970.39</v>
      </c>
      <c r="F18028">
        <v>99.702100000000002</v>
      </c>
    </row>
    <row r="18029" spans="1:6" x14ac:dyDescent="0.25">
      <c r="A18029">
        <v>174.93</v>
      </c>
      <c r="B18029">
        <v>189.52</v>
      </c>
      <c r="C18029">
        <v>11072.7</v>
      </c>
      <c r="D18029">
        <v>3.7</v>
      </c>
      <c r="E18029">
        <v>2999.05</v>
      </c>
      <c r="F18029">
        <v>97.355400000000003</v>
      </c>
    </row>
    <row r="18030" spans="1:6" x14ac:dyDescent="0.25">
      <c r="A18030">
        <v>174.93</v>
      </c>
      <c r="B18030">
        <v>189.52</v>
      </c>
      <c r="C18030">
        <v>11072.7</v>
      </c>
      <c r="D18030">
        <v>4</v>
      </c>
      <c r="E18030">
        <v>2931.47</v>
      </c>
      <c r="F18030">
        <v>99.116399999999999</v>
      </c>
    </row>
    <row r="18031" spans="1:6" x14ac:dyDescent="0.25">
      <c r="A18031">
        <v>174.93</v>
      </c>
      <c r="B18031">
        <v>189.52</v>
      </c>
      <c r="C18031">
        <v>12618.2</v>
      </c>
      <c r="D18031">
        <v>1</v>
      </c>
      <c r="E18031">
        <v>4406.0200000000004</v>
      </c>
      <c r="F18031">
        <v>88.838800000000006</v>
      </c>
    </row>
    <row r="18032" spans="1:6" x14ac:dyDescent="0.25">
      <c r="A18032">
        <v>174.93</v>
      </c>
      <c r="B18032">
        <v>189.52</v>
      </c>
      <c r="C18032">
        <v>12618.2</v>
      </c>
      <c r="D18032">
        <v>1.3</v>
      </c>
      <c r="E18032">
        <v>4014.98</v>
      </c>
      <c r="F18032">
        <v>96.268000000000001</v>
      </c>
    </row>
    <row r="18033" spans="1:6" x14ac:dyDescent="0.25">
      <c r="A18033">
        <v>174.93</v>
      </c>
      <c r="B18033">
        <v>189.52</v>
      </c>
      <c r="C18033">
        <v>12618.2</v>
      </c>
      <c r="D18033">
        <v>1.6</v>
      </c>
      <c r="E18033">
        <v>3674.36</v>
      </c>
      <c r="F18033">
        <v>98.756900000000002</v>
      </c>
    </row>
    <row r="18034" spans="1:6" x14ac:dyDescent="0.25">
      <c r="A18034">
        <v>174.93</v>
      </c>
      <c r="B18034">
        <v>189.52</v>
      </c>
      <c r="C18034">
        <v>12618.2</v>
      </c>
      <c r="D18034">
        <v>1.9</v>
      </c>
      <c r="E18034">
        <v>3534.24</v>
      </c>
      <c r="F18034">
        <v>96.868600000000001</v>
      </c>
    </row>
    <row r="18035" spans="1:6" x14ac:dyDescent="0.25">
      <c r="A18035">
        <v>174.93</v>
      </c>
      <c r="B18035">
        <v>189.52</v>
      </c>
      <c r="C18035">
        <v>12618.2</v>
      </c>
      <c r="D18035">
        <v>2.2000000000000002</v>
      </c>
      <c r="E18035">
        <v>3330.59</v>
      </c>
      <c r="F18035">
        <v>97.177899999999994</v>
      </c>
    </row>
    <row r="18036" spans="1:6" x14ac:dyDescent="0.25">
      <c r="A18036">
        <v>174.93</v>
      </c>
      <c r="B18036">
        <v>189.52</v>
      </c>
      <c r="C18036">
        <v>12618.2</v>
      </c>
      <c r="D18036">
        <v>2.5</v>
      </c>
      <c r="E18036">
        <v>3298.13</v>
      </c>
      <c r="F18036">
        <v>94.965900000000005</v>
      </c>
    </row>
    <row r="18037" spans="1:6" x14ac:dyDescent="0.25">
      <c r="A18037">
        <v>174.93</v>
      </c>
      <c r="B18037">
        <v>189.52</v>
      </c>
      <c r="C18037">
        <v>12618.2</v>
      </c>
      <c r="D18037">
        <v>2.8</v>
      </c>
      <c r="E18037">
        <v>3094.25</v>
      </c>
      <c r="F18037">
        <v>102.986</v>
      </c>
    </row>
    <row r="18038" spans="1:6" x14ac:dyDescent="0.25">
      <c r="A18038">
        <v>174.93</v>
      </c>
      <c r="B18038">
        <v>189.52</v>
      </c>
      <c r="C18038">
        <v>12618.2</v>
      </c>
      <c r="D18038">
        <v>3.1</v>
      </c>
      <c r="E18038">
        <v>3068.3</v>
      </c>
      <c r="F18038">
        <v>98.307100000000005</v>
      </c>
    </row>
    <row r="18039" spans="1:6" x14ac:dyDescent="0.25">
      <c r="A18039">
        <v>174.93</v>
      </c>
      <c r="B18039">
        <v>189.52</v>
      </c>
      <c r="C18039">
        <v>12618.2</v>
      </c>
      <c r="D18039">
        <v>3.4</v>
      </c>
      <c r="E18039">
        <v>2970.39</v>
      </c>
      <c r="F18039">
        <v>99.702100000000002</v>
      </c>
    </row>
    <row r="18040" spans="1:6" x14ac:dyDescent="0.25">
      <c r="A18040">
        <v>174.93</v>
      </c>
      <c r="B18040">
        <v>189.52</v>
      </c>
      <c r="C18040">
        <v>12618.2</v>
      </c>
      <c r="D18040">
        <v>3.7</v>
      </c>
      <c r="E18040">
        <v>2999.05</v>
      </c>
      <c r="F18040">
        <v>97.355400000000003</v>
      </c>
    </row>
    <row r="18041" spans="1:6" x14ac:dyDescent="0.25">
      <c r="A18041">
        <v>174.93</v>
      </c>
      <c r="B18041">
        <v>189.52</v>
      </c>
      <c r="C18041">
        <v>12618.2</v>
      </c>
      <c r="D18041">
        <v>4</v>
      </c>
      <c r="E18041">
        <v>2931.47</v>
      </c>
      <c r="F18041">
        <v>99.116399999999999</v>
      </c>
    </row>
    <row r="18042" spans="1:6" x14ac:dyDescent="0.25">
      <c r="A18042">
        <v>174.93</v>
      </c>
      <c r="B18042">
        <v>189.52</v>
      </c>
      <c r="C18042">
        <v>14163.6</v>
      </c>
      <c r="D18042">
        <v>1</v>
      </c>
      <c r="E18042">
        <v>4406.0200000000004</v>
      </c>
      <c r="F18042">
        <v>88.838800000000006</v>
      </c>
    </row>
    <row r="18043" spans="1:6" x14ac:dyDescent="0.25">
      <c r="A18043">
        <v>174.93</v>
      </c>
      <c r="B18043">
        <v>189.52</v>
      </c>
      <c r="C18043">
        <v>14163.6</v>
      </c>
      <c r="D18043">
        <v>1.3</v>
      </c>
      <c r="E18043">
        <v>4014.98</v>
      </c>
      <c r="F18043">
        <v>96.268000000000001</v>
      </c>
    </row>
    <row r="18044" spans="1:6" x14ac:dyDescent="0.25">
      <c r="A18044">
        <v>174.93</v>
      </c>
      <c r="B18044">
        <v>189.52</v>
      </c>
      <c r="C18044">
        <v>14163.6</v>
      </c>
      <c r="D18044">
        <v>1.6</v>
      </c>
      <c r="E18044">
        <v>3674.36</v>
      </c>
      <c r="F18044">
        <v>98.756900000000002</v>
      </c>
    </row>
    <row r="18045" spans="1:6" x14ac:dyDescent="0.25">
      <c r="A18045">
        <v>174.93</v>
      </c>
      <c r="B18045">
        <v>189.52</v>
      </c>
      <c r="C18045">
        <v>14163.6</v>
      </c>
      <c r="D18045">
        <v>1.9</v>
      </c>
      <c r="E18045">
        <v>3534.24</v>
      </c>
      <c r="F18045">
        <v>96.868600000000001</v>
      </c>
    </row>
    <row r="18046" spans="1:6" x14ac:dyDescent="0.25">
      <c r="A18046">
        <v>174.93</v>
      </c>
      <c r="B18046">
        <v>189.52</v>
      </c>
      <c r="C18046">
        <v>14163.6</v>
      </c>
      <c r="D18046">
        <v>2.2000000000000002</v>
      </c>
      <c r="E18046">
        <v>3330.59</v>
      </c>
      <c r="F18046">
        <v>97.177899999999994</v>
      </c>
    </row>
    <row r="18047" spans="1:6" x14ac:dyDescent="0.25">
      <c r="A18047">
        <v>174.93</v>
      </c>
      <c r="B18047">
        <v>189.52</v>
      </c>
      <c r="C18047">
        <v>14163.6</v>
      </c>
      <c r="D18047">
        <v>2.5</v>
      </c>
      <c r="E18047">
        <v>3298.13</v>
      </c>
      <c r="F18047">
        <v>94.965900000000005</v>
      </c>
    </row>
    <row r="18048" spans="1:6" x14ac:dyDescent="0.25">
      <c r="A18048">
        <v>174.93</v>
      </c>
      <c r="B18048">
        <v>189.52</v>
      </c>
      <c r="C18048">
        <v>14163.6</v>
      </c>
      <c r="D18048">
        <v>2.8</v>
      </c>
      <c r="E18048">
        <v>3094.25</v>
      </c>
      <c r="F18048">
        <v>102.986</v>
      </c>
    </row>
    <row r="18049" spans="1:6" x14ac:dyDescent="0.25">
      <c r="A18049">
        <v>174.93</v>
      </c>
      <c r="B18049">
        <v>189.52</v>
      </c>
      <c r="C18049">
        <v>14163.6</v>
      </c>
      <c r="D18049">
        <v>3.1</v>
      </c>
      <c r="E18049">
        <v>3068.3</v>
      </c>
      <c r="F18049">
        <v>98.307100000000005</v>
      </c>
    </row>
    <row r="18050" spans="1:6" x14ac:dyDescent="0.25">
      <c r="A18050">
        <v>174.93</v>
      </c>
      <c r="B18050">
        <v>189.52</v>
      </c>
      <c r="C18050">
        <v>14163.6</v>
      </c>
      <c r="D18050">
        <v>3.4</v>
      </c>
      <c r="E18050">
        <v>2970.39</v>
      </c>
      <c r="F18050">
        <v>99.702100000000002</v>
      </c>
    </row>
    <row r="18051" spans="1:6" x14ac:dyDescent="0.25">
      <c r="A18051">
        <v>174.93</v>
      </c>
      <c r="B18051">
        <v>189.52</v>
      </c>
      <c r="C18051">
        <v>14163.6</v>
      </c>
      <c r="D18051">
        <v>3.7</v>
      </c>
      <c r="E18051">
        <v>2999.05</v>
      </c>
      <c r="F18051">
        <v>97.355400000000003</v>
      </c>
    </row>
    <row r="18052" spans="1:6" x14ac:dyDescent="0.25">
      <c r="A18052">
        <v>174.93</v>
      </c>
      <c r="B18052">
        <v>189.52</v>
      </c>
      <c r="C18052">
        <v>14163.6</v>
      </c>
      <c r="D18052">
        <v>4</v>
      </c>
      <c r="E18052">
        <v>2931.47</v>
      </c>
      <c r="F18052">
        <v>99.116399999999999</v>
      </c>
    </row>
    <row r="18053" spans="1:6" x14ac:dyDescent="0.25">
      <c r="A18053">
        <v>174.93</v>
      </c>
      <c r="B18053">
        <v>189.52</v>
      </c>
      <c r="C18053">
        <v>15709.1</v>
      </c>
      <c r="D18053">
        <v>1</v>
      </c>
      <c r="E18053">
        <v>4406.0200000000004</v>
      </c>
      <c r="F18053">
        <v>88.838800000000006</v>
      </c>
    </row>
    <row r="18054" spans="1:6" x14ac:dyDescent="0.25">
      <c r="A18054">
        <v>174.93</v>
      </c>
      <c r="B18054">
        <v>189.52</v>
      </c>
      <c r="C18054">
        <v>15709.1</v>
      </c>
      <c r="D18054">
        <v>1.3</v>
      </c>
      <c r="E18054">
        <v>4014.98</v>
      </c>
      <c r="F18054">
        <v>96.268000000000001</v>
      </c>
    </row>
    <row r="18055" spans="1:6" x14ac:dyDescent="0.25">
      <c r="A18055">
        <v>174.93</v>
      </c>
      <c r="B18055">
        <v>189.52</v>
      </c>
      <c r="C18055">
        <v>15709.1</v>
      </c>
      <c r="D18055">
        <v>1.6</v>
      </c>
      <c r="E18055">
        <v>3674.36</v>
      </c>
      <c r="F18055">
        <v>98.756900000000002</v>
      </c>
    </row>
    <row r="18056" spans="1:6" x14ac:dyDescent="0.25">
      <c r="A18056">
        <v>174.93</v>
      </c>
      <c r="B18056">
        <v>189.52</v>
      </c>
      <c r="C18056">
        <v>15709.1</v>
      </c>
      <c r="D18056">
        <v>1.9</v>
      </c>
      <c r="E18056">
        <v>3534.24</v>
      </c>
      <c r="F18056">
        <v>96.868600000000001</v>
      </c>
    </row>
    <row r="18057" spans="1:6" x14ac:dyDescent="0.25">
      <c r="A18057">
        <v>174.93</v>
      </c>
      <c r="B18057">
        <v>189.52</v>
      </c>
      <c r="C18057">
        <v>15709.1</v>
      </c>
      <c r="D18057">
        <v>2.2000000000000002</v>
      </c>
      <c r="E18057">
        <v>3330.59</v>
      </c>
      <c r="F18057">
        <v>97.177899999999994</v>
      </c>
    </row>
    <row r="18058" spans="1:6" x14ac:dyDescent="0.25">
      <c r="A18058">
        <v>174.93</v>
      </c>
      <c r="B18058">
        <v>189.52</v>
      </c>
      <c r="C18058">
        <v>15709.1</v>
      </c>
      <c r="D18058">
        <v>2.5</v>
      </c>
      <c r="E18058">
        <v>3298.13</v>
      </c>
      <c r="F18058">
        <v>94.965900000000005</v>
      </c>
    </row>
    <row r="18059" spans="1:6" x14ac:dyDescent="0.25">
      <c r="A18059">
        <v>174.93</v>
      </c>
      <c r="B18059">
        <v>189.52</v>
      </c>
      <c r="C18059">
        <v>15709.1</v>
      </c>
      <c r="D18059">
        <v>2.8</v>
      </c>
      <c r="E18059">
        <v>3094.25</v>
      </c>
      <c r="F18059">
        <v>102.986</v>
      </c>
    </row>
    <row r="18060" spans="1:6" x14ac:dyDescent="0.25">
      <c r="A18060">
        <v>174.93</v>
      </c>
      <c r="B18060">
        <v>189.52</v>
      </c>
      <c r="C18060">
        <v>15709.1</v>
      </c>
      <c r="D18060">
        <v>3.1</v>
      </c>
      <c r="E18060">
        <v>3068.3</v>
      </c>
      <c r="F18060">
        <v>98.307100000000005</v>
      </c>
    </row>
    <row r="18061" spans="1:6" x14ac:dyDescent="0.25">
      <c r="A18061">
        <v>174.93</v>
      </c>
      <c r="B18061">
        <v>189.52</v>
      </c>
      <c r="C18061">
        <v>15709.1</v>
      </c>
      <c r="D18061">
        <v>3.4</v>
      </c>
      <c r="E18061">
        <v>2970.39</v>
      </c>
      <c r="F18061">
        <v>99.702100000000002</v>
      </c>
    </row>
    <row r="18062" spans="1:6" x14ac:dyDescent="0.25">
      <c r="A18062">
        <v>174.93</v>
      </c>
      <c r="B18062">
        <v>189.52</v>
      </c>
      <c r="C18062">
        <v>15709.1</v>
      </c>
      <c r="D18062">
        <v>3.7</v>
      </c>
      <c r="E18062">
        <v>2999.05</v>
      </c>
      <c r="F18062">
        <v>97.355400000000003</v>
      </c>
    </row>
    <row r="18063" spans="1:6" x14ac:dyDescent="0.25">
      <c r="A18063">
        <v>174.93</v>
      </c>
      <c r="B18063">
        <v>189.52</v>
      </c>
      <c r="C18063">
        <v>15709.1</v>
      </c>
      <c r="D18063">
        <v>4</v>
      </c>
      <c r="E18063">
        <v>2931.47</v>
      </c>
      <c r="F18063">
        <v>99.116399999999999</v>
      </c>
    </row>
    <row r="18064" spans="1:6" x14ac:dyDescent="0.25">
      <c r="A18064">
        <v>174.93</v>
      </c>
      <c r="B18064">
        <v>189.52</v>
      </c>
      <c r="C18064">
        <v>17254.5</v>
      </c>
      <c r="D18064">
        <v>1</v>
      </c>
      <c r="E18064">
        <v>4406.0200000000004</v>
      </c>
      <c r="F18064">
        <v>88.838800000000006</v>
      </c>
    </row>
    <row r="18065" spans="1:6" x14ac:dyDescent="0.25">
      <c r="A18065">
        <v>174.93</v>
      </c>
      <c r="B18065">
        <v>189.52</v>
      </c>
      <c r="C18065">
        <v>17254.5</v>
      </c>
      <c r="D18065">
        <v>1.3</v>
      </c>
      <c r="E18065">
        <v>4014.98</v>
      </c>
      <c r="F18065">
        <v>96.268000000000001</v>
      </c>
    </row>
    <row r="18066" spans="1:6" x14ac:dyDescent="0.25">
      <c r="A18066">
        <v>174.93</v>
      </c>
      <c r="B18066">
        <v>189.52</v>
      </c>
      <c r="C18066">
        <v>17254.5</v>
      </c>
      <c r="D18066">
        <v>1.6</v>
      </c>
      <c r="E18066">
        <v>3674.36</v>
      </c>
      <c r="F18066">
        <v>98.756900000000002</v>
      </c>
    </row>
    <row r="18067" spans="1:6" x14ac:dyDescent="0.25">
      <c r="A18067">
        <v>174.93</v>
      </c>
      <c r="B18067">
        <v>189.52</v>
      </c>
      <c r="C18067">
        <v>17254.5</v>
      </c>
      <c r="D18067">
        <v>1.9</v>
      </c>
      <c r="E18067">
        <v>3534.24</v>
      </c>
      <c r="F18067">
        <v>96.868600000000001</v>
      </c>
    </row>
    <row r="18068" spans="1:6" x14ac:dyDescent="0.25">
      <c r="A18068">
        <v>174.93</v>
      </c>
      <c r="B18068">
        <v>189.52</v>
      </c>
      <c r="C18068">
        <v>17254.5</v>
      </c>
      <c r="D18068">
        <v>2.2000000000000002</v>
      </c>
      <c r="E18068">
        <v>3330.59</v>
      </c>
      <c r="F18068">
        <v>97.177899999999994</v>
      </c>
    </row>
    <row r="18069" spans="1:6" x14ac:dyDescent="0.25">
      <c r="A18069">
        <v>174.93</v>
      </c>
      <c r="B18069">
        <v>189.52</v>
      </c>
      <c r="C18069">
        <v>17254.5</v>
      </c>
      <c r="D18069">
        <v>2.5</v>
      </c>
      <c r="E18069">
        <v>3298.13</v>
      </c>
      <c r="F18069">
        <v>94.965900000000005</v>
      </c>
    </row>
    <row r="18070" spans="1:6" x14ac:dyDescent="0.25">
      <c r="A18070">
        <v>174.93</v>
      </c>
      <c r="B18070">
        <v>189.52</v>
      </c>
      <c r="C18070">
        <v>17254.5</v>
      </c>
      <c r="D18070">
        <v>2.8</v>
      </c>
      <c r="E18070">
        <v>3094.25</v>
      </c>
      <c r="F18070">
        <v>102.986</v>
      </c>
    </row>
    <row r="18071" spans="1:6" x14ac:dyDescent="0.25">
      <c r="A18071">
        <v>174.93</v>
      </c>
      <c r="B18071">
        <v>189.52</v>
      </c>
      <c r="C18071">
        <v>17254.5</v>
      </c>
      <c r="D18071">
        <v>3.1</v>
      </c>
      <c r="E18071">
        <v>3068.3</v>
      </c>
      <c r="F18071">
        <v>98.307100000000005</v>
      </c>
    </row>
    <row r="18072" spans="1:6" x14ac:dyDescent="0.25">
      <c r="A18072">
        <v>174.93</v>
      </c>
      <c r="B18072">
        <v>189.52</v>
      </c>
      <c r="C18072">
        <v>17254.5</v>
      </c>
      <c r="D18072">
        <v>3.4</v>
      </c>
      <c r="E18072">
        <v>2970.39</v>
      </c>
      <c r="F18072">
        <v>99.702100000000002</v>
      </c>
    </row>
    <row r="18073" spans="1:6" x14ac:dyDescent="0.25">
      <c r="A18073">
        <v>174.93</v>
      </c>
      <c r="B18073">
        <v>189.52</v>
      </c>
      <c r="C18073">
        <v>17254.5</v>
      </c>
      <c r="D18073">
        <v>3.7</v>
      </c>
      <c r="E18073">
        <v>2999.05</v>
      </c>
      <c r="F18073">
        <v>97.355400000000003</v>
      </c>
    </row>
    <row r="18074" spans="1:6" x14ac:dyDescent="0.25">
      <c r="A18074">
        <v>174.93</v>
      </c>
      <c r="B18074">
        <v>189.52</v>
      </c>
      <c r="C18074">
        <v>17254.5</v>
      </c>
      <c r="D18074">
        <v>4</v>
      </c>
      <c r="E18074">
        <v>2931.47</v>
      </c>
      <c r="F18074">
        <v>99.116399999999999</v>
      </c>
    </row>
    <row r="18075" spans="1:6" x14ac:dyDescent="0.25">
      <c r="A18075">
        <v>174.93</v>
      </c>
      <c r="B18075">
        <v>189.52</v>
      </c>
      <c r="C18075">
        <v>18800</v>
      </c>
      <c r="D18075">
        <v>1</v>
      </c>
      <c r="E18075">
        <v>4406.0200000000004</v>
      </c>
      <c r="F18075">
        <v>88.838800000000006</v>
      </c>
    </row>
    <row r="18076" spans="1:6" x14ac:dyDescent="0.25">
      <c r="A18076">
        <v>174.93</v>
      </c>
      <c r="B18076">
        <v>189.52</v>
      </c>
      <c r="C18076">
        <v>18800</v>
      </c>
      <c r="D18076">
        <v>1.3</v>
      </c>
      <c r="E18076">
        <v>4014.98</v>
      </c>
      <c r="F18076">
        <v>96.268000000000001</v>
      </c>
    </row>
    <row r="18077" spans="1:6" x14ac:dyDescent="0.25">
      <c r="A18077">
        <v>174.93</v>
      </c>
      <c r="B18077">
        <v>189.52</v>
      </c>
      <c r="C18077">
        <v>18800</v>
      </c>
      <c r="D18077">
        <v>1.6</v>
      </c>
      <c r="E18077">
        <v>3674.36</v>
      </c>
      <c r="F18077">
        <v>98.756900000000002</v>
      </c>
    </row>
    <row r="18078" spans="1:6" x14ac:dyDescent="0.25">
      <c r="A18078">
        <v>174.93</v>
      </c>
      <c r="B18078">
        <v>189.52</v>
      </c>
      <c r="C18078">
        <v>18800</v>
      </c>
      <c r="D18078">
        <v>1.9</v>
      </c>
      <c r="E18078">
        <v>3534.24</v>
      </c>
      <c r="F18078">
        <v>96.868600000000001</v>
      </c>
    </row>
    <row r="18079" spans="1:6" x14ac:dyDescent="0.25">
      <c r="A18079">
        <v>174.93</v>
      </c>
      <c r="B18079">
        <v>189.52</v>
      </c>
      <c r="C18079">
        <v>18800</v>
      </c>
      <c r="D18079">
        <v>2.2000000000000002</v>
      </c>
      <c r="E18079">
        <v>3330.59</v>
      </c>
      <c r="F18079">
        <v>97.177899999999994</v>
      </c>
    </row>
    <row r="18080" spans="1:6" x14ac:dyDescent="0.25">
      <c r="A18080">
        <v>174.93</v>
      </c>
      <c r="B18080">
        <v>189.52</v>
      </c>
      <c r="C18080">
        <v>18800</v>
      </c>
      <c r="D18080">
        <v>2.5</v>
      </c>
      <c r="E18080">
        <v>3298.13</v>
      </c>
      <c r="F18080">
        <v>94.965900000000005</v>
      </c>
    </row>
    <row r="18081" spans="1:6" x14ac:dyDescent="0.25">
      <c r="A18081">
        <v>174.93</v>
      </c>
      <c r="B18081">
        <v>189.52</v>
      </c>
      <c r="C18081">
        <v>18800</v>
      </c>
      <c r="D18081">
        <v>2.8</v>
      </c>
      <c r="E18081">
        <v>3094.25</v>
      </c>
      <c r="F18081">
        <v>102.986</v>
      </c>
    </row>
    <row r="18082" spans="1:6" x14ac:dyDescent="0.25">
      <c r="A18082">
        <v>174.93</v>
      </c>
      <c r="B18082">
        <v>189.52</v>
      </c>
      <c r="C18082">
        <v>18800</v>
      </c>
      <c r="D18082">
        <v>3.1</v>
      </c>
      <c r="E18082">
        <v>3068.3</v>
      </c>
      <c r="F18082">
        <v>98.307100000000005</v>
      </c>
    </row>
    <row r="18083" spans="1:6" x14ac:dyDescent="0.25">
      <c r="A18083">
        <v>174.93</v>
      </c>
      <c r="B18083">
        <v>189.52</v>
      </c>
      <c r="C18083">
        <v>18800</v>
      </c>
      <c r="D18083">
        <v>3.4</v>
      </c>
      <c r="E18083">
        <v>2970.39</v>
      </c>
      <c r="F18083">
        <v>99.702100000000002</v>
      </c>
    </row>
    <row r="18084" spans="1:6" x14ac:dyDescent="0.25">
      <c r="A18084">
        <v>174.93</v>
      </c>
      <c r="B18084">
        <v>189.52</v>
      </c>
      <c r="C18084">
        <v>18800</v>
      </c>
      <c r="D18084">
        <v>3.7</v>
      </c>
      <c r="E18084">
        <v>2999.05</v>
      </c>
      <c r="F18084">
        <v>97.355400000000003</v>
      </c>
    </row>
    <row r="18085" spans="1:6" x14ac:dyDescent="0.25">
      <c r="A18085">
        <v>174.93</v>
      </c>
      <c r="B18085">
        <v>189.52</v>
      </c>
      <c r="C18085">
        <v>18800</v>
      </c>
      <c r="D18085">
        <v>4</v>
      </c>
      <c r="E18085">
        <v>2931.47</v>
      </c>
      <c r="F18085">
        <v>99.116399999999999</v>
      </c>
    </row>
    <row r="18086" spans="1:6" x14ac:dyDescent="0.25">
      <c r="A18086">
        <v>174.93</v>
      </c>
      <c r="B18086">
        <v>193.15</v>
      </c>
      <c r="C18086">
        <v>1800</v>
      </c>
      <c r="D18086">
        <v>1</v>
      </c>
      <c r="E18086">
        <v>4406.0200000000004</v>
      </c>
      <c r="F18086">
        <v>88.838800000000006</v>
      </c>
    </row>
    <row r="18087" spans="1:6" x14ac:dyDescent="0.25">
      <c r="A18087">
        <v>174.93</v>
      </c>
      <c r="B18087">
        <v>193.15</v>
      </c>
      <c r="C18087">
        <v>1800</v>
      </c>
      <c r="D18087">
        <v>1.3</v>
      </c>
      <c r="E18087">
        <v>4014.98</v>
      </c>
      <c r="F18087">
        <v>96.268000000000001</v>
      </c>
    </row>
    <row r="18088" spans="1:6" x14ac:dyDescent="0.25">
      <c r="A18088">
        <v>174.93</v>
      </c>
      <c r="B18088">
        <v>193.15</v>
      </c>
      <c r="C18088">
        <v>1800</v>
      </c>
      <c r="D18088">
        <v>1.6</v>
      </c>
      <c r="E18088">
        <v>3674.36</v>
      </c>
      <c r="F18088">
        <v>98.756900000000002</v>
      </c>
    </row>
    <row r="18089" spans="1:6" x14ac:dyDescent="0.25">
      <c r="A18089">
        <v>174.93</v>
      </c>
      <c r="B18089">
        <v>193.15</v>
      </c>
      <c r="C18089">
        <v>1800</v>
      </c>
      <c r="D18089">
        <v>1.9</v>
      </c>
      <c r="E18089">
        <v>3534.24</v>
      </c>
      <c r="F18089">
        <v>96.868600000000001</v>
      </c>
    </row>
    <row r="18090" spans="1:6" x14ac:dyDescent="0.25">
      <c r="A18090">
        <v>174.93</v>
      </c>
      <c r="B18090">
        <v>193.15</v>
      </c>
      <c r="C18090">
        <v>1800</v>
      </c>
      <c r="D18090">
        <v>2.2000000000000002</v>
      </c>
      <c r="E18090">
        <v>3330.59</v>
      </c>
      <c r="F18090">
        <v>97.177899999999994</v>
      </c>
    </row>
    <row r="18091" spans="1:6" x14ac:dyDescent="0.25">
      <c r="A18091">
        <v>174.93</v>
      </c>
      <c r="B18091">
        <v>193.15</v>
      </c>
      <c r="C18091">
        <v>1800</v>
      </c>
      <c r="D18091">
        <v>2.5</v>
      </c>
      <c r="E18091">
        <v>3298.13</v>
      </c>
      <c r="F18091">
        <v>94.965900000000005</v>
      </c>
    </row>
    <row r="18092" spans="1:6" x14ac:dyDescent="0.25">
      <c r="A18092">
        <v>174.93</v>
      </c>
      <c r="B18092">
        <v>193.15</v>
      </c>
      <c r="C18092">
        <v>1800</v>
      </c>
      <c r="D18092">
        <v>2.8</v>
      </c>
      <c r="E18092">
        <v>3094.25</v>
      </c>
      <c r="F18092">
        <v>102.986</v>
      </c>
    </row>
    <row r="18093" spans="1:6" x14ac:dyDescent="0.25">
      <c r="A18093">
        <v>174.93</v>
      </c>
      <c r="B18093">
        <v>193.15</v>
      </c>
      <c r="C18093">
        <v>1800</v>
      </c>
      <c r="D18093">
        <v>3.1</v>
      </c>
      <c r="E18093">
        <v>3068.3</v>
      </c>
      <c r="F18093">
        <v>98.307100000000005</v>
      </c>
    </row>
    <row r="18094" spans="1:6" x14ac:dyDescent="0.25">
      <c r="A18094">
        <v>174.93</v>
      </c>
      <c r="B18094">
        <v>193.15</v>
      </c>
      <c r="C18094">
        <v>1800</v>
      </c>
      <c r="D18094">
        <v>3.4</v>
      </c>
      <c r="E18094">
        <v>2970.39</v>
      </c>
      <c r="F18094">
        <v>99.702100000000002</v>
      </c>
    </row>
    <row r="18095" spans="1:6" x14ac:dyDescent="0.25">
      <c r="A18095">
        <v>174.93</v>
      </c>
      <c r="B18095">
        <v>193.15</v>
      </c>
      <c r="C18095">
        <v>1800</v>
      </c>
      <c r="D18095">
        <v>3.7</v>
      </c>
      <c r="E18095">
        <v>2896.05</v>
      </c>
      <c r="F18095">
        <v>97.355400000000003</v>
      </c>
    </row>
    <row r="18096" spans="1:6" x14ac:dyDescent="0.25">
      <c r="A18096">
        <v>174.93</v>
      </c>
      <c r="B18096">
        <v>193.15</v>
      </c>
      <c r="C18096">
        <v>1800</v>
      </c>
      <c r="D18096">
        <v>4</v>
      </c>
      <c r="E18096">
        <v>2821.66</v>
      </c>
      <c r="F18096">
        <v>99.116399999999999</v>
      </c>
    </row>
    <row r="18097" spans="1:6" x14ac:dyDescent="0.25">
      <c r="A18097">
        <v>174.93</v>
      </c>
      <c r="B18097">
        <v>193.15</v>
      </c>
      <c r="C18097">
        <v>3345.45</v>
      </c>
      <c r="D18097">
        <v>1</v>
      </c>
      <c r="E18097">
        <v>4406.0200000000004</v>
      </c>
      <c r="F18097">
        <v>88.838800000000006</v>
      </c>
    </row>
    <row r="18098" spans="1:6" x14ac:dyDescent="0.25">
      <c r="A18098">
        <v>174.93</v>
      </c>
      <c r="B18098">
        <v>193.15</v>
      </c>
      <c r="C18098">
        <v>3345.45</v>
      </c>
      <c r="D18098">
        <v>1.3</v>
      </c>
      <c r="E18098">
        <v>4014.98</v>
      </c>
      <c r="F18098">
        <v>96.268000000000001</v>
      </c>
    </row>
    <row r="18099" spans="1:6" x14ac:dyDescent="0.25">
      <c r="A18099">
        <v>174.93</v>
      </c>
      <c r="B18099">
        <v>193.15</v>
      </c>
      <c r="C18099">
        <v>3345.45</v>
      </c>
      <c r="D18099">
        <v>1.6</v>
      </c>
      <c r="E18099">
        <v>3674.36</v>
      </c>
      <c r="F18099">
        <v>98.756900000000002</v>
      </c>
    </row>
    <row r="18100" spans="1:6" x14ac:dyDescent="0.25">
      <c r="A18100">
        <v>174.93</v>
      </c>
      <c r="B18100">
        <v>193.15</v>
      </c>
      <c r="C18100">
        <v>3345.45</v>
      </c>
      <c r="D18100">
        <v>1.9</v>
      </c>
      <c r="E18100">
        <v>3534.24</v>
      </c>
      <c r="F18100">
        <v>96.868600000000001</v>
      </c>
    </row>
    <row r="18101" spans="1:6" x14ac:dyDescent="0.25">
      <c r="A18101">
        <v>174.93</v>
      </c>
      <c r="B18101">
        <v>193.15</v>
      </c>
      <c r="C18101">
        <v>3345.45</v>
      </c>
      <c r="D18101">
        <v>2.2000000000000002</v>
      </c>
      <c r="E18101">
        <v>3330.59</v>
      </c>
      <c r="F18101">
        <v>97.177899999999994</v>
      </c>
    </row>
    <row r="18102" spans="1:6" x14ac:dyDescent="0.25">
      <c r="A18102">
        <v>174.93</v>
      </c>
      <c r="B18102">
        <v>193.15</v>
      </c>
      <c r="C18102">
        <v>3345.45</v>
      </c>
      <c r="D18102">
        <v>2.5</v>
      </c>
      <c r="E18102">
        <v>3298.13</v>
      </c>
      <c r="F18102">
        <v>94.965900000000005</v>
      </c>
    </row>
    <row r="18103" spans="1:6" x14ac:dyDescent="0.25">
      <c r="A18103">
        <v>174.93</v>
      </c>
      <c r="B18103">
        <v>193.15</v>
      </c>
      <c r="C18103">
        <v>3345.45</v>
      </c>
      <c r="D18103">
        <v>2.8</v>
      </c>
      <c r="E18103">
        <v>3094.25</v>
      </c>
      <c r="F18103">
        <v>102.986</v>
      </c>
    </row>
    <row r="18104" spans="1:6" x14ac:dyDescent="0.25">
      <c r="A18104">
        <v>174.93</v>
      </c>
      <c r="B18104">
        <v>193.15</v>
      </c>
      <c r="C18104">
        <v>3345.45</v>
      </c>
      <c r="D18104">
        <v>3.1</v>
      </c>
      <c r="E18104">
        <v>3068.3</v>
      </c>
      <c r="F18104">
        <v>98.307100000000005</v>
      </c>
    </row>
    <row r="18105" spans="1:6" x14ac:dyDescent="0.25">
      <c r="A18105">
        <v>174.93</v>
      </c>
      <c r="B18105">
        <v>193.15</v>
      </c>
      <c r="C18105">
        <v>3345.45</v>
      </c>
      <c r="D18105">
        <v>3.4</v>
      </c>
      <c r="E18105">
        <v>2970.39</v>
      </c>
      <c r="F18105">
        <v>99.702100000000002</v>
      </c>
    </row>
    <row r="18106" spans="1:6" x14ac:dyDescent="0.25">
      <c r="A18106">
        <v>174.93</v>
      </c>
      <c r="B18106">
        <v>193.15</v>
      </c>
      <c r="C18106">
        <v>3345.45</v>
      </c>
      <c r="D18106">
        <v>3.7</v>
      </c>
      <c r="E18106">
        <v>2999.05</v>
      </c>
      <c r="F18106">
        <v>97.355400000000003</v>
      </c>
    </row>
    <row r="18107" spans="1:6" x14ac:dyDescent="0.25">
      <c r="A18107">
        <v>174.93</v>
      </c>
      <c r="B18107">
        <v>193.15</v>
      </c>
      <c r="C18107">
        <v>3345.45</v>
      </c>
      <c r="D18107">
        <v>4</v>
      </c>
      <c r="E18107">
        <v>2931.47</v>
      </c>
      <c r="F18107">
        <v>99.116399999999999</v>
      </c>
    </row>
    <row r="18108" spans="1:6" x14ac:dyDescent="0.25">
      <c r="A18108">
        <v>174.93</v>
      </c>
      <c r="B18108">
        <v>193.15</v>
      </c>
      <c r="C18108">
        <v>4890.8999999999996</v>
      </c>
      <c r="D18108">
        <v>1</v>
      </c>
      <c r="E18108">
        <v>4406.0200000000004</v>
      </c>
      <c r="F18108">
        <v>88.838800000000006</v>
      </c>
    </row>
    <row r="18109" spans="1:6" x14ac:dyDescent="0.25">
      <c r="A18109">
        <v>174.93</v>
      </c>
      <c r="B18109">
        <v>193.15</v>
      </c>
      <c r="C18109">
        <v>4890.8999999999996</v>
      </c>
      <c r="D18109">
        <v>1.3</v>
      </c>
      <c r="E18109">
        <v>4014.98</v>
      </c>
      <c r="F18109">
        <v>96.268000000000001</v>
      </c>
    </row>
    <row r="18110" spans="1:6" x14ac:dyDescent="0.25">
      <c r="A18110">
        <v>174.93</v>
      </c>
      <c r="B18110">
        <v>193.15</v>
      </c>
      <c r="C18110">
        <v>4890.8999999999996</v>
      </c>
      <c r="D18110">
        <v>1.6</v>
      </c>
      <c r="E18110">
        <v>3674.36</v>
      </c>
      <c r="F18110">
        <v>98.756900000000002</v>
      </c>
    </row>
    <row r="18111" spans="1:6" x14ac:dyDescent="0.25">
      <c r="A18111">
        <v>174.93</v>
      </c>
      <c r="B18111">
        <v>193.15</v>
      </c>
      <c r="C18111">
        <v>4890.8999999999996</v>
      </c>
      <c r="D18111">
        <v>1.9</v>
      </c>
      <c r="E18111">
        <v>3534.24</v>
      </c>
      <c r="F18111">
        <v>96.868600000000001</v>
      </c>
    </row>
    <row r="18112" spans="1:6" x14ac:dyDescent="0.25">
      <c r="A18112">
        <v>174.93</v>
      </c>
      <c r="B18112">
        <v>193.15</v>
      </c>
      <c r="C18112">
        <v>4890.8999999999996</v>
      </c>
      <c r="D18112">
        <v>2.2000000000000002</v>
      </c>
      <c r="E18112">
        <v>3330.59</v>
      </c>
      <c r="F18112">
        <v>97.177899999999994</v>
      </c>
    </row>
    <row r="18113" spans="1:6" x14ac:dyDescent="0.25">
      <c r="A18113">
        <v>174.93</v>
      </c>
      <c r="B18113">
        <v>193.15</v>
      </c>
      <c r="C18113">
        <v>4890.8999999999996</v>
      </c>
      <c r="D18113">
        <v>2.5</v>
      </c>
      <c r="E18113">
        <v>3298.13</v>
      </c>
      <c r="F18113">
        <v>94.965900000000005</v>
      </c>
    </row>
    <row r="18114" spans="1:6" x14ac:dyDescent="0.25">
      <c r="A18114">
        <v>174.93</v>
      </c>
      <c r="B18114">
        <v>193.15</v>
      </c>
      <c r="C18114">
        <v>4890.8999999999996</v>
      </c>
      <c r="D18114">
        <v>2.8</v>
      </c>
      <c r="E18114">
        <v>3094.25</v>
      </c>
      <c r="F18114">
        <v>102.986</v>
      </c>
    </row>
    <row r="18115" spans="1:6" x14ac:dyDescent="0.25">
      <c r="A18115">
        <v>174.93</v>
      </c>
      <c r="B18115">
        <v>193.15</v>
      </c>
      <c r="C18115">
        <v>4890.8999999999996</v>
      </c>
      <c r="D18115">
        <v>3.1</v>
      </c>
      <c r="E18115">
        <v>3068.3</v>
      </c>
      <c r="F18115">
        <v>98.307100000000005</v>
      </c>
    </row>
    <row r="18116" spans="1:6" x14ac:dyDescent="0.25">
      <c r="A18116">
        <v>174.93</v>
      </c>
      <c r="B18116">
        <v>193.15</v>
      </c>
      <c r="C18116">
        <v>4890.8999999999996</v>
      </c>
      <c r="D18116">
        <v>3.4</v>
      </c>
      <c r="E18116">
        <v>2970.39</v>
      </c>
      <c r="F18116">
        <v>99.702100000000002</v>
      </c>
    </row>
    <row r="18117" spans="1:6" x14ac:dyDescent="0.25">
      <c r="A18117">
        <v>174.93</v>
      </c>
      <c r="B18117">
        <v>193.15</v>
      </c>
      <c r="C18117">
        <v>4890.8999999999996</v>
      </c>
      <c r="D18117">
        <v>3.7</v>
      </c>
      <c r="E18117">
        <v>2999.05</v>
      </c>
      <c r="F18117">
        <v>97.355400000000003</v>
      </c>
    </row>
    <row r="18118" spans="1:6" x14ac:dyDescent="0.25">
      <c r="A18118">
        <v>174.93</v>
      </c>
      <c r="B18118">
        <v>193.15</v>
      </c>
      <c r="C18118">
        <v>4890.8999999999996</v>
      </c>
      <c r="D18118">
        <v>4</v>
      </c>
      <c r="E18118">
        <v>2931.47</v>
      </c>
      <c r="F18118">
        <v>99.116399999999999</v>
      </c>
    </row>
    <row r="18119" spans="1:6" x14ac:dyDescent="0.25">
      <c r="A18119">
        <v>174.93</v>
      </c>
      <c r="B18119">
        <v>193.15</v>
      </c>
      <c r="C18119">
        <v>6436.35</v>
      </c>
      <c r="D18119">
        <v>1</v>
      </c>
      <c r="E18119">
        <v>4406.0200000000004</v>
      </c>
      <c r="F18119">
        <v>88.838800000000006</v>
      </c>
    </row>
    <row r="18120" spans="1:6" x14ac:dyDescent="0.25">
      <c r="A18120">
        <v>174.93</v>
      </c>
      <c r="B18120">
        <v>193.15</v>
      </c>
      <c r="C18120">
        <v>6436.35</v>
      </c>
      <c r="D18120">
        <v>1.3</v>
      </c>
      <c r="E18120">
        <v>4014.98</v>
      </c>
      <c r="F18120">
        <v>96.268000000000001</v>
      </c>
    </row>
    <row r="18121" spans="1:6" x14ac:dyDescent="0.25">
      <c r="A18121">
        <v>174.93</v>
      </c>
      <c r="B18121">
        <v>193.15</v>
      </c>
      <c r="C18121">
        <v>6436.35</v>
      </c>
      <c r="D18121">
        <v>1.6</v>
      </c>
      <c r="E18121">
        <v>3674.36</v>
      </c>
      <c r="F18121">
        <v>98.756900000000002</v>
      </c>
    </row>
    <row r="18122" spans="1:6" x14ac:dyDescent="0.25">
      <c r="A18122">
        <v>174.93</v>
      </c>
      <c r="B18122">
        <v>193.15</v>
      </c>
      <c r="C18122">
        <v>6436.35</v>
      </c>
      <c r="D18122">
        <v>1.9</v>
      </c>
      <c r="E18122">
        <v>3534.24</v>
      </c>
      <c r="F18122">
        <v>96.868600000000001</v>
      </c>
    </row>
    <row r="18123" spans="1:6" x14ac:dyDescent="0.25">
      <c r="A18123">
        <v>174.93</v>
      </c>
      <c r="B18123">
        <v>193.15</v>
      </c>
      <c r="C18123">
        <v>6436.35</v>
      </c>
      <c r="D18123">
        <v>2.2000000000000002</v>
      </c>
      <c r="E18123">
        <v>3330.59</v>
      </c>
      <c r="F18123">
        <v>97.177899999999994</v>
      </c>
    </row>
    <row r="18124" spans="1:6" x14ac:dyDescent="0.25">
      <c r="A18124">
        <v>174.93</v>
      </c>
      <c r="B18124">
        <v>193.15</v>
      </c>
      <c r="C18124">
        <v>6436.35</v>
      </c>
      <c r="D18124">
        <v>2.5</v>
      </c>
      <c r="E18124">
        <v>3298.13</v>
      </c>
      <c r="F18124">
        <v>94.965900000000005</v>
      </c>
    </row>
    <row r="18125" spans="1:6" x14ac:dyDescent="0.25">
      <c r="A18125">
        <v>174.93</v>
      </c>
      <c r="B18125">
        <v>193.15</v>
      </c>
      <c r="C18125">
        <v>6436.35</v>
      </c>
      <c r="D18125">
        <v>2.8</v>
      </c>
      <c r="E18125">
        <v>3094.25</v>
      </c>
      <c r="F18125">
        <v>102.986</v>
      </c>
    </row>
    <row r="18126" spans="1:6" x14ac:dyDescent="0.25">
      <c r="A18126">
        <v>174.93</v>
      </c>
      <c r="B18126">
        <v>193.15</v>
      </c>
      <c r="C18126">
        <v>6436.35</v>
      </c>
      <c r="D18126">
        <v>3.1</v>
      </c>
      <c r="E18126">
        <v>3068.3</v>
      </c>
      <c r="F18126">
        <v>98.307100000000005</v>
      </c>
    </row>
    <row r="18127" spans="1:6" x14ac:dyDescent="0.25">
      <c r="A18127">
        <v>174.93</v>
      </c>
      <c r="B18127">
        <v>193.15</v>
      </c>
      <c r="C18127">
        <v>6436.35</v>
      </c>
      <c r="D18127">
        <v>3.4</v>
      </c>
      <c r="E18127">
        <v>2970.39</v>
      </c>
      <c r="F18127">
        <v>99.702100000000002</v>
      </c>
    </row>
    <row r="18128" spans="1:6" x14ac:dyDescent="0.25">
      <c r="A18128">
        <v>174.93</v>
      </c>
      <c r="B18128">
        <v>193.15</v>
      </c>
      <c r="C18128">
        <v>6436.35</v>
      </c>
      <c r="D18128">
        <v>3.7</v>
      </c>
      <c r="E18128">
        <v>2999.05</v>
      </c>
      <c r="F18128">
        <v>97.355400000000003</v>
      </c>
    </row>
    <row r="18129" spans="1:6" x14ac:dyDescent="0.25">
      <c r="A18129">
        <v>174.93</v>
      </c>
      <c r="B18129">
        <v>193.15</v>
      </c>
      <c r="C18129">
        <v>6436.35</v>
      </c>
      <c r="D18129">
        <v>4</v>
      </c>
      <c r="E18129">
        <v>2931.47</v>
      </c>
      <c r="F18129">
        <v>99.116399999999999</v>
      </c>
    </row>
    <row r="18130" spans="1:6" x14ac:dyDescent="0.25">
      <c r="A18130">
        <v>174.93</v>
      </c>
      <c r="B18130">
        <v>193.15</v>
      </c>
      <c r="C18130">
        <v>7981.8</v>
      </c>
      <c r="D18130">
        <v>1</v>
      </c>
      <c r="E18130">
        <v>4406.0200000000004</v>
      </c>
      <c r="F18130">
        <v>88.838800000000006</v>
      </c>
    </row>
    <row r="18131" spans="1:6" x14ac:dyDescent="0.25">
      <c r="A18131">
        <v>174.93</v>
      </c>
      <c r="B18131">
        <v>193.15</v>
      </c>
      <c r="C18131">
        <v>7981.8</v>
      </c>
      <c r="D18131">
        <v>1.3</v>
      </c>
      <c r="E18131">
        <v>4014.98</v>
      </c>
      <c r="F18131">
        <v>96.268000000000001</v>
      </c>
    </row>
    <row r="18132" spans="1:6" x14ac:dyDescent="0.25">
      <c r="A18132">
        <v>174.93</v>
      </c>
      <c r="B18132">
        <v>193.15</v>
      </c>
      <c r="C18132">
        <v>7981.8</v>
      </c>
      <c r="D18132">
        <v>1.6</v>
      </c>
      <c r="E18132">
        <v>3674.36</v>
      </c>
      <c r="F18132">
        <v>98.756900000000002</v>
      </c>
    </row>
    <row r="18133" spans="1:6" x14ac:dyDescent="0.25">
      <c r="A18133">
        <v>174.93</v>
      </c>
      <c r="B18133">
        <v>193.15</v>
      </c>
      <c r="C18133">
        <v>7981.8</v>
      </c>
      <c r="D18133">
        <v>1.9</v>
      </c>
      <c r="E18133">
        <v>3534.24</v>
      </c>
      <c r="F18133">
        <v>96.868600000000001</v>
      </c>
    </row>
    <row r="18134" spans="1:6" x14ac:dyDescent="0.25">
      <c r="A18134">
        <v>174.93</v>
      </c>
      <c r="B18134">
        <v>193.15</v>
      </c>
      <c r="C18134">
        <v>7981.8</v>
      </c>
      <c r="D18134">
        <v>2.2000000000000002</v>
      </c>
      <c r="E18134">
        <v>3330.59</v>
      </c>
      <c r="F18134">
        <v>97.177899999999994</v>
      </c>
    </row>
    <row r="18135" spans="1:6" x14ac:dyDescent="0.25">
      <c r="A18135">
        <v>174.93</v>
      </c>
      <c r="B18135">
        <v>193.15</v>
      </c>
      <c r="C18135">
        <v>7981.8</v>
      </c>
      <c r="D18135">
        <v>2.5</v>
      </c>
      <c r="E18135">
        <v>3298.13</v>
      </c>
      <c r="F18135">
        <v>94.965900000000005</v>
      </c>
    </row>
    <row r="18136" spans="1:6" x14ac:dyDescent="0.25">
      <c r="A18136">
        <v>174.93</v>
      </c>
      <c r="B18136">
        <v>193.15</v>
      </c>
      <c r="C18136">
        <v>7981.8</v>
      </c>
      <c r="D18136">
        <v>2.8</v>
      </c>
      <c r="E18136">
        <v>3094.25</v>
      </c>
      <c r="F18136">
        <v>102.986</v>
      </c>
    </row>
    <row r="18137" spans="1:6" x14ac:dyDescent="0.25">
      <c r="A18137">
        <v>174.93</v>
      </c>
      <c r="B18137">
        <v>193.15</v>
      </c>
      <c r="C18137">
        <v>7981.8</v>
      </c>
      <c r="D18137">
        <v>3.1</v>
      </c>
      <c r="E18137">
        <v>3068.3</v>
      </c>
      <c r="F18137">
        <v>98.307100000000005</v>
      </c>
    </row>
    <row r="18138" spans="1:6" x14ac:dyDescent="0.25">
      <c r="A18138">
        <v>174.93</v>
      </c>
      <c r="B18138">
        <v>193.15</v>
      </c>
      <c r="C18138">
        <v>7981.8</v>
      </c>
      <c r="D18138">
        <v>3.4</v>
      </c>
      <c r="E18138">
        <v>2970.39</v>
      </c>
      <c r="F18138">
        <v>99.702100000000002</v>
      </c>
    </row>
    <row r="18139" spans="1:6" x14ac:dyDescent="0.25">
      <c r="A18139">
        <v>174.93</v>
      </c>
      <c r="B18139">
        <v>193.15</v>
      </c>
      <c r="C18139">
        <v>7981.8</v>
      </c>
      <c r="D18139">
        <v>3.7</v>
      </c>
      <c r="E18139">
        <v>2999.05</v>
      </c>
      <c r="F18139">
        <v>97.355400000000003</v>
      </c>
    </row>
    <row r="18140" spans="1:6" x14ac:dyDescent="0.25">
      <c r="A18140">
        <v>174.93</v>
      </c>
      <c r="B18140">
        <v>193.15</v>
      </c>
      <c r="C18140">
        <v>7981.8</v>
      </c>
      <c r="D18140">
        <v>4</v>
      </c>
      <c r="E18140">
        <v>2931.47</v>
      </c>
      <c r="F18140">
        <v>99.116399999999999</v>
      </c>
    </row>
    <row r="18141" spans="1:6" x14ac:dyDescent="0.25">
      <c r="A18141">
        <v>174.93</v>
      </c>
      <c r="B18141">
        <v>193.15</v>
      </c>
      <c r="C18141">
        <v>9527.25</v>
      </c>
      <c r="D18141">
        <v>1</v>
      </c>
      <c r="E18141">
        <v>4406.0200000000004</v>
      </c>
      <c r="F18141">
        <v>88.838800000000006</v>
      </c>
    </row>
    <row r="18142" spans="1:6" x14ac:dyDescent="0.25">
      <c r="A18142">
        <v>174.93</v>
      </c>
      <c r="B18142">
        <v>193.15</v>
      </c>
      <c r="C18142">
        <v>9527.25</v>
      </c>
      <c r="D18142">
        <v>1.3</v>
      </c>
      <c r="E18142">
        <v>4014.98</v>
      </c>
      <c r="F18142">
        <v>96.268000000000001</v>
      </c>
    </row>
    <row r="18143" spans="1:6" x14ac:dyDescent="0.25">
      <c r="A18143">
        <v>174.93</v>
      </c>
      <c r="B18143">
        <v>193.15</v>
      </c>
      <c r="C18143">
        <v>9527.25</v>
      </c>
      <c r="D18143">
        <v>1.6</v>
      </c>
      <c r="E18143">
        <v>3674.36</v>
      </c>
      <c r="F18143">
        <v>98.756900000000002</v>
      </c>
    </row>
    <row r="18144" spans="1:6" x14ac:dyDescent="0.25">
      <c r="A18144">
        <v>174.93</v>
      </c>
      <c r="B18144">
        <v>193.15</v>
      </c>
      <c r="C18144">
        <v>9527.25</v>
      </c>
      <c r="D18144">
        <v>1.9</v>
      </c>
      <c r="E18144">
        <v>3534.24</v>
      </c>
      <c r="F18144">
        <v>96.868600000000001</v>
      </c>
    </row>
    <row r="18145" spans="1:6" x14ac:dyDescent="0.25">
      <c r="A18145">
        <v>174.93</v>
      </c>
      <c r="B18145">
        <v>193.15</v>
      </c>
      <c r="C18145">
        <v>9527.25</v>
      </c>
      <c r="D18145">
        <v>2.2000000000000002</v>
      </c>
      <c r="E18145">
        <v>3330.59</v>
      </c>
      <c r="F18145">
        <v>97.177899999999994</v>
      </c>
    </row>
    <row r="18146" spans="1:6" x14ac:dyDescent="0.25">
      <c r="A18146">
        <v>174.93</v>
      </c>
      <c r="B18146">
        <v>193.15</v>
      </c>
      <c r="C18146">
        <v>9527.25</v>
      </c>
      <c r="D18146">
        <v>2.5</v>
      </c>
      <c r="E18146">
        <v>3298.13</v>
      </c>
      <c r="F18146">
        <v>94.965900000000005</v>
      </c>
    </row>
    <row r="18147" spans="1:6" x14ac:dyDescent="0.25">
      <c r="A18147">
        <v>174.93</v>
      </c>
      <c r="B18147">
        <v>193.15</v>
      </c>
      <c r="C18147">
        <v>9527.25</v>
      </c>
      <c r="D18147">
        <v>2.8</v>
      </c>
      <c r="E18147">
        <v>3094.25</v>
      </c>
      <c r="F18147">
        <v>102.986</v>
      </c>
    </row>
    <row r="18148" spans="1:6" x14ac:dyDescent="0.25">
      <c r="A18148">
        <v>174.93</v>
      </c>
      <c r="B18148">
        <v>193.15</v>
      </c>
      <c r="C18148">
        <v>9527.25</v>
      </c>
      <c r="D18148">
        <v>3.1</v>
      </c>
      <c r="E18148">
        <v>3068.3</v>
      </c>
      <c r="F18148">
        <v>98.307100000000005</v>
      </c>
    </row>
    <row r="18149" spans="1:6" x14ac:dyDescent="0.25">
      <c r="A18149">
        <v>174.93</v>
      </c>
      <c r="B18149">
        <v>193.15</v>
      </c>
      <c r="C18149">
        <v>9527.25</v>
      </c>
      <c r="D18149">
        <v>3.4</v>
      </c>
      <c r="E18149">
        <v>2970.39</v>
      </c>
      <c r="F18149">
        <v>99.702100000000002</v>
      </c>
    </row>
    <row r="18150" spans="1:6" x14ac:dyDescent="0.25">
      <c r="A18150">
        <v>174.93</v>
      </c>
      <c r="B18150">
        <v>193.15</v>
      </c>
      <c r="C18150">
        <v>9527.25</v>
      </c>
      <c r="D18150">
        <v>3.7</v>
      </c>
      <c r="E18150">
        <v>2999.05</v>
      </c>
      <c r="F18150">
        <v>97.355400000000003</v>
      </c>
    </row>
    <row r="18151" spans="1:6" x14ac:dyDescent="0.25">
      <c r="A18151">
        <v>174.93</v>
      </c>
      <c r="B18151">
        <v>193.15</v>
      </c>
      <c r="C18151">
        <v>9527.25</v>
      </c>
      <c r="D18151">
        <v>4</v>
      </c>
      <c r="E18151">
        <v>2931.47</v>
      </c>
      <c r="F18151">
        <v>99.116399999999999</v>
      </c>
    </row>
    <row r="18152" spans="1:6" x14ac:dyDescent="0.25">
      <c r="A18152">
        <v>174.93</v>
      </c>
      <c r="B18152">
        <v>193.15</v>
      </c>
      <c r="C18152">
        <v>11072.7</v>
      </c>
      <c r="D18152">
        <v>1</v>
      </c>
      <c r="E18152">
        <v>4406.0200000000004</v>
      </c>
      <c r="F18152">
        <v>88.838800000000006</v>
      </c>
    </row>
    <row r="18153" spans="1:6" x14ac:dyDescent="0.25">
      <c r="A18153">
        <v>174.93</v>
      </c>
      <c r="B18153">
        <v>193.15</v>
      </c>
      <c r="C18153">
        <v>11072.7</v>
      </c>
      <c r="D18153">
        <v>1.3</v>
      </c>
      <c r="E18153">
        <v>4014.98</v>
      </c>
      <c r="F18153">
        <v>96.268000000000001</v>
      </c>
    </row>
    <row r="18154" spans="1:6" x14ac:dyDescent="0.25">
      <c r="A18154">
        <v>174.93</v>
      </c>
      <c r="B18154">
        <v>193.15</v>
      </c>
      <c r="C18154">
        <v>11072.7</v>
      </c>
      <c r="D18154">
        <v>1.6</v>
      </c>
      <c r="E18154">
        <v>3674.36</v>
      </c>
      <c r="F18154">
        <v>98.756900000000002</v>
      </c>
    </row>
    <row r="18155" spans="1:6" x14ac:dyDescent="0.25">
      <c r="A18155">
        <v>174.93</v>
      </c>
      <c r="B18155">
        <v>193.15</v>
      </c>
      <c r="C18155">
        <v>11072.7</v>
      </c>
      <c r="D18155">
        <v>1.9</v>
      </c>
      <c r="E18155">
        <v>3534.24</v>
      </c>
      <c r="F18155">
        <v>96.868600000000001</v>
      </c>
    </row>
    <row r="18156" spans="1:6" x14ac:dyDescent="0.25">
      <c r="A18156">
        <v>174.93</v>
      </c>
      <c r="B18156">
        <v>193.15</v>
      </c>
      <c r="C18156">
        <v>11072.7</v>
      </c>
      <c r="D18156">
        <v>2.2000000000000002</v>
      </c>
      <c r="E18156">
        <v>3330.59</v>
      </c>
      <c r="F18156">
        <v>97.177899999999994</v>
      </c>
    </row>
    <row r="18157" spans="1:6" x14ac:dyDescent="0.25">
      <c r="A18157">
        <v>174.93</v>
      </c>
      <c r="B18157">
        <v>193.15</v>
      </c>
      <c r="C18157">
        <v>11072.7</v>
      </c>
      <c r="D18157">
        <v>2.5</v>
      </c>
      <c r="E18157">
        <v>3298.13</v>
      </c>
      <c r="F18157">
        <v>94.965900000000005</v>
      </c>
    </row>
    <row r="18158" spans="1:6" x14ac:dyDescent="0.25">
      <c r="A18158">
        <v>174.93</v>
      </c>
      <c r="B18158">
        <v>193.15</v>
      </c>
      <c r="C18158">
        <v>11072.7</v>
      </c>
      <c r="D18158">
        <v>2.8</v>
      </c>
      <c r="E18158">
        <v>3094.25</v>
      </c>
      <c r="F18158">
        <v>102.986</v>
      </c>
    </row>
    <row r="18159" spans="1:6" x14ac:dyDescent="0.25">
      <c r="A18159">
        <v>174.93</v>
      </c>
      <c r="B18159">
        <v>193.15</v>
      </c>
      <c r="C18159">
        <v>11072.7</v>
      </c>
      <c r="D18159">
        <v>3.1</v>
      </c>
      <c r="E18159">
        <v>3068.3</v>
      </c>
      <c r="F18159">
        <v>98.307100000000005</v>
      </c>
    </row>
    <row r="18160" spans="1:6" x14ac:dyDescent="0.25">
      <c r="A18160">
        <v>174.93</v>
      </c>
      <c r="B18160">
        <v>193.15</v>
      </c>
      <c r="C18160">
        <v>11072.7</v>
      </c>
      <c r="D18160">
        <v>3.4</v>
      </c>
      <c r="E18160">
        <v>2970.39</v>
      </c>
      <c r="F18160">
        <v>99.702100000000002</v>
      </c>
    </row>
    <row r="18161" spans="1:6" x14ac:dyDescent="0.25">
      <c r="A18161">
        <v>174.93</v>
      </c>
      <c r="B18161">
        <v>193.15</v>
      </c>
      <c r="C18161">
        <v>11072.7</v>
      </c>
      <c r="D18161">
        <v>3.7</v>
      </c>
      <c r="E18161">
        <v>2999.05</v>
      </c>
      <c r="F18161">
        <v>97.355400000000003</v>
      </c>
    </row>
    <row r="18162" spans="1:6" x14ac:dyDescent="0.25">
      <c r="A18162">
        <v>174.93</v>
      </c>
      <c r="B18162">
        <v>193.15</v>
      </c>
      <c r="C18162">
        <v>11072.7</v>
      </c>
      <c r="D18162">
        <v>4</v>
      </c>
      <c r="E18162">
        <v>2931.47</v>
      </c>
      <c r="F18162">
        <v>99.116399999999999</v>
      </c>
    </row>
    <row r="18163" spans="1:6" x14ac:dyDescent="0.25">
      <c r="A18163">
        <v>174.93</v>
      </c>
      <c r="B18163">
        <v>193.15</v>
      </c>
      <c r="C18163">
        <v>12618.2</v>
      </c>
      <c r="D18163">
        <v>1</v>
      </c>
      <c r="E18163">
        <v>4406.0200000000004</v>
      </c>
      <c r="F18163">
        <v>88.838800000000006</v>
      </c>
    </row>
    <row r="18164" spans="1:6" x14ac:dyDescent="0.25">
      <c r="A18164">
        <v>174.93</v>
      </c>
      <c r="B18164">
        <v>193.15</v>
      </c>
      <c r="C18164">
        <v>12618.2</v>
      </c>
      <c r="D18164">
        <v>1.3</v>
      </c>
      <c r="E18164">
        <v>4014.98</v>
      </c>
      <c r="F18164">
        <v>96.268000000000001</v>
      </c>
    </row>
    <row r="18165" spans="1:6" x14ac:dyDescent="0.25">
      <c r="A18165">
        <v>174.93</v>
      </c>
      <c r="B18165">
        <v>193.15</v>
      </c>
      <c r="C18165">
        <v>12618.2</v>
      </c>
      <c r="D18165">
        <v>1.6</v>
      </c>
      <c r="E18165">
        <v>3674.36</v>
      </c>
      <c r="F18165">
        <v>98.756900000000002</v>
      </c>
    </row>
    <row r="18166" spans="1:6" x14ac:dyDescent="0.25">
      <c r="A18166">
        <v>174.93</v>
      </c>
      <c r="B18166">
        <v>193.15</v>
      </c>
      <c r="C18166">
        <v>12618.2</v>
      </c>
      <c r="D18166">
        <v>1.9</v>
      </c>
      <c r="E18166">
        <v>3534.24</v>
      </c>
      <c r="F18166">
        <v>96.868600000000001</v>
      </c>
    </row>
    <row r="18167" spans="1:6" x14ac:dyDescent="0.25">
      <c r="A18167">
        <v>174.93</v>
      </c>
      <c r="B18167">
        <v>193.15</v>
      </c>
      <c r="C18167">
        <v>12618.2</v>
      </c>
      <c r="D18167">
        <v>2.2000000000000002</v>
      </c>
      <c r="E18167">
        <v>3330.59</v>
      </c>
      <c r="F18167">
        <v>97.177899999999994</v>
      </c>
    </row>
    <row r="18168" spans="1:6" x14ac:dyDescent="0.25">
      <c r="A18168">
        <v>174.93</v>
      </c>
      <c r="B18168">
        <v>193.15</v>
      </c>
      <c r="C18168">
        <v>12618.2</v>
      </c>
      <c r="D18168">
        <v>2.5</v>
      </c>
      <c r="E18168">
        <v>3298.13</v>
      </c>
      <c r="F18168">
        <v>94.965900000000005</v>
      </c>
    </row>
    <row r="18169" spans="1:6" x14ac:dyDescent="0.25">
      <c r="A18169">
        <v>174.93</v>
      </c>
      <c r="B18169">
        <v>193.15</v>
      </c>
      <c r="C18169">
        <v>12618.2</v>
      </c>
      <c r="D18169">
        <v>2.8</v>
      </c>
      <c r="E18169">
        <v>3094.25</v>
      </c>
      <c r="F18169">
        <v>102.986</v>
      </c>
    </row>
    <row r="18170" spans="1:6" x14ac:dyDescent="0.25">
      <c r="A18170">
        <v>174.93</v>
      </c>
      <c r="B18170">
        <v>193.15</v>
      </c>
      <c r="C18170">
        <v>12618.2</v>
      </c>
      <c r="D18170">
        <v>3.1</v>
      </c>
      <c r="E18170">
        <v>3068.3</v>
      </c>
      <c r="F18170">
        <v>98.307100000000005</v>
      </c>
    </row>
    <row r="18171" spans="1:6" x14ac:dyDescent="0.25">
      <c r="A18171">
        <v>174.93</v>
      </c>
      <c r="B18171">
        <v>193.15</v>
      </c>
      <c r="C18171">
        <v>12618.2</v>
      </c>
      <c r="D18171">
        <v>3.4</v>
      </c>
      <c r="E18171">
        <v>2970.39</v>
      </c>
      <c r="F18171">
        <v>99.702100000000002</v>
      </c>
    </row>
    <row r="18172" spans="1:6" x14ac:dyDescent="0.25">
      <c r="A18172">
        <v>174.93</v>
      </c>
      <c r="B18172">
        <v>193.15</v>
      </c>
      <c r="C18172">
        <v>12618.2</v>
      </c>
      <c r="D18172">
        <v>3.7</v>
      </c>
      <c r="E18172">
        <v>2999.05</v>
      </c>
      <c r="F18172">
        <v>97.355400000000003</v>
      </c>
    </row>
    <row r="18173" spans="1:6" x14ac:dyDescent="0.25">
      <c r="A18173">
        <v>174.93</v>
      </c>
      <c r="B18173">
        <v>193.15</v>
      </c>
      <c r="C18173">
        <v>12618.2</v>
      </c>
      <c r="D18173">
        <v>4</v>
      </c>
      <c r="E18173">
        <v>2931.47</v>
      </c>
      <c r="F18173">
        <v>99.116399999999999</v>
      </c>
    </row>
    <row r="18174" spans="1:6" x14ac:dyDescent="0.25">
      <c r="A18174">
        <v>174.93</v>
      </c>
      <c r="B18174">
        <v>193.15</v>
      </c>
      <c r="C18174">
        <v>14163.6</v>
      </c>
      <c r="D18174">
        <v>1</v>
      </c>
      <c r="E18174">
        <v>4406.0200000000004</v>
      </c>
      <c r="F18174">
        <v>88.838800000000006</v>
      </c>
    </row>
    <row r="18175" spans="1:6" x14ac:dyDescent="0.25">
      <c r="A18175">
        <v>174.93</v>
      </c>
      <c r="B18175">
        <v>193.15</v>
      </c>
      <c r="C18175">
        <v>14163.6</v>
      </c>
      <c r="D18175">
        <v>1.3</v>
      </c>
      <c r="E18175">
        <v>4014.98</v>
      </c>
      <c r="F18175">
        <v>96.268000000000001</v>
      </c>
    </row>
    <row r="18176" spans="1:6" x14ac:dyDescent="0.25">
      <c r="A18176">
        <v>174.93</v>
      </c>
      <c r="B18176">
        <v>193.15</v>
      </c>
      <c r="C18176">
        <v>14163.6</v>
      </c>
      <c r="D18176">
        <v>1.6</v>
      </c>
      <c r="E18176">
        <v>3674.36</v>
      </c>
      <c r="F18176">
        <v>98.756900000000002</v>
      </c>
    </row>
    <row r="18177" spans="1:6" x14ac:dyDescent="0.25">
      <c r="A18177">
        <v>174.93</v>
      </c>
      <c r="B18177">
        <v>193.15</v>
      </c>
      <c r="C18177">
        <v>14163.6</v>
      </c>
      <c r="D18177">
        <v>1.9</v>
      </c>
      <c r="E18177">
        <v>3534.24</v>
      </c>
      <c r="F18177">
        <v>96.868600000000001</v>
      </c>
    </row>
    <row r="18178" spans="1:6" x14ac:dyDescent="0.25">
      <c r="A18178">
        <v>174.93</v>
      </c>
      <c r="B18178">
        <v>193.15</v>
      </c>
      <c r="C18178">
        <v>14163.6</v>
      </c>
      <c r="D18178">
        <v>2.2000000000000002</v>
      </c>
      <c r="E18178">
        <v>3330.59</v>
      </c>
      <c r="F18178">
        <v>97.177899999999994</v>
      </c>
    </row>
    <row r="18179" spans="1:6" x14ac:dyDescent="0.25">
      <c r="A18179">
        <v>174.93</v>
      </c>
      <c r="B18179">
        <v>193.15</v>
      </c>
      <c r="C18179">
        <v>14163.6</v>
      </c>
      <c r="D18179">
        <v>2.5</v>
      </c>
      <c r="E18179">
        <v>3298.13</v>
      </c>
      <c r="F18179">
        <v>94.965900000000005</v>
      </c>
    </row>
    <row r="18180" spans="1:6" x14ac:dyDescent="0.25">
      <c r="A18180">
        <v>174.93</v>
      </c>
      <c r="B18180">
        <v>193.15</v>
      </c>
      <c r="C18180">
        <v>14163.6</v>
      </c>
      <c r="D18180">
        <v>2.8</v>
      </c>
      <c r="E18180">
        <v>3094.25</v>
      </c>
      <c r="F18180">
        <v>102.986</v>
      </c>
    </row>
    <row r="18181" spans="1:6" x14ac:dyDescent="0.25">
      <c r="A18181">
        <v>174.93</v>
      </c>
      <c r="B18181">
        <v>193.15</v>
      </c>
      <c r="C18181">
        <v>14163.6</v>
      </c>
      <c r="D18181">
        <v>3.1</v>
      </c>
      <c r="E18181">
        <v>3068.3</v>
      </c>
      <c r="F18181">
        <v>98.307100000000005</v>
      </c>
    </row>
    <row r="18182" spans="1:6" x14ac:dyDescent="0.25">
      <c r="A18182">
        <v>174.93</v>
      </c>
      <c r="B18182">
        <v>193.15</v>
      </c>
      <c r="C18182">
        <v>14163.6</v>
      </c>
      <c r="D18182">
        <v>3.4</v>
      </c>
      <c r="E18182">
        <v>2970.39</v>
      </c>
      <c r="F18182">
        <v>99.702100000000002</v>
      </c>
    </row>
    <row r="18183" spans="1:6" x14ac:dyDescent="0.25">
      <c r="A18183">
        <v>174.93</v>
      </c>
      <c r="B18183">
        <v>193.15</v>
      </c>
      <c r="C18183">
        <v>14163.6</v>
      </c>
      <c r="D18183">
        <v>3.7</v>
      </c>
      <c r="E18183">
        <v>2999.05</v>
      </c>
      <c r="F18183">
        <v>97.355400000000003</v>
      </c>
    </row>
    <row r="18184" spans="1:6" x14ac:dyDescent="0.25">
      <c r="A18184">
        <v>174.93</v>
      </c>
      <c r="B18184">
        <v>193.15</v>
      </c>
      <c r="C18184">
        <v>14163.6</v>
      </c>
      <c r="D18184">
        <v>4</v>
      </c>
      <c r="E18184">
        <v>2931.47</v>
      </c>
      <c r="F18184">
        <v>99.116399999999999</v>
      </c>
    </row>
    <row r="18185" spans="1:6" x14ac:dyDescent="0.25">
      <c r="A18185">
        <v>174.93</v>
      </c>
      <c r="B18185">
        <v>193.15</v>
      </c>
      <c r="C18185">
        <v>15709.1</v>
      </c>
      <c r="D18185">
        <v>1</v>
      </c>
      <c r="E18185">
        <v>4406.0200000000004</v>
      </c>
      <c r="F18185">
        <v>88.838800000000006</v>
      </c>
    </row>
    <row r="18186" spans="1:6" x14ac:dyDescent="0.25">
      <c r="A18186">
        <v>174.93</v>
      </c>
      <c r="B18186">
        <v>193.15</v>
      </c>
      <c r="C18186">
        <v>15709.1</v>
      </c>
      <c r="D18186">
        <v>1.3</v>
      </c>
      <c r="E18186">
        <v>4014.98</v>
      </c>
      <c r="F18186">
        <v>96.268000000000001</v>
      </c>
    </row>
    <row r="18187" spans="1:6" x14ac:dyDescent="0.25">
      <c r="A18187">
        <v>174.93</v>
      </c>
      <c r="B18187">
        <v>193.15</v>
      </c>
      <c r="C18187">
        <v>15709.1</v>
      </c>
      <c r="D18187">
        <v>1.6</v>
      </c>
      <c r="E18187">
        <v>3674.36</v>
      </c>
      <c r="F18187">
        <v>98.756900000000002</v>
      </c>
    </row>
    <row r="18188" spans="1:6" x14ac:dyDescent="0.25">
      <c r="A18188">
        <v>174.93</v>
      </c>
      <c r="B18188">
        <v>193.15</v>
      </c>
      <c r="C18188">
        <v>15709.1</v>
      </c>
      <c r="D18188">
        <v>1.9</v>
      </c>
      <c r="E18188">
        <v>3534.24</v>
      </c>
      <c r="F18188">
        <v>96.868600000000001</v>
      </c>
    </row>
    <row r="18189" spans="1:6" x14ac:dyDescent="0.25">
      <c r="A18189">
        <v>174.93</v>
      </c>
      <c r="B18189">
        <v>193.15</v>
      </c>
      <c r="C18189">
        <v>15709.1</v>
      </c>
      <c r="D18189">
        <v>2.2000000000000002</v>
      </c>
      <c r="E18189">
        <v>3330.59</v>
      </c>
      <c r="F18189">
        <v>97.177899999999994</v>
      </c>
    </row>
    <row r="18190" spans="1:6" x14ac:dyDescent="0.25">
      <c r="A18190">
        <v>174.93</v>
      </c>
      <c r="B18190">
        <v>193.15</v>
      </c>
      <c r="C18190">
        <v>15709.1</v>
      </c>
      <c r="D18190">
        <v>2.5</v>
      </c>
      <c r="E18190">
        <v>3298.13</v>
      </c>
      <c r="F18190">
        <v>94.965900000000005</v>
      </c>
    </row>
    <row r="18191" spans="1:6" x14ac:dyDescent="0.25">
      <c r="A18191">
        <v>174.93</v>
      </c>
      <c r="B18191">
        <v>193.15</v>
      </c>
      <c r="C18191">
        <v>15709.1</v>
      </c>
      <c r="D18191">
        <v>2.8</v>
      </c>
      <c r="E18191">
        <v>3094.25</v>
      </c>
      <c r="F18191">
        <v>102.986</v>
      </c>
    </row>
    <row r="18192" spans="1:6" x14ac:dyDescent="0.25">
      <c r="A18192">
        <v>174.93</v>
      </c>
      <c r="B18192">
        <v>193.15</v>
      </c>
      <c r="C18192">
        <v>15709.1</v>
      </c>
      <c r="D18192">
        <v>3.1</v>
      </c>
      <c r="E18192">
        <v>3068.3</v>
      </c>
      <c r="F18192">
        <v>98.307100000000005</v>
      </c>
    </row>
    <row r="18193" spans="1:6" x14ac:dyDescent="0.25">
      <c r="A18193">
        <v>174.93</v>
      </c>
      <c r="B18193">
        <v>193.15</v>
      </c>
      <c r="C18193">
        <v>15709.1</v>
      </c>
      <c r="D18193">
        <v>3.4</v>
      </c>
      <c r="E18193">
        <v>2970.39</v>
      </c>
      <c r="F18193">
        <v>99.702100000000002</v>
      </c>
    </row>
    <row r="18194" spans="1:6" x14ac:dyDescent="0.25">
      <c r="A18194">
        <v>174.93</v>
      </c>
      <c r="B18194">
        <v>193.15</v>
      </c>
      <c r="C18194">
        <v>15709.1</v>
      </c>
      <c r="D18194">
        <v>3.7</v>
      </c>
      <c r="E18194">
        <v>2999.05</v>
      </c>
      <c r="F18194">
        <v>97.355400000000003</v>
      </c>
    </row>
    <row r="18195" spans="1:6" x14ac:dyDescent="0.25">
      <c r="A18195">
        <v>174.93</v>
      </c>
      <c r="B18195">
        <v>193.15</v>
      </c>
      <c r="C18195">
        <v>15709.1</v>
      </c>
      <c r="D18195">
        <v>4</v>
      </c>
      <c r="E18195">
        <v>2931.47</v>
      </c>
      <c r="F18195">
        <v>99.116399999999999</v>
      </c>
    </row>
    <row r="18196" spans="1:6" x14ac:dyDescent="0.25">
      <c r="A18196">
        <v>174.93</v>
      </c>
      <c r="B18196">
        <v>193.15</v>
      </c>
      <c r="C18196">
        <v>17254.5</v>
      </c>
      <c r="D18196">
        <v>1</v>
      </c>
      <c r="E18196">
        <v>4406.0200000000004</v>
      </c>
      <c r="F18196">
        <v>88.838800000000006</v>
      </c>
    </row>
    <row r="18197" spans="1:6" x14ac:dyDescent="0.25">
      <c r="A18197">
        <v>174.93</v>
      </c>
      <c r="B18197">
        <v>193.15</v>
      </c>
      <c r="C18197">
        <v>17254.5</v>
      </c>
      <c r="D18197">
        <v>1.3</v>
      </c>
      <c r="E18197">
        <v>4014.98</v>
      </c>
      <c r="F18197">
        <v>96.268000000000001</v>
      </c>
    </row>
    <row r="18198" spans="1:6" x14ac:dyDescent="0.25">
      <c r="A18198">
        <v>174.93</v>
      </c>
      <c r="B18198">
        <v>193.15</v>
      </c>
      <c r="C18198">
        <v>17254.5</v>
      </c>
      <c r="D18198">
        <v>1.6</v>
      </c>
      <c r="E18198">
        <v>3674.36</v>
      </c>
      <c r="F18198">
        <v>98.756900000000002</v>
      </c>
    </row>
    <row r="18199" spans="1:6" x14ac:dyDescent="0.25">
      <c r="A18199">
        <v>174.93</v>
      </c>
      <c r="B18199">
        <v>193.15</v>
      </c>
      <c r="C18199">
        <v>17254.5</v>
      </c>
      <c r="D18199">
        <v>1.9</v>
      </c>
      <c r="E18199">
        <v>3534.24</v>
      </c>
      <c r="F18199">
        <v>96.868600000000001</v>
      </c>
    </row>
    <row r="18200" spans="1:6" x14ac:dyDescent="0.25">
      <c r="A18200">
        <v>174.93</v>
      </c>
      <c r="B18200">
        <v>193.15</v>
      </c>
      <c r="C18200">
        <v>17254.5</v>
      </c>
      <c r="D18200">
        <v>2.2000000000000002</v>
      </c>
      <c r="E18200">
        <v>3330.59</v>
      </c>
      <c r="F18200">
        <v>97.177899999999994</v>
      </c>
    </row>
    <row r="18201" spans="1:6" x14ac:dyDescent="0.25">
      <c r="A18201">
        <v>174.93</v>
      </c>
      <c r="B18201">
        <v>193.15</v>
      </c>
      <c r="C18201">
        <v>17254.5</v>
      </c>
      <c r="D18201">
        <v>2.5</v>
      </c>
      <c r="E18201">
        <v>3298.13</v>
      </c>
      <c r="F18201">
        <v>94.965900000000005</v>
      </c>
    </row>
    <row r="18202" spans="1:6" x14ac:dyDescent="0.25">
      <c r="A18202">
        <v>174.93</v>
      </c>
      <c r="B18202">
        <v>193.15</v>
      </c>
      <c r="C18202">
        <v>17254.5</v>
      </c>
      <c r="D18202">
        <v>2.8</v>
      </c>
      <c r="E18202">
        <v>3094.25</v>
      </c>
      <c r="F18202">
        <v>102.986</v>
      </c>
    </row>
    <row r="18203" spans="1:6" x14ac:dyDescent="0.25">
      <c r="A18203">
        <v>174.93</v>
      </c>
      <c r="B18203">
        <v>193.15</v>
      </c>
      <c r="C18203">
        <v>17254.5</v>
      </c>
      <c r="D18203">
        <v>3.1</v>
      </c>
      <c r="E18203">
        <v>3068.3</v>
      </c>
      <c r="F18203">
        <v>98.307100000000005</v>
      </c>
    </row>
    <row r="18204" spans="1:6" x14ac:dyDescent="0.25">
      <c r="A18204">
        <v>174.93</v>
      </c>
      <c r="B18204">
        <v>193.15</v>
      </c>
      <c r="C18204">
        <v>17254.5</v>
      </c>
      <c r="D18204">
        <v>3.4</v>
      </c>
      <c r="E18204">
        <v>2970.39</v>
      </c>
      <c r="F18204">
        <v>99.702100000000002</v>
      </c>
    </row>
    <row r="18205" spans="1:6" x14ac:dyDescent="0.25">
      <c r="A18205">
        <v>174.93</v>
      </c>
      <c r="B18205">
        <v>193.15</v>
      </c>
      <c r="C18205">
        <v>17254.5</v>
      </c>
      <c r="D18205">
        <v>3.7</v>
      </c>
      <c r="E18205">
        <v>2999.05</v>
      </c>
      <c r="F18205">
        <v>97.355400000000003</v>
      </c>
    </row>
    <row r="18206" spans="1:6" x14ac:dyDescent="0.25">
      <c r="A18206">
        <v>174.93</v>
      </c>
      <c r="B18206">
        <v>193.15</v>
      </c>
      <c r="C18206">
        <v>17254.5</v>
      </c>
      <c r="D18206">
        <v>4</v>
      </c>
      <c r="E18206">
        <v>2931.47</v>
      </c>
      <c r="F18206">
        <v>99.116399999999999</v>
      </c>
    </row>
    <row r="18207" spans="1:6" x14ac:dyDescent="0.25">
      <c r="A18207">
        <v>174.93</v>
      </c>
      <c r="B18207">
        <v>193.15</v>
      </c>
      <c r="C18207">
        <v>18800</v>
      </c>
      <c r="D18207">
        <v>1</v>
      </c>
      <c r="E18207">
        <v>4406.0200000000004</v>
      </c>
      <c r="F18207">
        <v>88.838800000000006</v>
      </c>
    </row>
    <row r="18208" spans="1:6" x14ac:dyDescent="0.25">
      <c r="A18208">
        <v>174.93</v>
      </c>
      <c r="B18208">
        <v>193.15</v>
      </c>
      <c r="C18208">
        <v>18800</v>
      </c>
      <c r="D18208">
        <v>1.3</v>
      </c>
      <c r="E18208">
        <v>4014.98</v>
      </c>
      <c r="F18208">
        <v>96.268000000000001</v>
      </c>
    </row>
    <row r="18209" spans="1:6" x14ac:dyDescent="0.25">
      <c r="A18209">
        <v>174.93</v>
      </c>
      <c r="B18209">
        <v>193.15</v>
      </c>
      <c r="C18209">
        <v>18800</v>
      </c>
      <c r="D18209">
        <v>1.6</v>
      </c>
      <c r="E18209">
        <v>3674.36</v>
      </c>
      <c r="F18209">
        <v>98.756900000000002</v>
      </c>
    </row>
    <row r="18210" spans="1:6" x14ac:dyDescent="0.25">
      <c r="A18210">
        <v>174.93</v>
      </c>
      <c r="B18210">
        <v>193.15</v>
      </c>
      <c r="C18210">
        <v>18800</v>
      </c>
      <c r="D18210">
        <v>1.9</v>
      </c>
      <c r="E18210">
        <v>3534.24</v>
      </c>
      <c r="F18210">
        <v>96.868600000000001</v>
      </c>
    </row>
    <row r="18211" spans="1:6" x14ac:dyDescent="0.25">
      <c r="A18211">
        <v>174.93</v>
      </c>
      <c r="B18211">
        <v>193.15</v>
      </c>
      <c r="C18211">
        <v>18800</v>
      </c>
      <c r="D18211">
        <v>2.2000000000000002</v>
      </c>
      <c r="E18211">
        <v>3330.59</v>
      </c>
      <c r="F18211">
        <v>97.177899999999994</v>
      </c>
    </row>
    <row r="18212" spans="1:6" x14ac:dyDescent="0.25">
      <c r="A18212">
        <v>174.93</v>
      </c>
      <c r="B18212">
        <v>193.15</v>
      </c>
      <c r="C18212">
        <v>18800</v>
      </c>
      <c r="D18212">
        <v>2.5</v>
      </c>
      <c r="E18212">
        <v>3298.13</v>
      </c>
      <c r="F18212">
        <v>94.965900000000005</v>
      </c>
    </row>
    <row r="18213" spans="1:6" x14ac:dyDescent="0.25">
      <c r="A18213">
        <v>174.93</v>
      </c>
      <c r="B18213">
        <v>193.15</v>
      </c>
      <c r="C18213">
        <v>18800</v>
      </c>
      <c r="D18213">
        <v>2.8</v>
      </c>
      <c r="E18213">
        <v>3094.25</v>
      </c>
      <c r="F18213">
        <v>102.986</v>
      </c>
    </row>
    <row r="18214" spans="1:6" x14ac:dyDescent="0.25">
      <c r="A18214">
        <v>174.93</v>
      </c>
      <c r="B18214">
        <v>193.15</v>
      </c>
      <c r="C18214">
        <v>18800</v>
      </c>
      <c r="D18214">
        <v>3.1</v>
      </c>
      <c r="E18214">
        <v>3068.3</v>
      </c>
      <c r="F18214">
        <v>98.307100000000005</v>
      </c>
    </row>
    <row r="18215" spans="1:6" x14ac:dyDescent="0.25">
      <c r="A18215">
        <v>174.93</v>
      </c>
      <c r="B18215">
        <v>193.15</v>
      </c>
      <c r="C18215">
        <v>18800</v>
      </c>
      <c r="D18215">
        <v>3.4</v>
      </c>
      <c r="E18215">
        <v>2970.39</v>
      </c>
      <c r="F18215">
        <v>99.702100000000002</v>
      </c>
    </row>
    <row r="18216" spans="1:6" x14ac:dyDescent="0.25">
      <c r="A18216">
        <v>174.93</v>
      </c>
      <c r="B18216">
        <v>193.15</v>
      </c>
      <c r="C18216">
        <v>18800</v>
      </c>
      <c r="D18216">
        <v>3.7</v>
      </c>
      <c r="E18216">
        <v>2999.05</v>
      </c>
      <c r="F18216">
        <v>97.355400000000003</v>
      </c>
    </row>
    <row r="18217" spans="1:6" x14ac:dyDescent="0.25">
      <c r="A18217">
        <v>174.93</v>
      </c>
      <c r="B18217">
        <v>193.15</v>
      </c>
      <c r="C18217">
        <v>18800</v>
      </c>
      <c r="D18217">
        <v>4</v>
      </c>
      <c r="E18217">
        <v>2931.47</v>
      </c>
      <c r="F18217">
        <v>99.116399999999999</v>
      </c>
    </row>
    <row r="18218" spans="1:6" x14ac:dyDescent="0.25">
      <c r="A18218">
        <v>174.93</v>
      </c>
      <c r="B18218">
        <v>196.78</v>
      </c>
      <c r="C18218">
        <v>1800</v>
      </c>
      <c r="D18218">
        <v>1</v>
      </c>
      <c r="E18218">
        <v>4406.0200000000004</v>
      </c>
      <c r="F18218">
        <v>88.838800000000006</v>
      </c>
    </row>
    <row r="18219" spans="1:6" x14ac:dyDescent="0.25">
      <c r="A18219">
        <v>174.93</v>
      </c>
      <c r="B18219">
        <v>196.78</v>
      </c>
      <c r="C18219">
        <v>1800</v>
      </c>
      <c r="D18219">
        <v>1.3</v>
      </c>
      <c r="E18219">
        <v>4014.98</v>
      </c>
      <c r="F18219">
        <v>96.268000000000001</v>
      </c>
    </row>
    <row r="18220" spans="1:6" x14ac:dyDescent="0.25">
      <c r="A18220">
        <v>174.93</v>
      </c>
      <c r="B18220">
        <v>196.78</v>
      </c>
      <c r="C18220">
        <v>1800</v>
      </c>
      <c r="D18220">
        <v>1.6</v>
      </c>
      <c r="E18220">
        <v>3674.36</v>
      </c>
      <c r="F18220">
        <v>98.756900000000002</v>
      </c>
    </row>
    <row r="18221" spans="1:6" x14ac:dyDescent="0.25">
      <c r="A18221">
        <v>174.93</v>
      </c>
      <c r="B18221">
        <v>196.78</v>
      </c>
      <c r="C18221">
        <v>1800</v>
      </c>
      <c r="D18221">
        <v>1.9</v>
      </c>
      <c r="E18221">
        <v>3534.24</v>
      </c>
      <c r="F18221">
        <v>96.868600000000001</v>
      </c>
    </row>
    <row r="18222" spans="1:6" x14ac:dyDescent="0.25">
      <c r="A18222">
        <v>174.93</v>
      </c>
      <c r="B18222">
        <v>196.78</v>
      </c>
      <c r="C18222">
        <v>1800</v>
      </c>
      <c r="D18222">
        <v>2.2000000000000002</v>
      </c>
      <c r="E18222">
        <v>3330.59</v>
      </c>
      <c r="F18222">
        <v>97.177899999999994</v>
      </c>
    </row>
    <row r="18223" spans="1:6" x14ac:dyDescent="0.25">
      <c r="A18223">
        <v>174.93</v>
      </c>
      <c r="B18223">
        <v>196.78</v>
      </c>
      <c r="C18223">
        <v>1800</v>
      </c>
      <c r="D18223">
        <v>2.5</v>
      </c>
      <c r="E18223">
        <v>3298.13</v>
      </c>
      <c r="F18223">
        <v>94.965900000000005</v>
      </c>
    </row>
    <row r="18224" spans="1:6" x14ac:dyDescent="0.25">
      <c r="A18224">
        <v>174.93</v>
      </c>
      <c r="B18224">
        <v>196.78</v>
      </c>
      <c r="C18224">
        <v>1800</v>
      </c>
      <c r="D18224">
        <v>2.8</v>
      </c>
      <c r="E18224">
        <v>3094.25</v>
      </c>
      <c r="F18224">
        <v>102.986</v>
      </c>
    </row>
    <row r="18225" spans="1:6" x14ac:dyDescent="0.25">
      <c r="A18225">
        <v>174.93</v>
      </c>
      <c r="B18225">
        <v>196.78</v>
      </c>
      <c r="C18225">
        <v>1800</v>
      </c>
      <c r="D18225">
        <v>3.1</v>
      </c>
      <c r="E18225">
        <v>3068.3</v>
      </c>
      <c r="F18225">
        <v>98.307100000000005</v>
      </c>
    </row>
    <row r="18226" spans="1:6" x14ac:dyDescent="0.25">
      <c r="A18226">
        <v>174.93</v>
      </c>
      <c r="B18226">
        <v>196.78</v>
      </c>
      <c r="C18226">
        <v>1800</v>
      </c>
      <c r="D18226">
        <v>3.4</v>
      </c>
      <c r="E18226">
        <v>2970.39</v>
      </c>
      <c r="F18226">
        <v>99.702100000000002</v>
      </c>
    </row>
    <row r="18227" spans="1:6" x14ac:dyDescent="0.25">
      <c r="A18227">
        <v>174.93</v>
      </c>
      <c r="B18227">
        <v>196.78</v>
      </c>
      <c r="C18227">
        <v>1800</v>
      </c>
      <c r="D18227">
        <v>3.7</v>
      </c>
      <c r="E18227">
        <v>2896.05</v>
      </c>
      <c r="F18227">
        <v>97.355400000000003</v>
      </c>
    </row>
    <row r="18228" spans="1:6" x14ac:dyDescent="0.25">
      <c r="A18228">
        <v>174.93</v>
      </c>
      <c r="B18228">
        <v>196.78</v>
      </c>
      <c r="C18228">
        <v>1800</v>
      </c>
      <c r="D18228">
        <v>4</v>
      </c>
      <c r="E18228">
        <v>2821.66</v>
      </c>
      <c r="F18228">
        <v>99.116399999999999</v>
      </c>
    </row>
    <row r="18229" spans="1:6" x14ac:dyDescent="0.25">
      <c r="A18229">
        <v>174.93</v>
      </c>
      <c r="B18229">
        <v>196.78</v>
      </c>
      <c r="C18229">
        <v>3345.45</v>
      </c>
      <c r="D18229">
        <v>1</v>
      </c>
      <c r="E18229">
        <v>4406.0200000000004</v>
      </c>
      <c r="F18229">
        <v>88.838800000000006</v>
      </c>
    </row>
    <row r="18230" spans="1:6" x14ac:dyDescent="0.25">
      <c r="A18230">
        <v>174.93</v>
      </c>
      <c r="B18230">
        <v>196.78</v>
      </c>
      <c r="C18230">
        <v>3345.45</v>
      </c>
      <c r="D18230">
        <v>1.3</v>
      </c>
      <c r="E18230">
        <v>4014.98</v>
      </c>
      <c r="F18230">
        <v>96.268000000000001</v>
      </c>
    </row>
    <row r="18231" spans="1:6" x14ac:dyDescent="0.25">
      <c r="A18231">
        <v>174.93</v>
      </c>
      <c r="B18231">
        <v>196.78</v>
      </c>
      <c r="C18231">
        <v>3345.45</v>
      </c>
      <c r="D18231">
        <v>1.6</v>
      </c>
      <c r="E18231">
        <v>3674.36</v>
      </c>
      <c r="F18231">
        <v>98.756900000000002</v>
      </c>
    </row>
    <row r="18232" spans="1:6" x14ac:dyDescent="0.25">
      <c r="A18232">
        <v>174.93</v>
      </c>
      <c r="B18232">
        <v>196.78</v>
      </c>
      <c r="C18232">
        <v>3345.45</v>
      </c>
      <c r="D18232">
        <v>1.9</v>
      </c>
      <c r="E18232">
        <v>3534.24</v>
      </c>
      <c r="F18232">
        <v>96.868600000000001</v>
      </c>
    </row>
    <row r="18233" spans="1:6" x14ac:dyDescent="0.25">
      <c r="A18233">
        <v>174.93</v>
      </c>
      <c r="B18233">
        <v>196.78</v>
      </c>
      <c r="C18233">
        <v>3345.45</v>
      </c>
      <c r="D18233">
        <v>2.2000000000000002</v>
      </c>
      <c r="E18233">
        <v>3330.59</v>
      </c>
      <c r="F18233">
        <v>97.177899999999994</v>
      </c>
    </row>
    <row r="18234" spans="1:6" x14ac:dyDescent="0.25">
      <c r="A18234">
        <v>174.93</v>
      </c>
      <c r="B18234">
        <v>196.78</v>
      </c>
      <c r="C18234">
        <v>3345.45</v>
      </c>
      <c r="D18234">
        <v>2.5</v>
      </c>
      <c r="E18234">
        <v>3298.13</v>
      </c>
      <c r="F18234">
        <v>94.965900000000005</v>
      </c>
    </row>
    <row r="18235" spans="1:6" x14ac:dyDescent="0.25">
      <c r="A18235">
        <v>174.93</v>
      </c>
      <c r="B18235">
        <v>196.78</v>
      </c>
      <c r="C18235">
        <v>3345.45</v>
      </c>
      <c r="D18235">
        <v>2.8</v>
      </c>
      <c r="E18235">
        <v>3094.25</v>
      </c>
      <c r="F18235">
        <v>102.986</v>
      </c>
    </row>
    <row r="18236" spans="1:6" x14ac:dyDescent="0.25">
      <c r="A18236">
        <v>174.93</v>
      </c>
      <c r="B18236">
        <v>196.78</v>
      </c>
      <c r="C18236">
        <v>3345.45</v>
      </c>
      <c r="D18236">
        <v>3.1</v>
      </c>
      <c r="E18236">
        <v>3068.3</v>
      </c>
      <c r="F18236">
        <v>98.307100000000005</v>
      </c>
    </row>
    <row r="18237" spans="1:6" x14ac:dyDescent="0.25">
      <c r="A18237">
        <v>174.93</v>
      </c>
      <c r="B18237">
        <v>196.78</v>
      </c>
      <c r="C18237">
        <v>3345.45</v>
      </c>
      <c r="D18237">
        <v>3.4</v>
      </c>
      <c r="E18237">
        <v>2970.39</v>
      </c>
      <c r="F18237">
        <v>99.702100000000002</v>
      </c>
    </row>
    <row r="18238" spans="1:6" x14ac:dyDescent="0.25">
      <c r="A18238">
        <v>174.93</v>
      </c>
      <c r="B18238">
        <v>196.78</v>
      </c>
      <c r="C18238">
        <v>3345.45</v>
      </c>
      <c r="D18238">
        <v>3.7</v>
      </c>
      <c r="E18238">
        <v>2999.05</v>
      </c>
      <c r="F18238">
        <v>97.355400000000003</v>
      </c>
    </row>
    <row r="18239" spans="1:6" x14ac:dyDescent="0.25">
      <c r="A18239">
        <v>174.93</v>
      </c>
      <c r="B18239">
        <v>196.78</v>
      </c>
      <c r="C18239">
        <v>3345.45</v>
      </c>
      <c r="D18239">
        <v>4</v>
      </c>
      <c r="E18239">
        <v>2931.47</v>
      </c>
      <c r="F18239">
        <v>99.116399999999999</v>
      </c>
    </row>
    <row r="18240" spans="1:6" x14ac:dyDescent="0.25">
      <c r="A18240">
        <v>174.93</v>
      </c>
      <c r="B18240">
        <v>196.78</v>
      </c>
      <c r="C18240">
        <v>4890.8999999999996</v>
      </c>
      <c r="D18240">
        <v>1</v>
      </c>
      <c r="E18240">
        <v>4406.0200000000004</v>
      </c>
      <c r="F18240">
        <v>88.838800000000006</v>
      </c>
    </row>
    <row r="18241" spans="1:6" x14ac:dyDescent="0.25">
      <c r="A18241">
        <v>174.93</v>
      </c>
      <c r="B18241">
        <v>196.78</v>
      </c>
      <c r="C18241">
        <v>4890.8999999999996</v>
      </c>
      <c r="D18241">
        <v>1.3</v>
      </c>
      <c r="E18241">
        <v>4014.98</v>
      </c>
      <c r="F18241">
        <v>96.268000000000001</v>
      </c>
    </row>
    <row r="18242" spans="1:6" x14ac:dyDescent="0.25">
      <c r="A18242">
        <v>174.93</v>
      </c>
      <c r="B18242">
        <v>196.78</v>
      </c>
      <c r="C18242">
        <v>4890.8999999999996</v>
      </c>
      <c r="D18242">
        <v>1.6</v>
      </c>
      <c r="E18242">
        <v>3674.36</v>
      </c>
      <c r="F18242">
        <v>98.756900000000002</v>
      </c>
    </row>
    <row r="18243" spans="1:6" x14ac:dyDescent="0.25">
      <c r="A18243">
        <v>174.93</v>
      </c>
      <c r="B18243">
        <v>196.78</v>
      </c>
      <c r="C18243">
        <v>4890.8999999999996</v>
      </c>
      <c r="D18243">
        <v>1.9</v>
      </c>
      <c r="E18243">
        <v>3534.24</v>
      </c>
      <c r="F18243">
        <v>96.868600000000001</v>
      </c>
    </row>
    <row r="18244" spans="1:6" x14ac:dyDescent="0.25">
      <c r="A18244">
        <v>174.93</v>
      </c>
      <c r="B18244">
        <v>196.78</v>
      </c>
      <c r="C18244">
        <v>4890.8999999999996</v>
      </c>
      <c r="D18244">
        <v>2.2000000000000002</v>
      </c>
      <c r="E18244">
        <v>3330.59</v>
      </c>
      <c r="F18244">
        <v>97.177899999999994</v>
      </c>
    </row>
    <row r="18245" spans="1:6" x14ac:dyDescent="0.25">
      <c r="A18245">
        <v>174.93</v>
      </c>
      <c r="B18245">
        <v>196.78</v>
      </c>
      <c r="C18245">
        <v>4890.8999999999996</v>
      </c>
      <c r="D18245">
        <v>2.5</v>
      </c>
      <c r="E18245">
        <v>3298.13</v>
      </c>
      <c r="F18245">
        <v>94.965900000000005</v>
      </c>
    </row>
    <row r="18246" spans="1:6" x14ac:dyDescent="0.25">
      <c r="A18246">
        <v>174.93</v>
      </c>
      <c r="B18246">
        <v>196.78</v>
      </c>
      <c r="C18246">
        <v>4890.8999999999996</v>
      </c>
      <c r="D18246">
        <v>2.8</v>
      </c>
      <c r="E18246">
        <v>3094.25</v>
      </c>
      <c r="F18246">
        <v>102.986</v>
      </c>
    </row>
    <row r="18247" spans="1:6" x14ac:dyDescent="0.25">
      <c r="A18247">
        <v>174.93</v>
      </c>
      <c r="B18247">
        <v>196.78</v>
      </c>
      <c r="C18247">
        <v>4890.8999999999996</v>
      </c>
      <c r="D18247">
        <v>3.1</v>
      </c>
      <c r="E18247">
        <v>3068.3</v>
      </c>
      <c r="F18247">
        <v>98.307100000000005</v>
      </c>
    </row>
    <row r="18248" spans="1:6" x14ac:dyDescent="0.25">
      <c r="A18248">
        <v>174.93</v>
      </c>
      <c r="B18248">
        <v>196.78</v>
      </c>
      <c r="C18248">
        <v>4890.8999999999996</v>
      </c>
      <c r="D18248">
        <v>3.4</v>
      </c>
      <c r="E18248">
        <v>2970.39</v>
      </c>
      <c r="F18248">
        <v>99.702100000000002</v>
      </c>
    </row>
    <row r="18249" spans="1:6" x14ac:dyDescent="0.25">
      <c r="A18249">
        <v>174.93</v>
      </c>
      <c r="B18249">
        <v>196.78</v>
      </c>
      <c r="C18249">
        <v>4890.8999999999996</v>
      </c>
      <c r="D18249">
        <v>3.7</v>
      </c>
      <c r="E18249">
        <v>2999.05</v>
      </c>
      <c r="F18249">
        <v>97.355400000000003</v>
      </c>
    </row>
    <row r="18250" spans="1:6" x14ac:dyDescent="0.25">
      <c r="A18250">
        <v>174.93</v>
      </c>
      <c r="B18250">
        <v>196.78</v>
      </c>
      <c r="C18250">
        <v>4890.8999999999996</v>
      </c>
      <c r="D18250">
        <v>4</v>
      </c>
      <c r="E18250">
        <v>2931.47</v>
      </c>
      <c r="F18250">
        <v>99.116399999999999</v>
      </c>
    </row>
    <row r="18251" spans="1:6" x14ac:dyDescent="0.25">
      <c r="A18251">
        <v>174.93</v>
      </c>
      <c r="B18251">
        <v>196.78</v>
      </c>
      <c r="C18251">
        <v>6436.35</v>
      </c>
      <c r="D18251">
        <v>1</v>
      </c>
      <c r="E18251">
        <v>4406.0200000000004</v>
      </c>
      <c r="F18251">
        <v>88.838800000000006</v>
      </c>
    </row>
    <row r="18252" spans="1:6" x14ac:dyDescent="0.25">
      <c r="A18252">
        <v>174.93</v>
      </c>
      <c r="B18252">
        <v>196.78</v>
      </c>
      <c r="C18252">
        <v>6436.35</v>
      </c>
      <c r="D18252">
        <v>1.3</v>
      </c>
      <c r="E18252">
        <v>4014.98</v>
      </c>
      <c r="F18252">
        <v>96.268000000000001</v>
      </c>
    </row>
    <row r="18253" spans="1:6" x14ac:dyDescent="0.25">
      <c r="A18253">
        <v>174.93</v>
      </c>
      <c r="B18253">
        <v>196.78</v>
      </c>
      <c r="C18253">
        <v>6436.35</v>
      </c>
      <c r="D18253">
        <v>1.6</v>
      </c>
      <c r="E18253">
        <v>3674.36</v>
      </c>
      <c r="F18253">
        <v>98.756900000000002</v>
      </c>
    </row>
    <row r="18254" spans="1:6" x14ac:dyDescent="0.25">
      <c r="A18254">
        <v>174.93</v>
      </c>
      <c r="B18254">
        <v>196.78</v>
      </c>
      <c r="C18254">
        <v>6436.35</v>
      </c>
      <c r="D18254">
        <v>1.9</v>
      </c>
      <c r="E18254">
        <v>3534.24</v>
      </c>
      <c r="F18254">
        <v>96.868600000000001</v>
      </c>
    </row>
    <row r="18255" spans="1:6" x14ac:dyDescent="0.25">
      <c r="A18255">
        <v>174.93</v>
      </c>
      <c r="B18255">
        <v>196.78</v>
      </c>
      <c r="C18255">
        <v>6436.35</v>
      </c>
      <c r="D18255">
        <v>2.2000000000000002</v>
      </c>
      <c r="E18255">
        <v>3330.59</v>
      </c>
      <c r="F18255">
        <v>97.177899999999994</v>
      </c>
    </row>
    <row r="18256" spans="1:6" x14ac:dyDescent="0.25">
      <c r="A18256">
        <v>174.93</v>
      </c>
      <c r="B18256">
        <v>196.78</v>
      </c>
      <c r="C18256">
        <v>6436.35</v>
      </c>
      <c r="D18256">
        <v>2.5</v>
      </c>
      <c r="E18256">
        <v>3298.13</v>
      </c>
      <c r="F18256">
        <v>94.965900000000005</v>
      </c>
    </row>
    <row r="18257" spans="1:6" x14ac:dyDescent="0.25">
      <c r="A18257">
        <v>174.93</v>
      </c>
      <c r="B18257">
        <v>196.78</v>
      </c>
      <c r="C18257">
        <v>6436.35</v>
      </c>
      <c r="D18257">
        <v>2.8</v>
      </c>
      <c r="E18257">
        <v>3094.25</v>
      </c>
      <c r="F18257">
        <v>102.986</v>
      </c>
    </row>
    <row r="18258" spans="1:6" x14ac:dyDescent="0.25">
      <c r="A18258">
        <v>174.93</v>
      </c>
      <c r="B18258">
        <v>196.78</v>
      </c>
      <c r="C18258">
        <v>6436.35</v>
      </c>
      <c r="D18258">
        <v>3.1</v>
      </c>
      <c r="E18258">
        <v>3068.3</v>
      </c>
      <c r="F18258">
        <v>98.307100000000005</v>
      </c>
    </row>
    <row r="18259" spans="1:6" x14ac:dyDescent="0.25">
      <c r="A18259">
        <v>174.93</v>
      </c>
      <c r="B18259">
        <v>196.78</v>
      </c>
      <c r="C18259">
        <v>6436.35</v>
      </c>
      <c r="D18259">
        <v>3.4</v>
      </c>
      <c r="E18259">
        <v>2970.39</v>
      </c>
      <c r="F18259">
        <v>99.702100000000002</v>
      </c>
    </row>
    <row r="18260" spans="1:6" x14ac:dyDescent="0.25">
      <c r="A18260">
        <v>174.93</v>
      </c>
      <c r="B18260">
        <v>196.78</v>
      </c>
      <c r="C18260">
        <v>6436.35</v>
      </c>
      <c r="D18260">
        <v>3.7</v>
      </c>
      <c r="E18260">
        <v>2999.05</v>
      </c>
      <c r="F18260">
        <v>97.355400000000003</v>
      </c>
    </row>
    <row r="18261" spans="1:6" x14ac:dyDescent="0.25">
      <c r="A18261">
        <v>174.93</v>
      </c>
      <c r="B18261">
        <v>196.78</v>
      </c>
      <c r="C18261">
        <v>6436.35</v>
      </c>
      <c r="D18261">
        <v>4</v>
      </c>
      <c r="E18261">
        <v>2931.47</v>
      </c>
      <c r="F18261">
        <v>99.116399999999999</v>
      </c>
    </row>
    <row r="18262" spans="1:6" x14ac:dyDescent="0.25">
      <c r="A18262">
        <v>174.93</v>
      </c>
      <c r="B18262">
        <v>196.78</v>
      </c>
      <c r="C18262">
        <v>7981.8</v>
      </c>
      <c r="D18262">
        <v>1</v>
      </c>
      <c r="E18262">
        <v>4406.0200000000004</v>
      </c>
      <c r="F18262">
        <v>88.838800000000006</v>
      </c>
    </row>
    <row r="18263" spans="1:6" x14ac:dyDescent="0.25">
      <c r="A18263">
        <v>174.93</v>
      </c>
      <c r="B18263">
        <v>196.78</v>
      </c>
      <c r="C18263">
        <v>7981.8</v>
      </c>
      <c r="D18263">
        <v>1.3</v>
      </c>
      <c r="E18263">
        <v>4014.98</v>
      </c>
      <c r="F18263">
        <v>96.268000000000001</v>
      </c>
    </row>
    <row r="18264" spans="1:6" x14ac:dyDescent="0.25">
      <c r="A18264">
        <v>174.93</v>
      </c>
      <c r="B18264">
        <v>196.78</v>
      </c>
      <c r="C18264">
        <v>7981.8</v>
      </c>
      <c r="D18264">
        <v>1.6</v>
      </c>
      <c r="E18264">
        <v>3674.36</v>
      </c>
      <c r="F18264">
        <v>98.756900000000002</v>
      </c>
    </row>
    <row r="18265" spans="1:6" x14ac:dyDescent="0.25">
      <c r="A18265">
        <v>174.93</v>
      </c>
      <c r="B18265">
        <v>196.78</v>
      </c>
      <c r="C18265">
        <v>7981.8</v>
      </c>
      <c r="D18265">
        <v>1.9</v>
      </c>
      <c r="E18265">
        <v>3534.24</v>
      </c>
      <c r="F18265">
        <v>96.868600000000001</v>
      </c>
    </row>
    <row r="18266" spans="1:6" x14ac:dyDescent="0.25">
      <c r="A18266">
        <v>174.93</v>
      </c>
      <c r="B18266">
        <v>196.78</v>
      </c>
      <c r="C18266">
        <v>7981.8</v>
      </c>
      <c r="D18266">
        <v>2.2000000000000002</v>
      </c>
      <c r="E18266">
        <v>3330.59</v>
      </c>
      <c r="F18266">
        <v>97.177899999999994</v>
      </c>
    </row>
    <row r="18267" spans="1:6" x14ac:dyDescent="0.25">
      <c r="A18267">
        <v>174.93</v>
      </c>
      <c r="B18267">
        <v>196.78</v>
      </c>
      <c r="C18267">
        <v>7981.8</v>
      </c>
      <c r="D18267">
        <v>2.5</v>
      </c>
      <c r="E18267">
        <v>3298.13</v>
      </c>
      <c r="F18267">
        <v>94.965900000000005</v>
      </c>
    </row>
    <row r="18268" spans="1:6" x14ac:dyDescent="0.25">
      <c r="A18268">
        <v>174.93</v>
      </c>
      <c r="B18268">
        <v>196.78</v>
      </c>
      <c r="C18268">
        <v>7981.8</v>
      </c>
      <c r="D18268">
        <v>2.8</v>
      </c>
      <c r="E18268">
        <v>3094.25</v>
      </c>
      <c r="F18268">
        <v>102.986</v>
      </c>
    </row>
    <row r="18269" spans="1:6" x14ac:dyDescent="0.25">
      <c r="A18269">
        <v>174.93</v>
      </c>
      <c r="B18269">
        <v>196.78</v>
      </c>
      <c r="C18269">
        <v>7981.8</v>
      </c>
      <c r="D18269">
        <v>3.1</v>
      </c>
      <c r="E18269">
        <v>3068.3</v>
      </c>
      <c r="F18269">
        <v>98.307100000000005</v>
      </c>
    </row>
    <row r="18270" spans="1:6" x14ac:dyDescent="0.25">
      <c r="A18270">
        <v>174.93</v>
      </c>
      <c r="B18270">
        <v>196.78</v>
      </c>
      <c r="C18270">
        <v>7981.8</v>
      </c>
      <c r="D18270">
        <v>3.4</v>
      </c>
      <c r="E18270">
        <v>2970.39</v>
      </c>
      <c r="F18270">
        <v>99.702100000000002</v>
      </c>
    </row>
    <row r="18271" spans="1:6" x14ac:dyDescent="0.25">
      <c r="A18271">
        <v>174.93</v>
      </c>
      <c r="B18271">
        <v>196.78</v>
      </c>
      <c r="C18271">
        <v>7981.8</v>
      </c>
      <c r="D18271">
        <v>3.7</v>
      </c>
      <c r="E18271">
        <v>2999.05</v>
      </c>
      <c r="F18271">
        <v>97.355400000000003</v>
      </c>
    </row>
    <row r="18272" spans="1:6" x14ac:dyDescent="0.25">
      <c r="A18272">
        <v>174.93</v>
      </c>
      <c r="B18272">
        <v>196.78</v>
      </c>
      <c r="C18272">
        <v>7981.8</v>
      </c>
      <c r="D18272">
        <v>4</v>
      </c>
      <c r="E18272">
        <v>2931.47</v>
      </c>
      <c r="F18272">
        <v>99.116399999999999</v>
      </c>
    </row>
    <row r="18273" spans="1:6" x14ac:dyDescent="0.25">
      <c r="A18273">
        <v>174.93</v>
      </c>
      <c r="B18273">
        <v>196.78</v>
      </c>
      <c r="C18273">
        <v>9527.25</v>
      </c>
      <c r="D18273">
        <v>1</v>
      </c>
      <c r="E18273">
        <v>4406.0200000000004</v>
      </c>
      <c r="F18273">
        <v>88.838800000000006</v>
      </c>
    </row>
    <row r="18274" spans="1:6" x14ac:dyDescent="0.25">
      <c r="A18274">
        <v>174.93</v>
      </c>
      <c r="B18274">
        <v>196.78</v>
      </c>
      <c r="C18274">
        <v>9527.25</v>
      </c>
      <c r="D18274">
        <v>1.3</v>
      </c>
      <c r="E18274">
        <v>4014.98</v>
      </c>
      <c r="F18274">
        <v>96.268000000000001</v>
      </c>
    </row>
    <row r="18275" spans="1:6" x14ac:dyDescent="0.25">
      <c r="A18275">
        <v>174.93</v>
      </c>
      <c r="B18275">
        <v>196.78</v>
      </c>
      <c r="C18275">
        <v>9527.25</v>
      </c>
      <c r="D18275">
        <v>1.6</v>
      </c>
      <c r="E18275">
        <v>3674.36</v>
      </c>
      <c r="F18275">
        <v>98.756900000000002</v>
      </c>
    </row>
    <row r="18276" spans="1:6" x14ac:dyDescent="0.25">
      <c r="A18276">
        <v>174.93</v>
      </c>
      <c r="B18276">
        <v>196.78</v>
      </c>
      <c r="C18276">
        <v>9527.25</v>
      </c>
      <c r="D18276">
        <v>1.9</v>
      </c>
      <c r="E18276">
        <v>3534.24</v>
      </c>
      <c r="F18276">
        <v>96.868600000000001</v>
      </c>
    </row>
    <row r="18277" spans="1:6" x14ac:dyDescent="0.25">
      <c r="A18277">
        <v>174.93</v>
      </c>
      <c r="B18277">
        <v>196.78</v>
      </c>
      <c r="C18277">
        <v>9527.25</v>
      </c>
      <c r="D18277">
        <v>2.2000000000000002</v>
      </c>
      <c r="E18277">
        <v>3330.59</v>
      </c>
      <c r="F18277">
        <v>97.177899999999994</v>
      </c>
    </row>
    <row r="18278" spans="1:6" x14ac:dyDescent="0.25">
      <c r="A18278">
        <v>174.93</v>
      </c>
      <c r="B18278">
        <v>196.78</v>
      </c>
      <c r="C18278">
        <v>9527.25</v>
      </c>
      <c r="D18278">
        <v>2.5</v>
      </c>
      <c r="E18278">
        <v>3298.13</v>
      </c>
      <c r="F18278">
        <v>94.965900000000005</v>
      </c>
    </row>
    <row r="18279" spans="1:6" x14ac:dyDescent="0.25">
      <c r="A18279">
        <v>174.93</v>
      </c>
      <c r="B18279">
        <v>196.78</v>
      </c>
      <c r="C18279">
        <v>9527.25</v>
      </c>
      <c r="D18279">
        <v>2.8</v>
      </c>
      <c r="E18279">
        <v>3094.25</v>
      </c>
      <c r="F18279">
        <v>102.986</v>
      </c>
    </row>
    <row r="18280" spans="1:6" x14ac:dyDescent="0.25">
      <c r="A18280">
        <v>174.93</v>
      </c>
      <c r="B18280">
        <v>196.78</v>
      </c>
      <c r="C18280">
        <v>9527.25</v>
      </c>
      <c r="D18280">
        <v>3.1</v>
      </c>
      <c r="E18280">
        <v>3068.3</v>
      </c>
      <c r="F18280">
        <v>98.307100000000005</v>
      </c>
    </row>
    <row r="18281" spans="1:6" x14ac:dyDescent="0.25">
      <c r="A18281">
        <v>174.93</v>
      </c>
      <c r="B18281">
        <v>196.78</v>
      </c>
      <c r="C18281">
        <v>9527.25</v>
      </c>
      <c r="D18281">
        <v>3.4</v>
      </c>
      <c r="E18281">
        <v>2970.39</v>
      </c>
      <c r="F18281">
        <v>99.702100000000002</v>
      </c>
    </row>
    <row r="18282" spans="1:6" x14ac:dyDescent="0.25">
      <c r="A18282">
        <v>174.93</v>
      </c>
      <c r="B18282">
        <v>196.78</v>
      </c>
      <c r="C18282">
        <v>9527.25</v>
      </c>
      <c r="D18282">
        <v>3.7</v>
      </c>
      <c r="E18282">
        <v>2999.05</v>
      </c>
      <c r="F18282">
        <v>97.355400000000003</v>
      </c>
    </row>
    <row r="18283" spans="1:6" x14ac:dyDescent="0.25">
      <c r="A18283">
        <v>174.93</v>
      </c>
      <c r="B18283">
        <v>196.78</v>
      </c>
      <c r="C18283">
        <v>9527.25</v>
      </c>
      <c r="D18283">
        <v>4</v>
      </c>
      <c r="E18283">
        <v>2931.47</v>
      </c>
      <c r="F18283">
        <v>99.116399999999999</v>
      </c>
    </row>
    <row r="18284" spans="1:6" x14ac:dyDescent="0.25">
      <c r="A18284">
        <v>174.93</v>
      </c>
      <c r="B18284">
        <v>196.78</v>
      </c>
      <c r="C18284">
        <v>11072.7</v>
      </c>
      <c r="D18284">
        <v>1</v>
      </c>
      <c r="E18284">
        <v>4406.0200000000004</v>
      </c>
      <c r="F18284">
        <v>88.838800000000006</v>
      </c>
    </row>
    <row r="18285" spans="1:6" x14ac:dyDescent="0.25">
      <c r="A18285">
        <v>174.93</v>
      </c>
      <c r="B18285">
        <v>196.78</v>
      </c>
      <c r="C18285">
        <v>11072.7</v>
      </c>
      <c r="D18285">
        <v>1.3</v>
      </c>
      <c r="E18285">
        <v>4014.98</v>
      </c>
      <c r="F18285">
        <v>96.268000000000001</v>
      </c>
    </row>
    <row r="18286" spans="1:6" x14ac:dyDescent="0.25">
      <c r="A18286">
        <v>174.93</v>
      </c>
      <c r="B18286">
        <v>196.78</v>
      </c>
      <c r="C18286">
        <v>11072.7</v>
      </c>
      <c r="D18286">
        <v>1.6</v>
      </c>
      <c r="E18286">
        <v>3674.36</v>
      </c>
      <c r="F18286">
        <v>98.756900000000002</v>
      </c>
    </row>
    <row r="18287" spans="1:6" x14ac:dyDescent="0.25">
      <c r="A18287">
        <v>174.93</v>
      </c>
      <c r="B18287">
        <v>196.78</v>
      </c>
      <c r="C18287">
        <v>11072.7</v>
      </c>
      <c r="D18287">
        <v>1.9</v>
      </c>
      <c r="E18287">
        <v>3534.24</v>
      </c>
      <c r="F18287">
        <v>96.868600000000001</v>
      </c>
    </row>
    <row r="18288" spans="1:6" x14ac:dyDescent="0.25">
      <c r="A18288">
        <v>174.93</v>
      </c>
      <c r="B18288">
        <v>196.78</v>
      </c>
      <c r="C18288">
        <v>11072.7</v>
      </c>
      <c r="D18288">
        <v>2.2000000000000002</v>
      </c>
      <c r="E18288">
        <v>3330.59</v>
      </c>
      <c r="F18288">
        <v>97.177899999999994</v>
      </c>
    </row>
    <row r="18289" spans="1:6" x14ac:dyDescent="0.25">
      <c r="A18289">
        <v>174.93</v>
      </c>
      <c r="B18289">
        <v>196.78</v>
      </c>
      <c r="C18289">
        <v>11072.7</v>
      </c>
      <c r="D18289">
        <v>2.5</v>
      </c>
      <c r="E18289">
        <v>3298.13</v>
      </c>
      <c r="F18289">
        <v>94.965900000000005</v>
      </c>
    </row>
    <row r="18290" spans="1:6" x14ac:dyDescent="0.25">
      <c r="A18290">
        <v>174.93</v>
      </c>
      <c r="B18290">
        <v>196.78</v>
      </c>
      <c r="C18290">
        <v>11072.7</v>
      </c>
      <c r="D18290">
        <v>2.8</v>
      </c>
      <c r="E18290">
        <v>3094.25</v>
      </c>
      <c r="F18290">
        <v>102.986</v>
      </c>
    </row>
    <row r="18291" spans="1:6" x14ac:dyDescent="0.25">
      <c r="A18291">
        <v>174.93</v>
      </c>
      <c r="B18291">
        <v>196.78</v>
      </c>
      <c r="C18291">
        <v>11072.7</v>
      </c>
      <c r="D18291">
        <v>3.1</v>
      </c>
      <c r="E18291">
        <v>3068.3</v>
      </c>
      <c r="F18291">
        <v>98.307100000000005</v>
      </c>
    </row>
    <row r="18292" spans="1:6" x14ac:dyDescent="0.25">
      <c r="A18292">
        <v>174.93</v>
      </c>
      <c r="B18292">
        <v>196.78</v>
      </c>
      <c r="C18292">
        <v>11072.7</v>
      </c>
      <c r="D18292">
        <v>3.4</v>
      </c>
      <c r="E18292">
        <v>2970.39</v>
      </c>
      <c r="F18292">
        <v>99.702100000000002</v>
      </c>
    </row>
    <row r="18293" spans="1:6" x14ac:dyDescent="0.25">
      <c r="A18293">
        <v>174.93</v>
      </c>
      <c r="B18293">
        <v>196.78</v>
      </c>
      <c r="C18293">
        <v>11072.7</v>
      </c>
      <c r="D18293">
        <v>3.7</v>
      </c>
      <c r="E18293">
        <v>2999.05</v>
      </c>
      <c r="F18293">
        <v>97.355400000000003</v>
      </c>
    </row>
    <row r="18294" spans="1:6" x14ac:dyDescent="0.25">
      <c r="A18294">
        <v>174.93</v>
      </c>
      <c r="B18294">
        <v>196.78</v>
      </c>
      <c r="C18294">
        <v>11072.7</v>
      </c>
      <c r="D18294">
        <v>4</v>
      </c>
      <c r="E18294">
        <v>2931.47</v>
      </c>
      <c r="F18294">
        <v>99.116399999999999</v>
      </c>
    </row>
    <row r="18295" spans="1:6" x14ac:dyDescent="0.25">
      <c r="A18295">
        <v>174.93</v>
      </c>
      <c r="B18295">
        <v>196.78</v>
      </c>
      <c r="C18295">
        <v>12618.2</v>
      </c>
      <c r="D18295">
        <v>1</v>
      </c>
      <c r="E18295">
        <v>4406.0200000000004</v>
      </c>
      <c r="F18295">
        <v>88.838800000000006</v>
      </c>
    </row>
    <row r="18296" spans="1:6" x14ac:dyDescent="0.25">
      <c r="A18296">
        <v>174.93</v>
      </c>
      <c r="B18296">
        <v>196.78</v>
      </c>
      <c r="C18296">
        <v>12618.2</v>
      </c>
      <c r="D18296">
        <v>1.3</v>
      </c>
      <c r="E18296">
        <v>4014.98</v>
      </c>
      <c r="F18296">
        <v>96.268000000000001</v>
      </c>
    </row>
    <row r="18297" spans="1:6" x14ac:dyDescent="0.25">
      <c r="A18297">
        <v>174.93</v>
      </c>
      <c r="B18297">
        <v>196.78</v>
      </c>
      <c r="C18297">
        <v>12618.2</v>
      </c>
      <c r="D18297">
        <v>1.6</v>
      </c>
      <c r="E18297">
        <v>3674.36</v>
      </c>
      <c r="F18297">
        <v>98.756900000000002</v>
      </c>
    </row>
    <row r="18298" spans="1:6" x14ac:dyDescent="0.25">
      <c r="A18298">
        <v>174.93</v>
      </c>
      <c r="B18298">
        <v>196.78</v>
      </c>
      <c r="C18298">
        <v>12618.2</v>
      </c>
      <c r="D18298">
        <v>1.9</v>
      </c>
      <c r="E18298">
        <v>3534.24</v>
      </c>
      <c r="F18298">
        <v>96.868600000000001</v>
      </c>
    </row>
    <row r="18299" spans="1:6" x14ac:dyDescent="0.25">
      <c r="A18299">
        <v>174.93</v>
      </c>
      <c r="B18299">
        <v>196.78</v>
      </c>
      <c r="C18299">
        <v>12618.2</v>
      </c>
      <c r="D18299">
        <v>2.2000000000000002</v>
      </c>
      <c r="E18299">
        <v>3330.59</v>
      </c>
      <c r="F18299">
        <v>97.177899999999994</v>
      </c>
    </row>
    <row r="18300" spans="1:6" x14ac:dyDescent="0.25">
      <c r="A18300">
        <v>174.93</v>
      </c>
      <c r="B18300">
        <v>196.78</v>
      </c>
      <c r="C18300">
        <v>12618.2</v>
      </c>
      <c r="D18300">
        <v>2.5</v>
      </c>
      <c r="E18300">
        <v>3298.13</v>
      </c>
      <c r="F18300">
        <v>94.965900000000005</v>
      </c>
    </row>
    <row r="18301" spans="1:6" x14ac:dyDescent="0.25">
      <c r="A18301">
        <v>174.93</v>
      </c>
      <c r="B18301">
        <v>196.78</v>
      </c>
      <c r="C18301">
        <v>12618.2</v>
      </c>
      <c r="D18301">
        <v>2.8</v>
      </c>
      <c r="E18301">
        <v>3094.25</v>
      </c>
      <c r="F18301">
        <v>102.986</v>
      </c>
    </row>
    <row r="18302" spans="1:6" x14ac:dyDescent="0.25">
      <c r="A18302">
        <v>174.93</v>
      </c>
      <c r="B18302">
        <v>196.78</v>
      </c>
      <c r="C18302">
        <v>12618.2</v>
      </c>
      <c r="D18302">
        <v>3.1</v>
      </c>
      <c r="E18302">
        <v>3068.3</v>
      </c>
      <c r="F18302">
        <v>98.307100000000005</v>
      </c>
    </row>
    <row r="18303" spans="1:6" x14ac:dyDescent="0.25">
      <c r="A18303">
        <v>174.93</v>
      </c>
      <c r="B18303">
        <v>196.78</v>
      </c>
      <c r="C18303">
        <v>12618.2</v>
      </c>
      <c r="D18303">
        <v>3.4</v>
      </c>
      <c r="E18303">
        <v>2970.39</v>
      </c>
      <c r="F18303">
        <v>99.702100000000002</v>
      </c>
    </row>
    <row r="18304" spans="1:6" x14ac:dyDescent="0.25">
      <c r="A18304">
        <v>174.93</v>
      </c>
      <c r="B18304">
        <v>196.78</v>
      </c>
      <c r="C18304">
        <v>12618.2</v>
      </c>
      <c r="D18304">
        <v>3.7</v>
      </c>
      <c r="E18304">
        <v>2999.05</v>
      </c>
      <c r="F18304">
        <v>97.355400000000003</v>
      </c>
    </row>
    <row r="18305" spans="1:6" x14ac:dyDescent="0.25">
      <c r="A18305">
        <v>174.93</v>
      </c>
      <c r="B18305">
        <v>196.78</v>
      </c>
      <c r="C18305">
        <v>12618.2</v>
      </c>
      <c r="D18305">
        <v>4</v>
      </c>
      <c r="E18305">
        <v>2931.47</v>
      </c>
      <c r="F18305">
        <v>99.116399999999999</v>
      </c>
    </row>
    <row r="18306" spans="1:6" x14ac:dyDescent="0.25">
      <c r="A18306">
        <v>174.93</v>
      </c>
      <c r="B18306">
        <v>196.78</v>
      </c>
      <c r="C18306">
        <v>14163.6</v>
      </c>
      <c r="D18306">
        <v>1</v>
      </c>
      <c r="E18306">
        <v>4406.0200000000004</v>
      </c>
      <c r="F18306">
        <v>88.838800000000006</v>
      </c>
    </row>
    <row r="18307" spans="1:6" x14ac:dyDescent="0.25">
      <c r="A18307">
        <v>174.93</v>
      </c>
      <c r="B18307">
        <v>196.78</v>
      </c>
      <c r="C18307">
        <v>14163.6</v>
      </c>
      <c r="D18307">
        <v>1.3</v>
      </c>
      <c r="E18307">
        <v>4014.98</v>
      </c>
      <c r="F18307">
        <v>96.268000000000001</v>
      </c>
    </row>
    <row r="18308" spans="1:6" x14ac:dyDescent="0.25">
      <c r="A18308">
        <v>174.93</v>
      </c>
      <c r="B18308">
        <v>196.78</v>
      </c>
      <c r="C18308">
        <v>14163.6</v>
      </c>
      <c r="D18308">
        <v>1.6</v>
      </c>
      <c r="E18308">
        <v>3674.36</v>
      </c>
      <c r="F18308">
        <v>98.756900000000002</v>
      </c>
    </row>
    <row r="18309" spans="1:6" x14ac:dyDescent="0.25">
      <c r="A18309">
        <v>174.93</v>
      </c>
      <c r="B18309">
        <v>196.78</v>
      </c>
      <c r="C18309">
        <v>14163.6</v>
      </c>
      <c r="D18309">
        <v>1.9</v>
      </c>
      <c r="E18309">
        <v>3534.24</v>
      </c>
      <c r="F18309">
        <v>96.868600000000001</v>
      </c>
    </row>
    <row r="18310" spans="1:6" x14ac:dyDescent="0.25">
      <c r="A18310">
        <v>174.93</v>
      </c>
      <c r="B18310">
        <v>196.78</v>
      </c>
      <c r="C18310">
        <v>14163.6</v>
      </c>
      <c r="D18310">
        <v>2.2000000000000002</v>
      </c>
      <c r="E18310">
        <v>3330.59</v>
      </c>
      <c r="F18310">
        <v>97.177899999999994</v>
      </c>
    </row>
    <row r="18311" spans="1:6" x14ac:dyDescent="0.25">
      <c r="A18311">
        <v>174.93</v>
      </c>
      <c r="B18311">
        <v>196.78</v>
      </c>
      <c r="C18311">
        <v>14163.6</v>
      </c>
      <c r="D18311">
        <v>2.5</v>
      </c>
      <c r="E18311">
        <v>3298.13</v>
      </c>
      <c r="F18311">
        <v>94.965900000000005</v>
      </c>
    </row>
    <row r="18312" spans="1:6" x14ac:dyDescent="0.25">
      <c r="A18312">
        <v>174.93</v>
      </c>
      <c r="B18312">
        <v>196.78</v>
      </c>
      <c r="C18312">
        <v>14163.6</v>
      </c>
      <c r="D18312">
        <v>2.8</v>
      </c>
      <c r="E18312">
        <v>3094.25</v>
      </c>
      <c r="F18312">
        <v>102.986</v>
      </c>
    </row>
    <row r="18313" spans="1:6" x14ac:dyDescent="0.25">
      <c r="A18313">
        <v>174.93</v>
      </c>
      <c r="B18313">
        <v>196.78</v>
      </c>
      <c r="C18313">
        <v>14163.6</v>
      </c>
      <c r="D18313">
        <v>3.1</v>
      </c>
      <c r="E18313">
        <v>3068.3</v>
      </c>
      <c r="F18313">
        <v>98.307100000000005</v>
      </c>
    </row>
    <row r="18314" spans="1:6" x14ac:dyDescent="0.25">
      <c r="A18314">
        <v>174.93</v>
      </c>
      <c r="B18314">
        <v>196.78</v>
      </c>
      <c r="C18314">
        <v>14163.6</v>
      </c>
      <c r="D18314">
        <v>3.4</v>
      </c>
      <c r="E18314">
        <v>2970.39</v>
      </c>
      <c r="F18314">
        <v>99.702100000000002</v>
      </c>
    </row>
    <row r="18315" spans="1:6" x14ac:dyDescent="0.25">
      <c r="A18315">
        <v>174.93</v>
      </c>
      <c r="B18315">
        <v>196.78</v>
      </c>
      <c r="C18315">
        <v>14163.6</v>
      </c>
      <c r="D18315">
        <v>3.7</v>
      </c>
      <c r="E18315">
        <v>2999.05</v>
      </c>
      <c r="F18315">
        <v>97.355400000000003</v>
      </c>
    </row>
    <row r="18316" spans="1:6" x14ac:dyDescent="0.25">
      <c r="A18316">
        <v>174.93</v>
      </c>
      <c r="B18316">
        <v>196.78</v>
      </c>
      <c r="C18316">
        <v>14163.6</v>
      </c>
      <c r="D18316">
        <v>4</v>
      </c>
      <c r="E18316">
        <v>2931.47</v>
      </c>
      <c r="F18316">
        <v>99.116399999999999</v>
      </c>
    </row>
    <row r="18317" spans="1:6" x14ac:dyDescent="0.25">
      <c r="A18317">
        <v>174.93</v>
      </c>
      <c r="B18317">
        <v>196.78</v>
      </c>
      <c r="C18317">
        <v>15709.1</v>
      </c>
      <c r="D18317">
        <v>1</v>
      </c>
      <c r="E18317">
        <v>4406.0200000000004</v>
      </c>
      <c r="F18317">
        <v>88.838800000000006</v>
      </c>
    </row>
    <row r="18318" spans="1:6" x14ac:dyDescent="0.25">
      <c r="A18318">
        <v>174.93</v>
      </c>
      <c r="B18318">
        <v>196.78</v>
      </c>
      <c r="C18318">
        <v>15709.1</v>
      </c>
      <c r="D18318">
        <v>1.3</v>
      </c>
      <c r="E18318">
        <v>4014.98</v>
      </c>
      <c r="F18318">
        <v>96.268000000000001</v>
      </c>
    </row>
    <row r="18319" spans="1:6" x14ac:dyDescent="0.25">
      <c r="A18319">
        <v>174.93</v>
      </c>
      <c r="B18319">
        <v>196.78</v>
      </c>
      <c r="C18319">
        <v>15709.1</v>
      </c>
      <c r="D18319">
        <v>1.6</v>
      </c>
      <c r="E18319">
        <v>3674.36</v>
      </c>
      <c r="F18319">
        <v>98.756900000000002</v>
      </c>
    </row>
    <row r="18320" spans="1:6" x14ac:dyDescent="0.25">
      <c r="A18320">
        <v>174.93</v>
      </c>
      <c r="B18320">
        <v>196.78</v>
      </c>
      <c r="C18320">
        <v>15709.1</v>
      </c>
      <c r="D18320">
        <v>1.9</v>
      </c>
      <c r="E18320">
        <v>3534.24</v>
      </c>
      <c r="F18320">
        <v>96.868600000000001</v>
      </c>
    </row>
    <row r="18321" spans="1:6" x14ac:dyDescent="0.25">
      <c r="A18321">
        <v>174.93</v>
      </c>
      <c r="B18321">
        <v>196.78</v>
      </c>
      <c r="C18321">
        <v>15709.1</v>
      </c>
      <c r="D18321">
        <v>2.2000000000000002</v>
      </c>
      <c r="E18321">
        <v>3330.59</v>
      </c>
      <c r="F18321">
        <v>97.177899999999994</v>
      </c>
    </row>
    <row r="18322" spans="1:6" x14ac:dyDescent="0.25">
      <c r="A18322">
        <v>174.93</v>
      </c>
      <c r="B18322">
        <v>196.78</v>
      </c>
      <c r="C18322">
        <v>15709.1</v>
      </c>
      <c r="D18322">
        <v>2.5</v>
      </c>
      <c r="E18322">
        <v>3298.13</v>
      </c>
      <c r="F18322">
        <v>94.965900000000005</v>
      </c>
    </row>
    <row r="18323" spans="1:6" x14ac:dyDescent="0.25">
      <c r="A18323">
        <v>174.93</v>
      </c>
      <c r="B18323">
        <v>196.78</v>
      </c>
      <c r="C18323">
        <v>15709.1</v>
      </c>
      <c r="D18323">
        <v>2.8</v>
      </c>
      <c r="E18323">
        <v>3094.25</v>
      </c>
      <c r="F18323">
        <v>102.986</v>
      </c>
    </row>
    <row r="18324" spans="1:6" x14ac:dyDescent="0.25">
      <c r="A18324">
        <v>174.93</v>
      </c>
      <c r="B18324">
        <v>196.78</v>
      </c>
      <c r="C18324">
        <v>15709.1</v>
      </c>
      <c r="D18324">
        <v>3.1</v>
      </c>
      <c r="E18324">
        <v>3068.3</v>
      </c>
      <c r="F18324">
        <v>98.307100000000005</v>
      </c>
    </row>
    <row r="18325" spans="1:6" x14ac:dyDescent="0.25">
      <c r="A18325">
        <v>174.93</v>
      </c>
      <c r="B18325">
        <v>196.78</v>
      </c>
      <c r="C18325">
        <v>15709.1</v>
      </c>
      <c r="D18325">
        <v>3.4</v>
      </c>
      <c r="E18325">
        <v>2970.39</v>
      </c>
      <c r="F18325">
        <v>99.702100000000002</v>
      </c>
    </row>
    <row r="18326" spans="1:6" x14ac:dyDescent="0.25">
      <c r="A18326">
        <v>174.93</v>
      </c>
      <c r="B18326">
        <v>196.78</v>
      </c>
      <c r="C18326">
        <v>15709.1</v>
      </c>
      <c r="D18326">
        <v>3.7</v>
      </c>
      <c r="E18326">
        <v>2999.05</v>
      </c>
      <c r="F18326">
        <v>97.355400000000003</v>
      </c>
    </row>
    <row r="18327" spans="1:6" x14ac:dyDescent="0.25">
      <c r="A18327">
        <v>174.93</v>
      </c>
      <c r="B18327">
        <v>196.78</v>
      </c>
      <c r="C18327">
        <v>15709.1</v>
      </c>
      <c r="D18327">
        <v>4</v>
      </c>
      <c r="E18327">
        <v>2931.47</v>
      </c>
      <c r="F18327">
        <v>99.116399999999999</v>
      </c>
    </row>
    <row r="18328" spans="1:6" x14ac:dyDescent="0.25">
      <c r="A18328">
        <v>174.93</v>
      </c>
      <c r="B18328">
        <v>196.78</v>
      </c>
      <c r="C18328">
        <v>17254.5</v>
      </c>
      <c r="D18328">
        <v>1</v>
      </c>
      <c r="E18328">
        <v>4406.0200000000004</v>
      </c>
      <c r="F18328">
        <v>88.838800000000006</v>
      </c>
    </row>
    <row r="18329" spans="1:6" x14ac:dyDescent="0.25">
      <c r="A18329">
        <v>174.93</v>
      </c>
      <c r="B18329">
        <v>196.78</v>
      </c>
      <c r="C18329">
        <v>17254.5</v>
      </c>
      <c r="D18329">
        <v>1.3</v>
      </c>
      <c r="E18329">
        <v>4014.98</v>
      </c>
      <c r="F18329">
        <v>96.268000000000001</v>
      </c>
    </row>
    <row r="18330" spans="1:6" x14ac:dyDescent="0.25">
      <c r="A18330">
        <v>174.93</v>
      </c>
      <c r="B18330">
        <v>196.78</v>
      </c>
      <c r="C18330">
        <v>17254.5</v>
      </c>
      <c r="D18330">
        <v>1.6</v>
      </c>
      <c r="E18330">
        <v>3674.36</v>
      </c>
      <c r="F18330">
        <v>98.756900000000002</v>
      </c>
    </row>
    <row r="18331" spans="1:6" x14ac:dyDescent="0.25">
      <c r="A18331">
        <v>174.93</v>
      </c>
      <c r="B18331">
        <v>196.78</v>
      </c>
      <c r="C18331">
        <v>17254.5</v>
      </c>
      <c r="D18331">
        <v>1.9</v>
      </c>
      <c r="E18331">
        <v>3534.24</v>
      </c>
      <c r="F18331">
        <v>96.868600000000001</v>
      </c>
    </row>
    <row r="18332" spans="1:6" x14ac:dyDescent="0.25">
      <c r="A18332">
        <v>174.93</v>
      </c>
      <c r="B18332">
        <v>196.78</v>
      </c>
      <c r="C18332">
        <v>17254.5</v>
      </c>
      <c r="D18332">
        <v>2.2000000000000002</v>
      </c>
      <c r="E18332">
        <v>3330.59</v>
      </c>
      <c r="F18332">
        <v>97.177899999999994</v>
      </c>
    </row>
    <row r="18333" spans="1:6" x14ac:dyDescent="0.25">
      <c r="A18333">
        <v>174.93</v>
      </c>
      <c r="B18333">
        <v>196.78</v>
      </c>
      <c r="C18333">
        <v>17254.5</v>
      </c>
      <c r="D18333">
        <v>2.5</v>
      </c>
      <c r="E18333">
        <v>3298.13</v>
      </c>
      <c r="F18333">
        <v>94.965900000000005</v>
      </c>
    </row>
    <row r="18334" spans="1:6" x14ac:dyDescent="0.25">
      <c r="A18334">
        <v>174.93</v>
      </c>
      <c r="B18334">
        <v>196.78</v>
      </c>
      <c r="C18334">
        <v>17254.5</v>
      </c>
      <c r="D18334">
        <v>2.8</v>
      </c>
      <c r="E18334">
        <v>3094.25</v>
      </c>
      <c r="F18334">
        <v>102.986</v>
      </c>
    </row>
    <row r="18335" spans="1:6" x14ac:dyDescent="0.25">
      <c r="A18335">
        <v>174.93</v>
      </c>
      <c r="B18335">
        <v>196.78</v>
      </c>
      <c r="C18335">
        <v>17254.5</v>
      </c>
      <c r="D18335">
        <v>3.1</v>
      </c>
      <c r="E18335">
        <v>3068.3</v>
      </c>
      <c r="F18335">
        <v>98.307100000000005</v>
      </c>
    </row>
    <row r="18336" spans="1:6" x14ac:dyDescent="0.25">
      <c r="A18336">
        <v>174.93</v>
      </c>
      <c r="B18336">
        <v>196.78</v>
      </c>
      <c r="C18336">
        <v>17254.5</v>
      </c>
      <c r="D18336">
        <v>3.4</v>
      </c>
      <c r="E18336">
        <v>2970.39</v>
      </c>
      <c r="F18336">
        <v>99.702100000000002</v>
      </c>
    </row>
    <row r="18337" spans="1:6" x14ac:dyDescent="0.25">
      <c r="A18337">
        <v>174.93</v>
      </c>
      <c r="B18337">
        <v>196.78</v>
      </c>
      <c r="C18337">
        <v>17254.5</v>
      </c>
      <c r="D18337">
        <v>3.7</v>
      </c>
      <c r="E18337">
        <v>2999.05</v>
      </c>
      <c r="F18337">
        <v>97.355400000000003</v>
      </c>
    </row>
    <row r="18338" spans="1:6" x14ac:dyDescent="0.25">
      <c r="A18338">
        <v>174.93</v>
      </c>
      <c r="B18338">
        <v>196.78</v>
      </c>
      <c r="C18338">
        <v>17254.5</v>
      </c>
      <c r="D18338">
        <v>4</v>
      </c>
      <c r="E18338">
        <v>2931.47</v>
      </c>
      <c r="F18338">
        <v>99.116399999999999</v>
      </c>
    </row>
    <row r="18339" spans="1:6" x14ac:dyDescent="0.25">
      <c r="A18339">
        <v>174.93</v>
      </c>
      <c r="B18339">
        <v>196.78</v>
      </c>
      <c r="C18339">
        <v>18800</v>
      </c>
      <c r="D18339">
        <v>1</v>
      </c>
      <c r="E18339">
        <v>4406.0200000000004</v>
      </c>
      <c r="F18339">
        <v>88.838800000000006</v>
      </c>
    </row>
    <row r="18340" spans="1:6" x14ac:dyDescent="0.25">
      <c r="A18340">
        <v>174.93</v>
      </c>
      <c r="B18340">
        <v>196.78</v>
      </c>
      <c r="C18340">
        <v>18800</v>
      </c>
      <c r="D18340">
        <v>1.3</v>
      </c>
      <c r="E18340">
        <v>4014.98</v>
      </c>
      <c r="F18340">
        <v>96.268000000000001</v>
      </c>
    </row>
    <row r="18341" spans="1:6" x14ac:dyDescent="0.25">
      <c r="A18341">
        <v>174.93</v>
      </c>
      <c r="B18341">
        <v>196.78</v>
      </c>
      <c r="C18341">
        <v>18800</v>
      </c>
      <c r="D18341">
        <v>1.6</v>
      </c>
      <c r="E18341">
        <v>3674.36</v>
      </c>
      <c r="F18341">
        <v>98.756900000000002</v>
      </c>
    </row>
    <row r="18342" spans="1:6" x14ac:dyDescent="0.25">
      <c r="A18342">
        <v>174.93</v>
      </c>
      <c r="B18342">
        <v>196.78</v>
      </c>
      <c r="C18342">
        <v>18800</v>
      </c>
      <c r="D18342">
        <v>1.9</v>
      </c>
      <c r="E18342">
        <v>3534.24</v>
      </c>
      <c r="F18342">
        <v>96.868600000000001</v>
      </c>
    </row>
    <row r="18343" spans="1:6" x14ac:dyDescent="0.25">
      <c r="A18343">
        <v>174.93</v>
      </c>
      <c r="B18343">
        <v>196.78</v>
      </c>
      <c r="C18343">
        <v>18800</v>
      </c>
      <c r="D18343">
        <v>2.2000000000000002</v>
      </c>
      <c r="E18343">
        <v>3330.59</v>
      </c>
      <c r="F18343">
        <v>97.177899999999994</v>
      </c>
    </row>
    <row r="18344" spans="1:6" x14ac:dyDescent="0.25">
      <c r="A18344">
        <v>174.93</v>
      </c>
      <c r="B18344">
        <v>196.78</v>
      </c>
      <c r="C18344">
        <v>18800</v>
      </c>
      <c r="D18344">
        <v>2.5</v>
      </c>
      <c r="E18344">
        <v>3298.13</v>
      </c>
      <c r="F18344">
        <v>94.965900000000005</v>
      </c>
    </row>
    <row r="18345" spans="1:6" x14ac:dyDescent="0.25">
      <c r="A18345">
        <v>174.93</v>
      </c>
      <c r="B18345">
        <v>196.78</v>
      </c>
      <c r="C18345">
        <v>18800</v>
      </c>
      <c r="D18345">
        <v>2.8</v>
      </c>
      <c r="E18345">
        <v>3094.25</v>
      </c>
      <c r="F18345">
        <v>102.986</v>
      </c>
    </row>
    <row r="18346" spans="1:6" x14ac:dyDescent="0.25">
      <c r="A18346">
        <v>174.93</v>
      </c>
      <c r="B18346">
        <v>196.78</v>
      </c>
      <c r="C18346">
        <v>18800</v>
      </c>
      <c r="D18346">
        <v>3.1</v>
      </c>
      <c r="E18346">
        <v>3068.3</v>
      </c>
      <c r="F18346">
        <v>98.307100000000005</v>
      </c>
    </row>
    <row r="18347" spans="1:6" x14ac:dyDescent="0.25">
      <c r="A18347">
        <v>174.93</v>
      </c>
      <c r="B18347">
        <v>196.78</v>
      </c>
      <c r="C18347">
        <v>18800</v>
      </c>
      <c r="D18347">
        <v>3.4</v>
      </c>
      <c r="E18347">
        <v>2970.39</v>
      </c>
      <c r="F18347">
        <v>99.702100000000002</v>
      </c>
    </row>
    <row r="18348" spans="1:6" x14ac:dyDescent="0.25">
      <c r="A18348">
        <v>174.93</v>
      </c>
      <c r="B18348">
        <v>196.78</v>
      </c>
      <c r="C18348">
        <v>18800</v>
      </c>
      <c r="D18348">
        <v>3.7</v>
      </c>
      <c r="E18348">
        <v>2999.05</v>
      </c>
      <c r="F18348">
        <v>97.355400000000003</v>
      </c>
    </row>
    <row r="18349" spans="1:6" x14ac:dyDescent="0.25">
      <c r="A18349">
        <v>174.93</v>
      </c>
      <c r="B18349">
        <v>196.78</v>
      </c>
      <c r="C18349">
        <v>18800</v>
      </c>
      <c r="D18349">
        <v>4</v>
      </c>
      <c r="E18349">
        <v>2931.47</v>
      </c>
      <c r="F18349">
        <v>99.116399999999999</v>
      </c>
    </row>
    <row r="18350" spans="1:6" x14ac:dyDescent="0.25">
      <c r="A18350">
        <v>174.93</v>
      </c>
      <c r="B18350">
        <v>200.41</v>
      </c>
      <c r="C18350">
        <v>1800</v>
      </c>
      <c r="D18350">
        <v>1</v>
      </c>
      <c r="E18350">
        <v>4406.0200000000004</v>
      </c>
      <c r="F18350">
        <v>88.838800000000006</v>
      </c>
    </row>
    <row r="18351" spans="1:6" x14ac:dyDescent="0.25">
      <c r="A18351">
        <v>174.93</v>
      </c>
      <c r="B18351">
        <v>200.41</v>
      </c>
      <c r="C18351">
        <v>1800</v>
      </c>
      <c r="D18351">
        <v>1.3</v>
      </c>
      <c r="E18351">
        <v>4014.98</v>
      </c>
      <c r="F18351">
        <v>96.268000000000001</v>
      </c>
    </row>
    <row r="18352" spans="1:6" x14ac:dyDescent="0.25">
      <c r="A18352">
        <v>174.93</v>
      </c>
      <c r="B18352">
        <v>200.41</v>
      </c>
      <c r="C18352">
        <v>1800</v>
      </c>
      <c r="D18352">
        <v>1.6</v>
      </c>
      <c r="E18352">
        <v>3674.36</v>
      </c>
      <c r="F18352">
        <v>98.756900000000002</v>
      </c>
    </row>
    <row r="18353" spans="1:6" x14ac:dyDescent="0.25">
      <c r="A18353">
        <v>174.93</v>
      </c>
      <c r="B18353">
        <v>200.41</v>
      </c>
      <c r="C18353">
        <v>1800</v>
      </c>
      <c r="D18353">
        <v>1.9</v>
      </c>
      <c r="E18353">
        <v>3534.24</v>
      </c>
      <c r="F18353">
        <v>96.868600000000001</v>
      </c>
    </row>
    <row r="18354" spans="1:6" x14ac:dyDescent="0.25">
      <c r="A18354">
        <v>174.93</v>
      </c>
      <c r="B18354">
        <v>200.41</v>
      </c>
      <c r="C18354">
        <v>1800</v>
      </c>
      <c r="D18354">
        <v>2.2000000000000002</v>
      </c>
      <c r="E18354">
        <v>3330.59</v>
      </c>
      <c r="F18354">
        <v>97.177899999999994</v>
      </c>
    </row>
    <row r="18355" spans="1:6" x14ac:dyDescent="0.25">
      <c r="A18355">
        <v>174.93</v>
      </c>
      <c r="B18355">
        <v>200.41</v>
      </c>
      <c r="C18355">
        <v>1800</v>
      </c>
      <c r="D18355">
        <v>2.5</v>
      </c>
      <c r="E18355">
        <v>3298.13</v>
      </c>
      <c r="F18355">
        <v>94.965900000000005</v>
      </c>
    </row>
    <row r="18356" spans="1:6" x14ac:dyDescent="0.25">
      <c r="A18356">
        <v>174.93</v>
      </c>
      <c r="B18356">
        <v>200.41</v>
      </c>
      <c r="C18356">
        <v>1800</v>
      </c>
      <c r="D18356">
        <v>2.8</v>
      </c>
      <c r="E18356">
        <v>3094.25</v>
      </c>
      <c r="F18356">
        <v>102.986</v>
      </c>
    </row>
    <row r="18357" spans="1:6" x14ac:dyDescent="0.25">
      <c r="A18357">
        <v>174.93</v>
      </c>
      <c r="B18357">
        <v>200.41</v>
      </c>
      <c r="C18357">
        <v>1800</v>
      </c>
      <c r="D18357">
        <v>3.1</v>
      </c>
      <c r="E18357">
        <v>3068.3</v>
      </c>
      <c r="F18357">
        <v>98.307100000000005</v>
      </c>
    </row>
    <row r="18358" spans="1:6" x14ac:dyDescent="0.25">
      <c r="A18358">
        <v>174.93</v>
      </c>
      <c r="B18358">
        <v>200.41</v>
      </c>
      <c r="C18358">
        <v>1800</v>
      </c>
      <c r="D18358">
        <v>3.4</v>
      </c>
      <c r="E18358">
        <v>2970.39</v>
      </c>
      <c r="F18358">
        <v>99.702100000000002</v>
      </c>
    </row>
    <row r="18359" spans="1:6" x14ac:dyDescent="0.25">
      <c r="A18359">
        <v>174.93</v>
      </c>
      <c r="B18359">
        <v>200.41</v>
      </c>
      <c r="C18359">
        <v>1800</v>
      </c>
      <c r="D18359">
        <v>3.7</v>
      </c>
      <c r="E18359">
        <v>2896.05</v>
      </c>
      <c r="F18359">
        <v>97.355400000000003</v>
      </c>
    </row>
    <row r="18360" spans="1:6" x14ac:dyDescent="0.25">
      <c r="A18360">
        <v>174.93</v>
      </c>
      <c r="B18360">
        <v>200.41</v>
      </c>
      <c r="C18360">
        <v>1800</v>
      </c>
      <c r="D18360">
        <v>4</v>
      </c>
      <c r="E18360">
        <v>2821.66</v>
      </c>
      <c r="F18360">
        <v>99.116399999999999</v>
      </c>
    </row>
    <row r="18361" spans="1:6" x14ac:dyDescent="0.25">
      <c r="A18361">
        <v>174.93</v>
      </c>
      <c r="B18361">
        <v>200.41</v>
      </c>
      <c r="C18361">
        <v>3345.45</v>
      </c>
      <c r="D18361">
        <v>1</v>
      </c>
      <c r="E18361">
        <v>4406.0200000000004</v>
      </c>
      <c r="F18361">
        <v>88.838800000000006</v>
      </c>
    </row>
    <row r="18362" spans="1:6" x14ac:dyDescent="0.25">
      <c r="A18362">
        <v>174.93</v>
      </c>
      <c r="B18362">
        <v>200.41</v>
      </c>
      <c r="C18362">
        <v>3345.45</v>
      </c>
      <c r="D18362">
        <v>1.3</v>
      </c>
      <c r="E18362">
        <v>4014.98</v>
      </c>
      <c r="F18362">
        <v>96.268000000000001</v>
      </c>
    </row>
    <row r="18363" spans="1:6" x14ac:dyDescent="0.25">
      <c r="A18363">
        <v>174.93</v>
      </c>
      <c r="B18363">
        <v>200.41</v>
      </c>
      <c r="C18363">
        <v>3345.45</v>
      </c>
      <c r="D18363">
        <v>1.6</v>
      </c>
      <c r="E18363">
        <v>3674.36</v>
      </c>
      <c r="F18363">
        <v>98.756900000000002</v>
      </c>
    </row>
    <row r="18364" spans="1:6" x14ac:dyDescent="0.25">
      <c r="A18364">
        <v>174.93</v>
      </c>
      <c r="B18364">
        <v>200.41</v>
      </c>
      <c r="C18364">
        <v>3345.45</v>
      </c>
      <c r="D18364">
        <v>1.9</v>
      </c>
      <c r="E18364">
        <v>3534.24</v>
      </c>
      <c r="F18364">
        <v>96.868600000000001</v>
      </c>
    </row>
    <row r="18365" spans="1:6" x14ac:dyDescent="0.25">
      <c r="A18365">
        <v>174.93</v>
      </c>
      <c r="B18365">
        <v>200.41</v>
      </c>
      <c r="C18365">
        <v>3345.45</v>
      </c>
      <c r="D18365">
        <v>2.2000000000000002</v>
      </c>
      <c r="E18365">
        <v>3330.59</v>
      </c>
      <c r="F18365">
        <v>97.177899999999994</v>
      </c>
    </row>
    <row r="18366" spans="1:6" x14ac:dyDescent="0.25">
      <c r="A18366">
        <v>174.93</v>
      </c>
      <c r="B18366">
        <v>200.41</v>
      </c>
      <c r="C18366">
        <v>3345.45</v>
      </c>
      <c r="D18366">
        <v>2.5</v>
      </c>
      <c r="E18366">
        <v>3298.13</v>
      </c>
      <c r="F18366">
        <v>94.965900000000005</v>
      </c>
    </row>
    <row r="18367" spans="1:6" x14ac:dyDescent="0.25">
      <c r="A18367">
        <v>174.93</v>
      </c>
      <c r="B18367">
        <v>200.41</v>
      </c>
      <c r="C18367">
        <v>3345.45</v>
      </c>
      <c r="D18367">
        <v>2.8</v>
      </c>
      <c r="E18367">
        <v>3094.25</v>
      </c>
      <c r="F18367">
        <v>102.986</v>
      </c>
    </row>
    <row r="18368" spans="1:6" x14ac:dyDescent="0.25">
      <c r="A18368">
        <v>174.93</v>
      </c>
      <c r="B18368">
        <v>200.41</v>
      </c>
      <c r="C18368">
        <v>3345.45</v>
      </c>
      <c r="D18368">
        <v>3.1</v>
      </c>
      <c r="E18368">
        <v>3068.3</v>
      </c>
      <c r="F18368">
        <v>98.307100000000005</v>
      </c>
    </row>
    <row r="18369" spans="1:6" x14ac:dyDescent="0.25">
      <c r="A18369">
        <v>174.93</v>
      </c>
      <c r="B18369">
        <v>200.41</v>
      </c>
      <c r="C18369">
        <v>3345.45</v>
      </c>
      <c r="D18369">
        <v>3.4</v>
      </c>
      <c r="E18369">
        <v>2970.39</v>
      </c>
      <c r="F18369">
        <v>99.702100000000002</v>
      </c>
    </row>
    <row r="18370" spans="1:6" x14ac:dyDescent="0.25">
      <c r="A18370">
        <v>174.93</v>
      </c>
      <c r="B18370">
        <v>200.41</v>
      </c>
      <c r="C18370">
        <v>3345.45</v>
      </c>
      <c r="D18370">
        <v>3.7</v>
      </c>
      <c r="E18370">
        <v>2999.05</v>
      </c>
      <c r="F18370">
        <v>97.355400000000003</v>
      </c>
    </row>
    <row r="18371" spans="1:6" x14ac:dyDescent="0.25">
      <c r="A18371">
        <v>174.93</v>
      </c>
      <c r="B18371">
        <v>200.41</v>
      </c>
      <c r="C18371">
        <v>3345.45</v>
      </c>
      <c r="D18371">
        <v>4</v>
      </c>
      <c r="E18371">
        <v>2931.47</v>
      </c>
      <c r="F18371">
        <v>99.116399999999999</v>
      </c>
    </row>
    <row r="18372" spans="1:6" x14ac:dyDescent="0.25">
      <c r="A18372">
        <v>174.93</v>
      </c>
      <c r="B18372">
        <v>200.41</v>
      </c>
      <c r="C18372">
        <v>4890.8999999999996</v>
      </c>
      <c r="D18372">
        <v>1</v>
      </c>
      <c r="E18372">
        <v>4406.0200000000004</v>
      </c>
      <c r="F18372">
        <v>88.838800000000006</v>
      </c>
    </row>
    <row r="18373" spans="1:6" x14ac:dyDescent="0.25">
      <c r="A18373">
        <v>174.93</v>
      </c>
      <c r="B18373">
        <v>200.41</v>
      </c>
      <c r="C18373">
        <v>4890.8999999999996</v>
      </c>
      <c r="D18373">
        <v>1.3</v>
      </c>
      <c r="E18373">
        <v>4014.98</v>
      </c>
      <c r="F18373">
        <v>96.268000000000001</v>
      </c>
    </row>
    <row r="18374" spans="1:6" x14ac:dyDescent="0.25">
      <c r="A18374">
        <v>174.93</v>
      </c>
      <c r="B18374">
        <v>200.41</v>
      </c>
      <c r="C18374">
        <v>4890.8999999999996</v>
      </c>
      <c r="D18374">
        <v>1.6</v>
      </c>
      <c r="E18374">
        <v>3674.36</v>
      </c>
      <c r="F18374">
        <v>98.756900000000002</v>
      </c>
    </row>
    <row r="18375" spans="1:6" x14ac:dyDescent="0.25">
      <c r="A18375">
        <v>174.93</v>
      </c>
      <c r="B18375">
        <v>200.41</v>
      </c>
      <c r="C18375">
        <v>4890.8999999999996</v>
      </c>
      <c r="D18375">
        <v>1.9</v>
      </c>
      <c r="E18375">
        <v>3534.24</v>
      </c>
      <c r="F18375">
        <v>96.868600000000001</v>
      </c>
    </row>
    <row r="18376" spans="1:6" x14ac:dyDescent="0.25">
      <c r="A18376">
        <v>174.93</v>
      </c>
      <c r="B18376">
        <v>200.41</v>
      </c>
      <c r="C18376">
        <v>4890.8999999999996</v>
      </c>
      <c r="D18376">
        <v>2.2000000000000002</v>
      </c>
      <c r="E18376">
        <v>3330.59</v>
      </c>
      <c r="F18376">
        <v>97.177899999999994</v>
      </c>
    </row>
    <row r="18377" spans="1:6" x14ac:dyDescent="0.25">
      <c r="A18377">
        <v>174.93</v>
      </c>
      <c r="B18377">
        <v>200.41</v>
      </c>
      <c r="C18377">
        <v>4890.8999999999996</v>
      </c>
      <c r="D18377">
        <v>2.5</v>
      </c>
      <c r="E18377">
        <v>3298.13</v>
      </c>
      <c r="F18377">
        <v>94.965900000000005</v>
      </c>
    </row>
    <row r="18378" spans="1:6" x14ac:dyDescent="0.25">
      <c r="A18378">
        <v>174.93</v>
      </c>
      <c r="B18378">
        <v>200.41</v>
      </c>
      <c r="C18378">
        <v>4890.8999999999996</v>
      </c>
      <c r="D18378">
        <v>2.8</v>
      </c>
      <c r="E18378">
        <v>3094.25</v>
      </c>
      <c r="F18378">
        <v>102.986</v>
      </c>
    </row>
    <row r="18379" spans="1:6" x14ac:dyDescent="0.25">
      <c r="A18379">
        <v>174.93</v>
      </c>
      <c r="B18379">
        <v>200.41</v>
      </c>
      <c r="C18379">
        <v>4890.8999999999996</v>
      </c>
      <c r="D18379">
        <v>3.1</v>
      </c>
      <c r="E18379">
        <v>3068.3</v>
      </c>
      <c r="F18379">
        <v>98.307100000000005</v>
      </c>
    </row>
    <row r="18380" spans="1:6" x14ac:dyDescent="0.25">
      <c r="A18380">
        <v>174.93</v>
      </c>
      <c r="B18380">
        <v>200.41</v>
      </c>
      <c r="C18380">
        <v>4890.8999999999996</v>
      </c>
      <c r="D18380">
        <v>3.4</v>
      </c>
      <c r="E18380">
        <v>2970.39</v>
      </c>
      <c r="F18380">
        <v>99.702100000000002</v>
      </c>
    </row>
    <row r="18381" spans="1:6" x14ac:dyDescent="0.25">
      <c r="A18381">
        <v>174.93</v>
      </c>
      <c r="B18381">
        <v>200.41</v>
      </c>
      <c r="C18381">
        <v>4890.8999999999996</v>
      </c>
      <c r="D18381">
        <v>3.7</v>
      </c>
      <c r="E18381">
        <v>2999.05</v>
      </c>
      <c r="F18381">
        <v>97.355400000000003</v>
      </c>
    </row>
    <row r="18382" spans="1:6" x14ac:dyDescent="0.25">
      <c r="A18382">
        <v>174.93</v>
      </c>
      <c r="B18382">
        <v>200.41</v>
      </c>
      <c r="C18382">
        <v>4890.8999999999996</v>
      </c>
      <c r="D18382">
        <v>4</v>
      </c>
      <c r="E18382">
        <v>2931.47</v>
      </c>
      <c r="F18382">
        <v>99.116399999999999</v>
      </c>
    </row>
    <row r="18383" spans="1:6" x14ac:dyDescent="0.25">
      <c r="A18383">
        <v>174.93</v>
      </c>
      <c r="B18383">
        <v>200.41</v>
      </c>
      <c r="C18383">
        <v>6436.35</v>
      </c>
      <c r="D18383">
        <v>1</v>
      </c>
      <c r="E18383">
        <v>4406.0200000000004</v>
      </c>
      <c r="F18383">
        <v>88.838800000000006</v>
      </c>
    </row>
    <row r="18384" spans="1:6" x14ac:dyDescent="0.25">
      <c r="A18384">
        <v>174.93</v>
      </c>
      <c r="B18384">
        <v>200.41</v>
      </c>
      <c r="C18384">
        <v>6436.35</v>
      </c>
      <c r="D18384">
        <v>1.3</v>
      </c>
      <c r="E18384">
        <v>4014.98</v>
      </c>
      <c r="F18384">
        <v>96.268000000000001</v>
      </c>
    </row>
    <row r="18385" spans="1:6" x14ac:dyDescent="0.25">
      <c r="A18385">
        <v>174.93</v>
      </c>
      <c r="B18385">
        <v>200.41</v>
      </c>
      <c r="C18385">
        <v>6436.35</v>
      </c>
      <c r="D18385">
        <v>1.6</v>
      </c>
      <c r="E18385">
        <v>3674.36</v>
      </c>
      <c r="F18385">
        <v>98.756900000000002</v>
      </c>
    </row>
    <row r="18386" spans="1:6" x14ac:dyDescent="0.25">
      <c r="A18386">
        <v>174.93</v>
      </c>
      <c r="B18386">
        <v>200.41</v>
      </c>
      <c r="C18386">
        <v>6436.35</v>
      </c>
      <c r="D18386">
        <v>1.9</v>
      </c>
      <c r="E18386">
        <v>3534.24</v>
      </c>
      <c r="F18386">
        <v>96.868600000000001</v>
      </c>
    </row>
    <row r="18387" spans="1:6" x14ac:dyDescent="0.25">
      <c r="A18387">
        <v>174.93</v>
      </c>
      <c r="B18387">
        <v>200.41</v>
      </c>
      <c r="C18387">
        <v>6436.35</v>
      </c>
      <c r="D18387">
        <v>2.2000000000000002</v>
      </c>
      <c r="E18387">
        <v>3330.59</v>
      </c>
      <c r="F18387">
        <v>97.177899999999994</v>
      </c>
    </row>
    <row r="18388" spans="1:6" x14ac:dyDescent="0.25">
      <c r="A18388">
        <v>174.93</v>
      </c>
      <c r="B18388">
        <v>200.41</v>
      </c>
      <c r="C18388">
        <v>6436.35</v>
      </c>
      <c r="D18388">
        <v>2.5</v>
      </c>
      <c r="E18388">
        <v>3298.13</v>
      </c>
      <c r="F18388">
        <v>94.965900000000005</v>
      </c>
    </row>
    <row r="18389" spans="1:6" x14ac:dyDescent="0.25">
      <c r="A18389">
        <v>174.93</v>
      </c>
      <c r="B18389">
        <v>200.41</v>
      </c>
      <c r="C18389">
        <v>6436.35</v>
      </c>
      <c r="D18389">
        <v>2.8</v>
      </c>
      <c r="E18389">
        <v>3094.25</v>
      </c>
      <c r="F18389">
        <v>102.986</v>
      </c>
    </row>
    <row r="18390" spans="1:6" x14ac:dyDescent="0.25">
      <c r="A18390">
        <v>174.93</v>
      </c>
      <c r="B18390">
        <v>200.41</v>
      </c>
      <c r="C18390">
        <v>6436.35</v>
      </c>
      <c r="D18390">
        <v>3.1</v>
      </c>
      <c r="E18390">
        <v>3068.3</v>
      </c>
      <c r="F18390">
        <v>98.307100000000005</v>
      </c>
    </row>
    <row r="18391" spans="1:6" x14ac:dyDescent="0.25">
      <c r="A18391">
        <v>174.93</v>
      </c>
      <c r="B18391">
        <v>200.41</v>
      </c>
      <c r="C18391">
        <v>6436.35</v>
      </c>
      <c r="D18391">
        <v>3.4</v>
      </c>
      <c r="E18391">
        <v>2970.39</v>
      </c>
      <c r="F18391">
        <v>99.702100000000002</v>
      </c>
    </row>
    <row r="18392" spans="1:6" x14ac:dyDescent="0.25">
      <c r="A18392">
        <v>174.93</v>
      </c>
      <c r="B18392">
        <v>200.41</v>
      </c>
      <c r="C18392">
        <v>6436.35</v>
      </c>
      <c r="D18392">
        <v>3.7</v>
      </c>
      <c r="E18392">
        <v>2999.05</v>
      </c>
      <c r="F18392">
        <v>97.355400000000003</v>
      </c>
    </row>
    <row r="18393" spans="1:6" x14ac:dyDescent="0.25">
      <c r="A18393">
        <v>174.93</v>
      </c>
      <c r="B18393">
        <v>200.41</v>
      </c>
      <c r="C18393">
        <v>6436.35</v>
      </c>
      <c r="D18393">
        <v>4</v>
      </c>
      <c r="E18393">
        <v>2931.47</v>
      </c>
      <c r="F18393">
        <v>99.116399999999999</v>
      </c>
    </row>
    <row r="18394" spans="1:6" x14ac:dyDescent="0.25">
      <c r="A18394">
        <v>174.93</v>
      </c>
      <c r="B18394">
        <v>200.41</v>
      </c>
      <c r="C18394">
        <v>7981.8</v>
      </c>
      <c r="D18394">
        <v>1</v>
      </c>
      <c r="E18394">
        <v>4406.0200000000004</v>
      </c>
      <c r="F18394">
        <v>88.838800000000006</v>
      </c>
    </row>
    <row r="18395" spans="1:6" x14ac:dyDescent="0.25">
      <c r="A18395">
        <v>174.93</v>
      </c>
      <c r="B18395">
        <v>200.41</v>
      </c>
      <c r="C18395">
        <v>7981.8</v>
      </c>
      <c r="D18395">
        <v>1.3</v>
      </c>
      <c r="E18395">
        <v>4014.98</v>
      </c>
      <c r="F18395">
        <v>96.268000000000001</v>
      </c>
    </row>
    <row r="18396" spans="1:6" x14ac:dyDescent="0.25">
      <c r="A18396">
        <v>174.93</v>
      </c>
      <c r="B18396">
        <v>200.41</v>
      </c>
      <c r="C18396">
        <v>7981.8</v>
      </c>
      <c r="D18396">
        <v>1.6</v>
      </c>
      <c r="E18396">
        <v>3674.36</v>
      </c>
      <c r="F18396">
        <v>98.756900000000002</v>
      </c>
    </row>
    <row r="18397" spans="1:6" x14ac:dyDescent="0.25">
      <c r="A18397">
        <v>174.93</v>
      </c>
      <c r="B18397">
        <v>200.41</v>
      </c>
      <c r="C18397">
        <v>7981.8</v>
      </c>
      <c r="D18397">
        <v>1.9</v>
      </c>
      <c r="E18397">
        <v>3534.24</v>
      </c>
      <c r="F18397">
        <v>96.868600000000001</v>
      </c>
    </row>
    <row r="18398" spans="1:6" x14ac:dyDescent="0.25">
      <c r="A18398">
        <v>174.93</v>
      </c>
      <c r="B18398">
        <v>200.41</v>
      </c>
      <c r="C18398">
        <v>7981.8</v>
      </c>
      <c r="D18398">
        <v>2.2000000000000002</v>
      </c>
      <c r="E18398">
        <v>3330.59</v>
      </c>
      <c r="F18398">
        <v>97.177899999999994</v>
      </c>
    </row>
    <row r="18399" spans="1:6" x14ac:dyDescent="0.25">
      <c r="A18399">
        <v>174.93</v>
      </c>
      <c r="B18399">
        <v>200.41</v>
      </c>
      <c r="C18399">
        <v>7981.8</v>
      </c>
      <c r="D18399">
        <v>2.5</v>
      </c>
      <c r="E18399">
        <v>3298.13</v>
      </c>
      <c r="F18399">
        <v>94.965900000000005</v>
      </c>
    </row>
    <row r="18400" spans="1:6" x14ac:dyDescent="0.25">
      <c r="A18400">
        <v>174.93</v>
      </c>
      <c r="B18400">
        <v>200.41</v>
      </c>
      <c r="C18400">
        <v>7981.8</v>
      </c>
      <c r="D18400">
        <v>2.8</v>
      </c>
      <c r="E18400">
        <v>3094.25</v>
      </c>
      <c r="F18400">
        <v>102.986</v>
      </c>
    </row>
    <row r="18401" spans="1:6" x14ac:dyDescent="0.25">
      <c r="A18401">
        <v>174.93</v>
      </c>
      <c r="B18401">
        <v>200.41</v>
      </c>
      <c r="C18401">
        <v>7981.8</v>
      </c>
      <c r="D18401">
        <v>3.1</v>
      </c>
      <c r="E18401">
        <v>3068.3</v>
      </c>
      <c r="F18401">
        <v>98.307100000000005</v>
      </c>
    </row>
    <row r="18402" spans="1:6" x14ac:dyDescent="0.25">
      <c r="A18402">
        <v>174.93</v>
      </c>
      <c r="B18402">
        <v>200.41</v>
      </c>
      <c r="C18402">
        <v>7981.8</v>
      </c>
      <c r="D18402">
        <v>3.4</v>
      </c>
      <c r="E18402">
        <v>2970.39</v>
      </c>
      <c r="F18402">
        <v>99.702100000000002</v>
      </c>
    </row>
    <row r="18403" spans="1:6" x14ac:dyDescent="0.25">
      <c r="A18403">
        <v>174.93</v>
      </c>
      <c r="B18403">
        <v>200.41</v>
      </c>
      <c r="C18403">
        <v>7981.8</v>
      </c>
      <c r="D18403">
        <v>3.7</v>
      </c>
      <c r="E18403">
        <v>2999.05</v>
      </c>
      <c r="F18403">
        <v>97.355400000000003</v>
      </c>
    </row>
    <row r="18404" spans="1:6" x14ac:dyDescent="0.25">
      <c r="A18404">
        <v>174.93</v>
      </c>
      <c r="B18404">
        <v>200.41</v>
      </c>
      <c r="C18404">
        <v>7981.8</v>
      </c>
      <c r="D18404">
        <v>4</v>
      </c>
      <c r="E18404">
        <v>2931.47</v>
      </c>
      <c r="F18404">
        <v>99.116399999999999</v>
      </c>
    </row>
    <row r="18405" spans="1:6" x14ac:dyDescent="0.25">
      <c r="A18405">
        <v>174.93</v>
      </c>
      <c r="B18405">
        <v>200.41</v>
      </c>
      <c r="C18405">
        <v>9527.25</v>
      </c>
      <c r="D18405">
        <v>1</v>
      </c>
      <c r="E18405">
        <v>4406.0200000000004</v>
      </c>
      <c r="F18405">
        <v>88.838800000000006</v>
      </c>
    </row>
    <row r="18406" spans="1:6" x14ac:dyDescent="0.25">
      <c r="A18406">
        <v>174.93</v>
      </c>
      <c r="B18406">
        <v>200.41</v>
      </c>
      <c r="C18406">
        <v>9527.25</v>
      </c>
      <c r="D18406">
        <v>1.3</v>
      </c>
      <c r="E18406">
        <v>4014.98</v>
      </c>
      <c r="F18406">
        <v>96.268000000000001</v>
      </c>
    </row>
    <row r="18407" spans="1:6" x14ac:dyDescent="0.25">
      <c r="A18407">
        <v>174.93</v>
      </c>
      <c r="B18407">
        <v>200.41</v>
      </c>
      <c r="C18407">
        <v>9527.25</v>
      </c>
      <c r="D18407">
        <v>1.6</v>
      </c>
      <c r="E18407">
        <v>3674.36</v>
      </c>
      <c r="F18407">
        <v>98.756900000000002</v>
      </c>
    </row>
    <row r="18408" spans="1:6" x14ac:dyDescent="0.25">
      <c r="A18408">
        <v>174.93</v>
      </c>
      <c r="B18408">
        <v>200.41</v>
      </c>
      <c r="C18408">
        <v>9527.25</v>
      </c>
      <c r="D18408">
        <v>1.9</v>
      </c>
      <c r="E18408">
        <v>3534.24</v>
      </c>
      <c r="F18408">
        <v>96.868600000000001</v>
      </c>
    </row>
    <row r="18409" spans="1:6" x14ac:dyDescent="0.25">
      <c r="A18409">
        <v>174.93</v>
      </c>
      <c r="B18409">
        <v>200.41</v>
      </c>
      <c r="C18409">
        <v>9527.25</v>
      </c>
      <c r="D18409">
        <v>2.2000000000000002</v>
      </c>
      <c r="E18409">
        <v>3330.59</v>
      </c>
      <c r="F18409">
        <v>97.177899999999994</v>
      </c>
    </row>
    <row r="18410" spans="1:6" x14ac:dyDescent="0.25">
      <c r="A18410">
        <v>174.93</v>
      </c>
      <c r="B18410">
        <v>200.41</v>
      </c>
      <c r="C18410">
        <v>9527.25</v>
      </c>
      <c r="D18410">
        <v>2.5</v>
      </c>
      <c r="E18410">
        <v>3298.13</v>
      </c>
      <c r="F18410">
        <v>94.965900000000005</v>
      </c>
    </row>
    <row r="18411" spans="1:6" x14ac:dyDescent="0.25">
      <c r="A18411">
        <v>174.93</v>
      </c>
      <c r="B18411">
        <v>200.41</v>
      </c>
      <c r="C18411">
        <v>9527.25</v>
      </c>
      <c r="D18411">
        <v>2.8</v>
      </c>
      <c r="E18411">
        <v>3094.25</v>
      </c>
      <c r="F18411">
        <v>102.986</v>
      </c>
    </row>
    <row r="18412" spans="1:6" x14ac:dyDescent="0.25">
      <c r="A18412">
        <v>174.93</v>
      </c>
      <c r="B18412">
        <v>200.41</v>
      </c>
      <c r="C18412">
        <v>9527.25</v>
      </c>
      <c r="D18412">
        <v>3.1</v>
      </c>
      <c r="E18412">
        <v>3068.3</v>
      </c>
      <c r="F18412">
        <v>98.307100000000005</v>
      </c>
    </row>
    <row r="18413" spans="1:6" x14ac:dyDescent="0.25">
      <c r="A18413">
        <v>174.93</v>
      </c>
      <c r="B18413">
        <v>200.41</v>
      </c>
      <c r="C18413">
        <v>9527.25</v>
      </c>
      <c r="D18413">
        <v>3.4</v>
      </c>
      <c r="E18413">
        <v>2970.39</v>
      </c>
      <c r="F18413">
        <v>99.702100000000002</v>
      </c>
    </row>
    <row r="18414" spans="1:6" x14ac:dyDescent="0.25">
      <c r="A18414">
        <v>174.93</v>
      </c>
      <c r="B18414">
        <v>200.41</v>
      </c>
      <c r="C18414">
        <v>9527.25</v>
      </c>
      <c r="D18414">
        <v>3.7</v>
      </c>
      <c r="E18414">
        <v>2999.05</v>
      </c>
      <c r="F18414">
        <v>97.355400000000003</v>
      </c>
    </row>
    <row r="18415" spans="1:6" x14ac:dyDescent="0.25">
      <c r="A18415">
        <v>174.93</v>
      </c>
      <c r="B18415">
        <v>200.41</v>
      </c>
      <c r="C18415">
        <v>9527.25</v>
      </c>
      <c r="D18415">
        <v>4</v>
      </c>
      <c r="E18415">
        <v>2931.47</v>
      </c>
      <c r="F18415">
        <v>99.116399999999999</v>
      </c>
    </row>
    <row r="18416" spans="1:6" x14ac:dyDescent="0.25">
      <c r="A18416">
        <v>174.93</v>
      </c>
      <c r="B18416">
        <v>200.41</v>
      </c>
      <c r="C18416">
        <v>11072.7</v>
      </c>
      <c r="D18416">
        <v>1</v>
      </c>
      <c r="E18416">
        <v>4406.0200000000004</v>
      </c>
      <c r="F18416">
        <v>88.838800000000006</v>
      </c>
    </row>
    <row r="18417" spans="1:6" x14ac:dyDescent="0.25">
      <c r="A18417">
        <v>174.93</v>
      </c>
      <c r="B18417">
        <v>200.41</v>
      </c>
      <c r="C18417">
        <v>11072.7</v>
      </c>
      <c r="D18417">
        <v>1.3</v>
      </c>
      <c r="E18417">
        <v>4014.98</v>
      </c>
      <c r="F18417">
        <v>96.268000000000001</v>
      </c>
    </row>
    <row r="18418" spans="1:6" x14ac:dyDescent="0.25">
      <c r="A18418">
        <v>174.93</v>
      </c>
      <c r="B18418">
        <v>200.41</v>
      </c>
      <c r="C18418">
        <v>11072.7</v>
      </c>
      <c r="D18418">
        <v>1.6</v>
      </c>
      <c r="E18418">
        <v>3674.36</v>
      </c>
      <c r="F18418">
        <v>98.756900000000002</v>
      </c>
    </row>
    <row r="18419" spans="1:6" x14ac:dyDescent="0.25">
      <c r="A18419">
        <v>174.93</v>
      </c>
      <c r="B18419">
        <v>200.41</v>
      </c>
      <c r="C18419">
        <v>11072.7</v>
      </c>
      <c r="D18419">
        <v>1.9</v>
      </c>
      <c r="E18419">
        <v>3534.24</v>
      </c>
      <c r="F18419">
        <v>96.868600000000001</v>
      </c>
    </row>
    <row r="18420" spans="1:6" x14ac:dyDescent="0.25">
      <c r="A18420">
        <v>174.93</v>
      </c>
      <c r="B18420">
        <v>200.41</v>
      </c>
      <c r="C18420">
        <v>11072.7</v>
      </c>
      <c r="D18420">
        <v>2.2000000000000002</v>
      </c>
      <c r="E18420">
        <v>3330.59</v>
      </c>
      <c r="F18420">
        <v>97.177899999999994</v>
      </c>
    </row>
    <row r="18421" spans="1:6" x14ac:dyDescent="0.25">
      <c r="A18421">
        <v>174.93</v>
      </c>
      <c r="B18421">
        <v>200.41</v>
      </c>
      <c r="C18421">
        <v>11072.7</v>
      </c>
      <c r="D18421">
        <v>2.5</v>
      </c>
      <c r="E18421">
        <v>3298.13</v>
      </c>
      <c r="F18421">
        <v>94.965900000000005</v>
      </c>
    </row>
    <row r="18422" spans="1:6" x14ac:dyDescent="0.25">
      <c r="A18422">
        <v>174.93</v>
      </c>
      <c r="B18422">
        <v>200.41</v>
      </c>
      <c r="C18422">
        <v>11072.7</v>
      </c>
      <c r="D18422">
        <v>2.8</v>
      </c>
      <c r="E18422">
        <v>3094.25</v>
      </c>
      <c r="F18422">
        <v>102.986</v>
      </c>
    </row>
    <row r="18423" spans="1:6" x14ac:dyDescent="0.25">
      <c r="A18423">
        <v>174.93</v>
      </c>
      <c r="B18423">
        <v>200.41</v>
      </c>
      <c r="C18423">
        <v>11072.7</v>
      </c>
      <c r="D18423">
        <v>3.1</v>
      </c>
      <c r="E18423">
        <v>3068.3</v>
      </c>
      <c r="F18423">
        <v>98.307100000000005</v>
      </c>
    </row>
    <row r="18424" spans="1:6" x14ac:dyDescent="0.25">
      <c r="A18424">
        <v>174.93</v>
      </c>
      <c r="B18424">
        <v>200.41</v>
      </c>
      <c r="C18424">
        <v>11072.7</v>
      </c>
      <c r="D18424">
        <v>3.4</v>
      </c>
      <c r="E18424">
        <v>2970.39</v>
      </c>
      <c r="F18424">
        <v>99.702100000000002</v>
      </c>
    </row>
    <row r="18425" spans="1:6" x14ac:dyDescent="0.25">
      <c r="A18425">
        <v>174.93</v>
      </c>
      <c r="B18425">
        <v>200.41</v>
      </c>
      <c r="C18425">
        <v>11072.7</v>
      </c>
      <c r="D18425">
        <v>3.7</v>
      </c>
      <c r="E18425">
        <v>2999.05</v>
      </c>
      <c r="F18425">
        <v>97.355400000000003</v>
      </c>
    </row>
    <row r="18426" spans="1:6" x14ac:dyDescent="0.25">
      <c r="A18426">
        <v>174.93</v>
      </c>
      <c r="B18426">
        <v>200.41</v>
      </c>
      <c r="C18426">
        <v>11072.7</v>
      </c>
      <c r="D18426">
        <v>4</v>
      </c>
      <c r="E18426">
        <v>2931.47</v>
      </c>
      <c r="F18426">
        <v>99.116399999999999</v>
      </c>
    </row>
    <row r="18427" spans="1:6" x14ac:dyDescent="0.25">
      <c r="A18427">
        <v>174.93</v>
      </c>
      <c r="B18427">
        <v>200.41</v>
      </c>
      <c r="C18427">
        <v>12618.2</v>
      </c>
      <c r="D18427">
        <v>1</v>
      </c>
      <c r="E18427">
        <v>4406.0200000000004</v>
      </c>
      <c r="F18427">
        <v>88.838800000000006</v>
      </c>
    </row>
    <row r="18428" spans="1:6" x14ac:dyDescent="0.25">
      <c r="A18428">
        <v>174.93</v>
      </c>
      <c r="B18428">
        <v>200.41</v>
      </c>
      <c r="C18428">
        <v>12618.2</v>
      </c>
      <c r="D18428">
        <v>1.3</v>
      </c>
      <c r="E18428">
        <v>4014.98</v>
      </c>
      <c r="F18428">
        <v>96.268000000000001</v>
      </c>
    </row>
    <row r="18429" spans="1:6" x14ac:dyDescent="0.25">
      <c r="A18429">
        <v>174.93</v>
      </c>
      <c r="B18429">
        <v>200.41</v>
      </c>
      <c r="C18429">
        <v>12618.2</v>
      </c>
      <c r="D18429">
        <v>1.6</v>
      </c>
      <c r="E18429">
        <v>3674.36</v>
      </c>
      <c r="F18429">
        <v>98.756900000000002</v>
      </c>
    </row>
    <row r="18430" spans="1:6" x14ac:dyDescent="0.25">
      <c r="A18430">
        <v>174.93</v>
      </c>
      <c r="B18430">
        <v>200.41</v>
      </c>
      <c r="C18430">
        <v>12618.2</v>
      </c>
      <c r="D18430">
        <v>1.9</v>
      </c>
      <c r="E18430">
        <v>3534.24</v>
      </c>
      <c r="F18430">
        <v>96.868600000000001</v>
      </c>
    </row>
    <row r="18431" spans="1:6" x14ac:dyDescent="0.25">
      <c r="A18431">
        <v>174.93</v>
      </c>
      <c r="B18431">
        <v>200.41</v>
      </c>
      <c r="C18431">
        <v>12618.2</v>
      </c>
      <c r="D18431">
        <v>2.2000000000000002</v>
      </c>
      <c r="E18431">
        <v>3330.59</v>
      </c>
      <c r="F18431">
        <v>97.177899999999994</v>
      </c>
    </row>
    <row r="18432" spans="1:6" x14ac:dyDescent="0.25">
      <c r="A18432">
        <v>174.93</v>
      </c>
      <c r="B18432">
        <v>200.41</v>
      </c>
      <c r="C18432">
        <v>12618.2</v>
      </c>
      <c r="D18432">
        <v>2.5</v>
      </c>
      <c r="E18432">
        <v>3298.13</v>
      </c>
      <c r="F18432">
        <v>94.965900000000005</v>
      </c>
    </row>
    <row r="18433" spans="1:6" x14ac:dyDescent="0.25">
      <c r="A18433">
        <v>174.93</v>
      </c>
      <c r="B18433">
        <v>200.41</v>
      </c>
      <c r="C18433">
        <v>12618.2</v>
      </c>
      <c r="D18433">
        <v>2.8</v>
      </c>
      <c r="E18433">
        <v>3094.25</v>
      </c>
      <c r="F18433">
        <v>102.986</v>
      </c>
    </row>
    <row r="18434" spans="1:6" x14ac:dyDescent="0.25">
      <c r="A18434">
        <v>174.93</v>
      </c>
      <c r="B18434">
        <v>200.41</v>
      </c>
      <c r="C18434">
        <v>12618.2</v>
      </c>
      <c r="D18434">
        <v>3.1</v>
      </c>
      <c r="E18434">
        <v>3068.3</v>
      </c>
      <c r="F18434">
        <v>98.307100000000005</v>
      </c>
    </row>
    <row r="18435" spans="1:6" x14ac:dyDescent="0.25">
      <c r="A18435">
        <v>174.93</v>
      </c>
      <c r="B18435">
        <v>200.41</v>
      </c>
      <c r="C18435">
        <v>12618.2</v>
      </c>
      <c r="D18435">
        <v>3.4</v>
      </c>
      <c r="E18435">
        <v>2970.39</v>
      </c>
      <c r="F18435">
        <v>99.702100000000002</v>
      </c>
    </row>
    <row r="18436" spans="1:6" x14ac:dyDescent="0.25">
      <c r="A18436">
        <v>174.93</v>
      </c>
      <c r="B18436">
        <v>200.41</v>
      </c>
      <c r="C18436">
        <v>12618.2</v>
      </c>
      <c r="D18436">
        <v>3.7</v>
      </c>
      <c r="E18436">
        <v>2999.05</v>
      </c>
      <c r="F18436">
        <v>97.355400000000003</v>
      </c>
    </row>
    <row r="18437" spans="1:6" x14ac:dyDescent="0.25">
      <c r="A18437">
        <v>174.93</v>
      </c>
      <c r="B18437">
        <v>200.41</v>
      </c>
      <c r="C18437">
        <v>12618.2</v>
      </c>
      <c r="D18437">
        <v>4</v>
      </c>
      <c r="E18437">
        <v>2931.47</v>
      </c>
      <c r="F18437">
        <v>99.116399999999999</v>
      </c>
    </row>
    <row r="18438" spans="1:6" x14ac:dyDescent="0.25">
      <c r="A18438">
        <v>174.93</v>
      </c>
      <c r="B18438">
        <v>200.41</v>
      </c>
      <c r="C18438">
        <v>14163.6</v>
      </c>
      <c r="D18438">
        <v>1</v>
      </c>
      <c r="E18438">
        <v>4406.0200000000004</v>
      </c>
      <c r="F18438">
        <v>88.838800000000006</v>
      </c>
    </row>
    <row r="18439" spans="1:6" x14ac:dyDescent="0.25">
      <c r="A18439">
        <v>174.93</v>
      </c>
      <c r="B18439">
        <v>200.41</v>
      </c>
      <c r="C18439">
        <v>14163.6</v>
      </c>
      <c r="D18439">
        <v>1.3</v>
      </c>
      <c r="E18439">
        <v>4014.98</v>
      </c>
      <c r="F18439">
        <v>96.268000000000001</v>
      </c>
    </row>
    <row r="18440" spans="1:6" x14ac:dyDescent="0.25">
      <c r="A18440">
        <v>174.93</v>
      </c>
      <c r="B18440">
        <v>200.41</v>
      </c>
      <c r="C18440">
        <v>14163.6</v>
      </c>
      <c r="D18440">
        <v>1.6</v>
      </c>
      <c r="E18440">
        <v>3674.36</v>
      </c>
      <c r="F18440">
        <v>98.756900000000002</v>
      </c>
    </row>
    <row r="18441" spans="1:6" x14ac:dyDescent="0.25">
      <c r="A18441">
        <v>174.93</v>
      </c>
      <c r="B18441">
        <v>200.41</v>
      </c>
      <c r="C18441">
        <v>14163.6</v>
      </c>
      <c r="D18441">
        <v>1.9</v>
      </c>
      <c r="E18441">
        <v>3534.24</v>
      </c>
      <c r="F18441">
        <v>96.868600000000001</v>
      </c>
    </row>
    <row r="18442" spans="1:6" x14ac:dyDescent="0.25">
      <c r="A18442">
        <v>174.93</v>
      </c>
      <c r="B18442">
        <v>200.41</v>
      </c>
      <c r="C18442">
        <v>14163.6</v>
      </c>
      <c r="D18442">
        <v>2.2000000000000002</v>
      </c>
      <c r="E18442">
        <v>3330.59</v>
      </c>
      <c r="F18442">
        <v>97.177899999999994</v>
      </c>
    </row>
    <row r="18443" spans="1:6" x14ac:dyDescent="0.25">
      <c r="A18443">
        <v>174.93</v>
      </c>
      <c r="B18443">
        <v>200.41</v>
      </c>
      <c r="C18443">
        <v>14163.6</v>
      </c>
      <c r="D18443">
        <v>2.5</v>
      </c>
      <c r="E18443">
        <v>3298.13</v>
      </c>
      <c r="F18443">
        <v>94.965900000000005</v>
      </c>
    </row>
    <row r="18444" spans="1:6" x14ac:dyDescent="0.25">
      <c r="A18444">
        <v>174.93</v>
      </c>
      <c r="B18444">
        <v>200.41</v>
      </c>
      <c r="C18444">
        <v>14163.6</v>
      </c>
      <c r="D18444">
        <v>2.8</v>
      </c>
      <c r="E18444">
        <v>3094.25</v>
      </c>
      <c r="F18444">
        <v>102.986</v>
      </c>
    </row>
    <row r="18445" spans="1:6" x14ac:dyDescent="0.25">
      <c r="A18445">
        <v>174.93</v>
      </c>
      <c r="B18445">
        <v>200.41</v>
      </c>
      <c r="C18445">
        <v>14163.6</v>
      </c>
      <c r="D18445">
        <v>3.1</v>
      </c>
      <c r="E18445">
        <v>3068.3</v>
      </c>
      <c r="F18445">
        <v>98.307100000000005</v>
      </c>
    </row>
    <row r="18446" spans="1:6" x14ac:dyDescent="0.25">
      <c r="A18446">
        <v>174.93</v>
      </c>
      <c r="B18446">
        <v>200.41</v>
      </c>
      <c r="C18446">
        <v>14163.6</v>
      </c>
      <c r="D18446">
        <v>3.4</v>
      </c>
      <c r="E18446">
        <v>2970.39</v>
      </c>
      <c r="F18446">
        <v>99.702100000000002</v>
      </c>
    </row>
    <row r="18447" spans="1:6" x14ac:dyDescent="0.25">
      <c r="A18447">
        <v>174.93</v>
      </c>
      <c r="B18447">
        <v>200.41</v>
      </c>
      <c r="C18447">
        <v>14163.6</v>
      </c>
      <c r="D18447">
        <v>3.7</v>
      </c>
      <c r="E18447">
        <v>2999.05</v>
      </c>
      <c r="F18447">
        <v>97.355400000000003</v>
      </c>
    </row>
    <row r="18448" spans="1:6" x14ac:dyDescent="0.25">
      <c r="A18448">
        <v>174.93</v>
      </c>
      <c r="B18448">
        <v>200.41</v>
      </c>
      <c r="C18448">
        <v>14163.6</v>
      </c>
      <c r="D18448">
        <v>4</v>
      </c>
      <c r="E18448">
        <v>2931.47</v>
      </c>
      <c r="F18448">
        <v>99.116399999999999</v>
      </c>
    </row>
    <row r="18449" spans="1:6" x14ac:dyDescent="0.25">
      <c r="A18449">
        <v>174.93</v>
      </c>
      <c r="B18449">
        <v>200.41</v>
      </c>
      <c r="C18449">
        <v>15709.1</v>
      </c>
      <c r="D18449">
        <v>1</v>
      </c>
      <c r="E18449">
        <v>4406.0200000000004</v>
      </c>
      <c r="F18449">
        <v>88.838800000000006</v>
      </c>
    </row>
    <row r="18450" spans="1:6" x14ac:dyDescent="0.25">
      <c r="A18450">
        <v>174.93</v>
      </c>
      <c r="B18450">
        <v>200.41</v>
      </c>
      <c r="C18450">
        <v>15709.1</v>
      </c>
      <c r="D18450">
        <v>1.3</v>
      </c>
      <c r="E18450">
        <v>4014.98</v>
      </c>
      <c r="F18450">
        <v>96.268000000000001</v>
      </c>
    </row>
    <row r="18451" spans="1:6" x14ac:dyDescent="0.25">
      <c r="A18451">
        <v>174.93</v>
      </c>
      <c r="B18451">
        <v>200.41</v>
      </c>
      <c r="C18451">
        <v>15709.1</v>
      </c>
      <c r="D18451">
        <v>1.6</v>
      </c>
      <c r="E18451">
        <v>3674.36</v>
      </c>
      <c r="F18451">
        <v>98.756900000000002</v>
      </c>
    </row>
    <row r="18452" spans="1:6" x14ac:dyDescent="0.25">
      <c r="A18452">
        <v>174.93</v>
      </c>
      <c r="B18452">
        <v>200.41</v>
      </c>
      <c r="C18452">
        <v>15709.1</v>
      </c>
      <c r="D18452">
        <v>1.9</v>
      </c>
      <c r="E18452">
        <v>3534.24</v>
      </c>
      <c r="F18452">
        <v>96.868600000000001</v>
      </c>
    </row>
    <row r="18453" spans="1:6" x14ac:dyDescent="0.25">
      <c r="A18453">
        <v>174.93</v>
      </c>
      <c r="B18453">
        <v>200.41</v>
      </c>
      <c r="C18453">
        <v>15709.1</v>
      </c>
      <c r="D18453">
        <v>2.2000000000000002</v>
      </c>
      <c r="E18453">
        <v>3330.59</v>
      </c>
      <c r="F18453">
        <v>97.177899999999994</v>
      </c>
    </row>
    <row r="18454" spans="1:6" x14ac:dyDescent="0.25">
      <c r="A18454">
        <v>174.93</v>
      </c>
      <c r="B18454">
        <v>200.41</v>
      </c>
      <c r="C18454">
        <v>15709.1</v>
      </c>
      <c r="D18454">
        <v>2.5</v>
      </c>
      <c r="E18454">
        <v>3298.13</v>
      </c>
      <c r="F18454">
        <v>94.965900000000005</v>
      </c>
    </row>
    <row r="18455" spans="1:6" x14ac:dyDescent="0.25">
      <c r="A18455">
        <v>174.93</v>
      </c>
      <c r="B18455">
        <v>200.41</v>
      </c>
      <c r="C18455">
        <v>15709.1</v>
      </c>
      <c r="D18455">
        <v>2.8</v>
      </c>
      <c r="E18455">
        <v>3094.25</v>
      </c>
      <c r="F18455">
        <v>102.986</v>
      </c>
    </row>
    <row r="18456" spans="1:6" x14ac:dyDescent="0.25">
      <c r="A18456">
        <v>174.93</v>
      </c>
      <c r="B18456">
        <v>200.41</v>
      </c>
      <c r="C18456">
        <v>15709.1</v>
      </c>
      <c r="D18456">
        <v>3.1</v>
      </c>
      <c r="E18456">
        <v>3068.3</v>
      </c>
      <c r="F18456">
        <v>98.307100000000005</v>
      </c>
    </row>
    <row r="18457" spans="1:6" x14ac:dyDescent="0.25">
      <c r="A18457">
        <v>174.93</v>
      </c>
      <c r="B18457">
        <v>200.41</v>
      </c>
      <c r="C18457">
        <v>15709.1</v>
      </c>
      <c r="D18457">
        <v>3.4</v>
      </c>
      <c r="E18457">
        <v>2970.39</v>
      </c>
      <c r="F18457">
        <v>99.702100000000002</v>
      </c>
    </row>
    <row r="18458" spans="1:6" x14ac:dyDescent="0.25">
      <c r="A18458">
        <v>174.93</v>
      </c>
      <c r="B18458">
        <v>200.41</v>
      </c>
      <c r="C18458">
        <v>15709.1</v>
      </c>
      <c r="D18458">
        <v>3.7</v>
      </c>
      <c r="E18458">
        <v>2999.05</v>
      </c>
      <c r="F18458">
        <v>97.355400000000003</v>
      </c>
    </row>
    <row r="18459" spans="1:6" x14ac:dyDescent="0.25">
      <c r="A18459">
        <v>174.93</v>
      </c>
      <c r="B18459">
        <v>200.41</v>
      </c>
      <c r="C18459">
        <v>15709.1</v>
      </c>
      <c r="D18459">
        <v>4</v>
      </c>
      <c r="E18459">
        <v>2931.47</v>
      </c>
      <c r="F18459">
        <v>99.116399999999999</v>
      </c>
    </row>
    <row r="18460" spans="1:6" x14ac:dyDescent="0.25">
      <c r="A18460">
        <v>174.93</v>
      </c>
      <c r="B18460">
        <v>200.41</v>
      </c>
      <c r="C18460">
        <v>17254.5</v>
      </c>
      <c r="D18460">
        <v>1</v>
      </c>
      <c r="E18460">
        <v>4406.0200000000004</v>
      </c>
      <c r="F18460">
        <v>88.838800000000006</v>
      </c>
    </row>
    <row r="18461" spans="1:6" x14ac:dyDescent="0.25">
      <c r="A18461">
        <v>174.93</v>
      </c>
      <c r="B18461">
        <v>200.41</v>
      </c>
      <c r="C18461">
        <v>17254.5</v>
      </c>
      <c r="D18461">
        <v>1.3</v>
      </c>
      <c r="E18461">
        <v>4014.98</v>
      </c>
      <c r="F18461">
        <v>96.268000000000001</v>
      </c>
    </row>
    <row r="18462" spans="1:6" x14ac:dyDescent="0.25">
      <c r="A18462">
        <v>174.93</v>
      </c>
      <c r="B18462">
        <v>200.41</v>
      </c>
      <c r="C18462">
        <v>17254.5</v>
      </c>
      <c r="D18462">
        <v>1.6</v>
      </c>
      <c r="E18462">
        <v>3674.36</v>
      </c>
      <c r="F18462">
        <v>98.756900000000002</v>
      </c>
    </row>
    <row r="18463" spans="1:6" x14ac:dyDescent="0.25">
      <c r="A18463">
        <v>174.93</v>
      </c>
      <c r="B18463">
        <v>200.41</v>
      </c>
      <c r="C18463">
        <v>17254.5</v>
      </c>
      <c r="D18463">
        <v>1.9</v>
      </c>
      <c r="E18463">
        <v>3534.24</v>
      </c>
      <c r="F18463">
        <v>96.868600000000001</v>
      </c>
    </row>
    <row r="18464" spans="1:6" x14ac:dyDescent="0.25">
      <c r="A18464">
        <v>174.93</v>
      </c>
      <c r="B18464">
        <v>200.41</v>
      </c>
      <c r="C18464">
        <v>17254.5</v>
      </c>
      <c r="D18464">
        <v>2.2000000000000002</v>
      </c>
      <c r="E18464">
        <v>3330.59</v>
      </c>
      <c r="F18464">
        <v>97.177899999999994</v>
      </c>
    </row>
    <row r="18465" spans="1:6" x14ac:dyDescent="0.25">
      <c r="A18465">
        <v>174.93</v>
      </c>
      <c r="B18465">
        <v>200.41</v>
      </c>
      <c r="C18465">
        <v>17254.5</v>
      </c>
      <c r="D18465">
        <v>2.5</v>
      </c>
      <c r="E18465">
        <v>3298.13</v>
      </c>
      <c r="F18465">
        <v>94.965900000000005</v>
      </c>
    </row>
    <row r="18466" spans="1:6" x14ac:dyDescent="0.25">
      <c r="A18466">
        <v>174.93</v>
      </c>
      <c r="B18466">
        <v>200.41</v>
      </c>
      <c r="C18466">
        <v>17254.5</v>
      </c>
      <c r="D18466">
        <v>2.8</v>
      </c>
      <c r="E18466">
        <v>3094.25</v>
      </c>
      <c r="F18466">
        <v>102.986</v>
      </c>
    </row>
    <row r="18467" spans="1:6" x14ac:dyDescent="0.25">
      <c r="A18467">
        <v>174.93</v>
      </c>
      <c r="B18467">
        <v>200.41</v>
      </c>
      <c r="C18467">
        <v>17254.5</v>
      </c>
      <c r="D18467">
        <v>3.1</v>
      </c>
      <c r="E18467">
        <v>3068.3</v>
      </c>
      <c r="F18467">
        <v>98.307100000000005</v>
      </c>
    </row>
    <row r="18468" spans="1:6" x14ac:dyDescent="0.25">
      <c r="A18468">
        <v>174.93</v>
      </c>
      <c r="B18468">
        <v>200.41</v>
      </c>
      <c r="C18468">
        <v>17254.5</v>
      </c>
      <c r="D18468">
        <v>3.4</v>
      </c>
      <c r="E18468">
        <v>2970.39</v>
      </c>
      <c r="F18468">
        <v>99.702100000000002</v>
      </c>
    </row>
    <row r="18469" spans="1:6" x14ac:dyDescent="0.25">
      <c r="A18469">
        <v>174.93</v>
      </c>
      <c r="B18469">
        <v>200.41</v>
      </c>
      <c r="C18469">
        <v>17254.5</v>
      </c>
      <c r="D18469">
        <v>3.7</v>
      </c>
      <c r="E18469">
        <v>2999.05</v>
      </c>
      <c r="F18469">
        <v>97.355400000000003</v>
      </c>
    </row>
    <row r="18470" spans="1:6" x14ac:dyDescent="0.25">
      <c r="A18470">
        <v>174.93</v>
      </c>
      <c r="B18470">
        <v>200.41</v>
      </c>
      <c r="C18470">
        <v>17254.5</v>
      </c>
      <c r="D18470">
        <v>4</v>
      </c>
      <c r="E18470">
        <v>2931.47</v>
      </c>
      <c r="F18470">
        <v>99.116399999999999</v>
      </c>
    </row>
    <row r="18471" spans="1:6" x14ac:dyDescent="0.25">
      <c r="A18471">
        <v>174.93</v>
      </c>
      <c r="B18471">
        <v>200.41</v>
      </c>
      <c r="C18471">
        <v>18800</v>
      </c>
      <c r="D18471">
        <v>1</v>
      </c>
      <c r="E18471">
        <v>4406.0200000000004</v>
      </c>
      <c r="F18471">
        <v>88.838800000000006</v>
      </c>
    </row>
    <row r="18472" spans="1:6" x14ac:dyDescent="0.25">
      <c r="A18472">
        <v>174.93</v>
      </c>
      <c r="B18472">
        <v>200.41</v>
      </c>
      <c r="C18472">
        <v>18800</v>
      </c>
      <c r="D18472">
        <v>1.3</v>
      </c>
      <c r="E18472">
        <v>4014.98</v>
      </c>
      <c r="F18472">
        <v>96.268000000000001</v>
      </c>
    </row>
    <row r="18473" spans="1:6" x14ac:dyDescent="0.25">
      <c r="A18473">
        <v>174.93</v>
      </c>
      <c r="B18473">
        <v>200.41</v>
      </c>
      <c r="C18473">
        <v>18800</v>
      </c>
      <c r="D18473">
        <v>1.6</v>
      </c>
      <c r="E18473">
        <v>3674.36</v>
      </c>
      <c r="F18473">
        <v>98.756900000000002</v>
      </c>
    </row>
    <row r="18474" spans="1:6" x14ac:dyDescent="0.25">
      <c r="A18474">
        <v>174.93</v>
      </c>
      <c r="B18474">
        <v>200.41</v>
      </c>
      <c r="C18474">
        <v>18800</v>
      </c>
      <c r="D18474">
        <v>1.9</v>
      </c>
      <c r="E18474">
        <v>3534.24</v>
      </c>
      <c r="F18474">
        <v>96.868600000000001</v>
      </c>
    </row>
    <row r="18475" spans="1:6" x14ac:dyDescent="0.25">
      <c r="A18475">
        <v>174.93</v>
      </c>
      <c r="B18475">
        <v>200.41</v>
      </c>
      <c r="C18475">
        <v>18800</v>
      </c>
      <c r="D18475">
        <v>2.2000000000000002</v>
      </c>
      <c r="E18475">
        <v>3330.59</v>
      </c>
      <c r="F18475">
        <v>97.177899999999994</v>
      </c>
    </row>
    <row r="18476" spans="1:6" x14ac:dyDescent="0.25">
      <c r="A18476">
        <v>174.93</v>
      </c>
      <c r="B18476">
        <v>200.41</v>
      </c>
      <c r="C18476">
        <v>18800</v>
      </c>
      <c r="D18476">
        <v>2.5</v>
      </c>
      <c r="E18476">
        <v>3298.13</v>
      </c>
      <c r="F18476">
        <v>94.965900000000005</v>
      </c>
    </row>
    <row r="18477" spans="1:6" x14ac:dyDescent="0.25">
      <c r="A18477">
        <v>174.93</v>
      </c>
      <c r="B18477">
        <v>200.41</v>
      </c>
      <c r="C18477">
        <v>18800</v>
      </c>
      <c r="D18477">
        <v>2.8</v>
      </c>
      <c r="E18477">
        <v>3094.25</v>
      </c>
      <c r="F18477">
        <v>102.986</v>
      </c>
    </row>
    <row r="18478" spans="1:6" x14ac:dyDescent="0.25">
      <c r="A18478">
        <v>174.93</v>
      </c>
      <c r="B18478">
        <v>200.41</v>
      </c>
      <c r="C18478">
        <v>18800</v>
      </c>
      <c r="D18478">
        <v>3.1</v>
      </c>
      <c r="E18478">
        <v>3068.3</v>
      </c>
      <c r="F18478">
        <v>98.307100000000005</v>
      </c>
    </row>
    <row r="18479" spans="1:6" x14ac:dyDescent="0.25">
      <c r="A18479">
        <v>174.93</v>
      </c>
      <c r="B18479">
        <v>200.41</v>
      </c>
      <c r="C18479">
        <v>18800</v>
      </c>
      <c r="D18479">
        <v>3.4</v>
      </c>
      <c r="E18479">
        <v>2970.39</v>
      </c>
      <c r="F18479">
        <v>99.702100000000002</v>
      </c>
    </row>
    <row r="18480" spans="1:6" x14ac:dyDescent="0.25">
      <c r="A18480">
        <v>174.93</v>
      </c>
      <c r="B18480">
        <v>200.41</v>
      </c>
      <c r="C18480">
        <v>18800</v>
      </c>
      <c r="D18480">
        <v>3.7</v>
      </c>
      <c r="E18480">
        <v>2999.05</v>
      </c>
      <c r="F18480">
        <v>97.355400000000003</v>
      </c>
    </row>
    <row r="18481" spans="1:6" x14ac:dyDescent="0.25">
      <c r="A18481">
        <v>174.93</v>
      </c>
      <c r="B18481">
        <v>200.41</v>
      </c>
      <c r="C18481">
        <v>18800</v>
      </c>
      <c r="D18481">
        <v>4</v>
      </c>
      <c r="E18481">
        <v>2931.47</v>
      </c>
      <c r="F18481">
        <v>99.116399999999999</v>
      </c>
    </row>
    <row r="18482" spans="1:6" x14ac:dyDescent="0.25">
      <c r="A18482">
        <v>174.93</v>
      </c>
      <c r="B18482">
        <v>204.04</v>
      </c>
      <c r="C18482">
        <v>1800</v>
      </c>
      <c r="D18482">
        <v>1</v>
      </c>
      <c r="E18482">
        <v>4406.0200000000004</v>
      </c>
      <c r="F18482">
        <v>88.838800000000006</v>
      </c>
    </row>
    <row r="18483" spans="1:6" x14ac:dyDescent="0.25">
      <c r="A18483">
        <v>174.93</v>
      </c>
      <c r="B18483">
        <v>204.04</v>
      </c>
      <c r="C18483">
        <v>1800</v>
      </c>
      <c r="D18483">
        <v>1.3</v>
      </c>
      <c r="E18483">
        <v>4014.98</v>
      </c>
      <c r="F18483">
        <v>96.268000000000001</v>
      </c>
    </row>
    <row r="18484" spans="1:6" x14ac:dyDescent="0.25">
      <c r="A18484">
        <v>174.93</v>
      </c>
      <c r="B18484">
        <v>204.04</v>
      </c>
      <c r="C18484">
        <v>1800</v>
      </c>
      <c r="D18484">
        <v>1.6</v>
      </c>
      <c r="E18484">
        <v>3674.36</v>
      </c>
      <c r="F18484">
        <v>98.756900000000002</v>
      </c>
    </row>
    <row r="18485" spans="1:6" x14ac:dyDescent="0.25">
      <c r="A18485">
        <v>174.93</v>
      </c>
      <c r="B18485">
        <v>204.04</v>
      </c>
      <c r="C18485">
        <v>1800</v>
      </c>
      <c r="D18485">
        <v>1.9</v>
      </c>
      <c r="E18485">
        <v>3534.24</v>
      </c>
      <c r="F18485">
        <v>96.868600000000001</v>
      </c>
    </row>
    <row r="18486" spans="1:6" x14ac:dyDescent="0.25">
      <c r="A18486">
        <v>174.93</v>
      </c>
      <c r="B18486">
        <v>204.04</v>
      </c>
      <c r="C18486">
        <v>1800</v>
      </c>
      <c r="D18486">
        <v>2.2000000000000002</v>
      </c>
      <c r="E18486">
        <v>3330.59</v>
      </c>
      <c r="F18486">
        <v>97.177899999999994</v>
      </c>
    </row>
    <row r="18487" spans="1:6" x14ac:dyDescent="0.25">
      <c r="A18487">
        <v>174.93</v>
      </c>
      <c r="B18487">
        <v>204.04</v>
      </c>
      <c r="C18487">
        <v>1800</v>
      </c>
      <c r="D18487">
        <v>2.5</v>
      </c>
      <c r="E18487">
        <v>3298.13</v>
      </c>
      <c r="F18487">
        <v>94.965900000000005</v>
      </c>
    </row>
    <row r="18488" spans="1:6" x14ac:dyDescent="0.25">
      <c r="A18488">
        <v>174.93</v>
      </c>
      <c r="B18488">
        <v>204.04</v>
      </c>
      <c r="C18488">
        <v>1800</v>
      </c>
      <c r="D18488">
        <v>2.8</v>
      </c>
      <c r="E18488">
        <v>3094.25</v>
      </c>
      <c r="F18488">
        <v>102.986</v>
      </c>
    </row>
    <row r="18489" spans="1:6" x14ac:dyDescent="0.25">
      <c r="A18489">
        <v>174.93</v>
      </c>
      <c r="B18489">
        <v>204.04</v>
      </c>
      <c r="C18489">
        <v>1800</v>
      </c>
      <c r="D18489">
        <v>3.1</v>
      </c>
      <c r="E18489">
        <v>3068.3</v>
      </c>
      <c r="F18489">
        <v>98.307100000000005</v>
      </c>
    </row>
    <row r="18490" spans="1:6" x14ac:dyDescent="0.25">
      <c r="A18490">
        <v>174.93</v>
      </c>
      <c r="B18490">
        <v>204.04</v>
      </c>
      <c r="C18490">
        <v>1800</v>
      </c>
      <c r="D18490">
        <v>3.4</v>
      </c>
      <c r="E18490">
        <v>2970.39</v>
      </c>
      <c r="F18490">
        <v>99.702100000000002</v>
      </c>
    </row>
    <row r="18491" spans="1:6" x14ac:dyDescent="0.25">
      <c r="A18491">
        <v>174.93</v>
      </c>
      <c r="B18491">
        <v>204.04</v>
      </c>
      <c r="C18491">
        <v>1800</v>
      </c>
      <c r="D18491">
        <v>3.7</v>
      </c>
      <c r="E18491">
        <v>2896.05</v>
      </c>
      <c r="F18491">
        <v>97.355400000000003</v>
      </c>
    </row>
    <row r="18492" spans="1:6" x14ac:dyDescent="0.25">
      <c r="A18492">
        <v>174.93</v>
      </c>
      <c r="B18492">
        <v>204.04</v>
      </c>
      <c r="C18492">
        <v>1800</v>
      </c>
      <c r="D18492">
        <v>4</v>
      </c>
      <c r="E18492">
        <v>2821.66</v>
      </c>
      <c r="F18492">
        <v>99.116399999999999</v>
      </c>
    </row>
    <row r="18493" spans="1:6" x14ac:dyDescent="0.25">
      <c r="A18493">
        <v>174.93</v>
      </c>
      <c r="B18493">
        <v>204.04</v>
      </c>
      <c r="C18493">
        <v>3345.45</v>
      </c>
      <c r="D18493">
        <v>1</v>
      </c>
      <c r="E18493">
        <v>4406.0200000000004</v>
      </c>
      <c r="F18493">
        <v>88.838800000000006</v>
      </c>
    </row>
    <row r="18494" spans="1:6" x14ac:dyDescent="0.25">
      <c r="A18494">
        <v>174.93</v>
      </c>
      <c r="B18494">
        <v>204.04</v>
      </c>
      <c r="C18494">
        <v>3345.45</v>
      </c>
      <c r="D18494">
        <v>1.3</v>
      </c>
      <c r="E18494">
        <v>4014.98</v>
      </c>
      <c r="F18494">
        <v>96.268000000000001</v>
      </c>
    </row>
    <row r="18495" spans="1:6" x14ac:dyDescent="0.25">
      <c r="A18495">
        <v>174.93</v>
      </c>
      <c r="B18495">
        <v>204.04</v>
      </c>
      <c r="C18495">
        <v>3345.45</v>
      </c>
      <c r="D18495">
        <v>1.6</v>
      </c>
      <c r="E18495">
        <v>3674.36</v>
      </c>
      <c r="F18495">
        <v>98.756900000000002</v>
      </c>
    </row>
    <row r="18496" spans="1:6" x14ac:dyDescent="0.25">
      <c r="A18496">
        <v>174.93</v>
      </c>
      <c r="B18496">
        <v>204.04</v>
      </c>
      <c r="C18496">
        <v>3345.45</v>
      </c>
      <c r="D18496">
        <v>1.9</v>
      </c>
      <c r="E18496">
        <v>3534.24</v>
      </c>
      <c r="F18496">
        <v>96.868600000000001</v>
      </c>
    </row>
    <row r="18497" spans="1:6" x14ac:dyDescent="0.25">
      <c r="A18497">
        <v>174.93</v>
      </c>
      <c r="B18497">
        <v>204.04</v>
      </c>
      <c r="C18497">
        <v>3345.45</v>
      </c>
      <c r="D18497">
        <v>2.2000000000000002</v>
      </c>
      <c r="E18497">
        <v>3330.59</v>
      </c>
      <c r="F18497">
        <v>97.177899999999994</v>
      </c>
    </row>
    <row r="18498" spans="1:6" x14ac:dyDescent="0.25">
      <c r="A18498">
        <v>174.93</v>
      </c>
      <c r="B18498">
        <v>204.04</v>
      </c>
      <c r="C18498">
        <v>3345.45</v>
      </c>
      <c r="D18498">
        <v>2.5</v>
      </c>
      <c r="E18498">
        <v>3298.13</v>
      </c>
      <c r="F18498">
        <v>94.965900000000005</v>
      </c>
    </row>
    <row r="18499" spans="1:6" x14ac:dyDescent="0.25">
      <c r="A18499">
        <v>174.93</v>
      </c>
      <c r="B18499">
        <v>204.04</v>
      </c>
      <c r="C18499">
        <v>3345.45</v>
      </c>
      <c r="D18499">
        <v>2.8</v>
      </c>
      <c r="E18499">
        <v>3094.25</v>
      </c>
      <c r="F18499">
        <v>102.986</v>
      </c>
    </row>
    <row r="18500" spans="1:6" x14ac:dyDescent="0.25">
      <c r="A18500">
        <v>174.93</v>
      </c>
      <c r="B18500">
        <v>204.04</v>
      </c>
      <c r="C18500">
        <v>3345.45</v>
      </c>
      <c r="D18500">
        <v>3.1</v>
      </c>
      <c r="E18500">
        <v>3068.3</v>
      </c>
      <c r="F18500">
        <v>98.307100000000005</v>
      </c>
    </row>
    <row r="18501" spans="1:6" x14ac:dyDescent="0.25">
      <c r="A18501">
        <v>174.93</v>
      </c>
      <c r="B18501">
        <v>204.04</v>
      </c>
      <c r="C18501">
        <v>3345.45</v>
      </c>
      <c r="D18501">
        <v>3.4</v>
      </c>
      <c r="E18501">
        <v>2970.39</v>
      </c>
      <c r="F18501">
        <v>99.702100000000002</v>
      </c>
    </row>
    <row r="18502" spans="1:6" x14ac:dyDescent="0.25">
      <c r="A18502">
        <v>174.93</v>
      </c>
      <c r="B18502">
        <v>204.04</v>
      </c>
      <c r="C18502">
        <v>3345.45</v>
      </c>
      <c r="D18502">
        <v>3.7</v>
      </c>
      <c r="E18502">
        <v>2999.05</v>
      </c>
      <c r="F18502">
        <v>97.355400000000003</v>
      </c>
    </row>
    <row r="18503" spans="1:6" x14ac:dyDescent="0.25">
      <c r="A18503">
        <v>174.93</v>
      </c>
      <c r="B18503">
        <v>204.04</v>
      </c>
      <c r="C18503">
        <v>3345.45</v>
      </c>
      <c r="D18503">
        <v>4</v>
      </c>
      <c r="E18503">
        <v>2931.47</v>
      </c>
      <c r="F18503">
        <v>99.116399999999999</v>
      </c>
    </row>
    <row r="18504" spans="1:6" x14ac:dyDescent="0.25">
      <c r="A18504">
        <v>174.93</v>
      </c>
      <c r="B18504">
        <v>204.04</v>
      </c>
      <c r="C18504">
        <v>4890.8999999999996</v>
      </c>
      <c r="D18504">
        <v>1</v>
      </c>
      <c r="E18504">
        <v>4406.0200000000004</v>
      </c>
      <c r="F18504">
        <v>88.838800000000006</v>
      </c>
    </row>
    <row r="18505" spans="1:6" x14ac:dyDescent="0.25">
      <c r="A18505">
        <v>174.93</v>
      </c>
      <c r="B18505">
        <v>204.04</v>
      </c>
      <c r="C18505">
        <v>4890.8999999999996</v>
      </c>
      <c r="D18505">
        <v>1.3</v>
      </c>
      <c r="E18505">
        <v>4014.98</v>
      </c>
      <c r="F18505">
        <v>96.268000000000001</v>
      </c>
    </row>
    <row r="18506" spans="1:6" x14ac:dyDescent="0.25">
      <c r="A18506">
        <v>174.93</v>
      </c>
      <c r="B18506">
        <v>204.04</v>
      </c>
      <c r="C18506">
        <v>4890.8999999999996</v>
      </c>
      <c r="D18506">
        <v>1.6</v>
      </c>
      <c r="E18506">
        <v>3674.36</v>
      </c>
      <c r="F18506">
        <v>98.756900000000002</v>
      </c>
    </row>
    <row r="18507" spans="1:6" x14ac:dyDescent="0.25">
      <c r="A18507">
        <v>174.93</v>
      </c>
      <c r="B18507">
        <v>204.04</v>
      </c>
      <c r="C18507">
        <v>4890.8999999999996</v>
      </c>
      <c r="D18507">
        <v>1.9</v>
      </c>
      <c r="E18507">
        <v>3534.24</v>
      </c>
      <c r="F18507">
        <v>96.868600000000001</v>
      </c>
    </row>
    <row r="18508" spans="1:6" x14ac:dyDescent="0.25">
      <c r="A18508">
        <v>174.93</v>
      </c>
      <c r="B18508">
        <v>204.04</v>
      </c>
      <c r="C18508">
        <v>4890.8999999999996</v>
      </c>
      <c r="D18508">
        <v>2.2000000000000002</v>
      </c>
      <c r="E18508">
        <v>3330.59</v>
      </c>
      <c r="F18508">
        <v>97.177899999999994</v>
      </c>
    </row>
    <row r="18509" spans="1:6" x14ac:dyDescent="0.25">
      <c r="A18509">
        <v>174.93</v>
      </c>
      <c r="B18509">
        <v>204.04</v>
      </c>
      <c r="C18509">
        <v>4890.8999999999996</v>
      </c>
      <c r="D18509">
        <v>2.5</v>
      </c>
      <c r="E18509">
        <v>3298.13</v>
      </c>
      <c r="F18509">
        <v>94.965900000000005</v>
      </c>
    </row>
    <row r="18510" spans="1:6" x14ac:dyDescent="0.25">
      <c r="A18510">
        <v>174.93</v>
      </c>
      <c r="B18510">
        <v>204.04</v>
      </c>
      <c r="C18510">
        <v>4890.8999999999996</v>
      </c>
      <c r="D18510">
        <v>2.8</v>
      </c>
      <c r="E18510">
        <v>3094.25</v>
      </c>
      <c r="F18510">
        <v>102.986</v>
      </c>
    </row>
    <row r="18511" spans="1:6" x14ac:dyDescent="0.25">
      <c r="A18511">
        <v>174.93</v>
      </c>
      <c r="B18511">
        <v>204.04</v>
      </c>
      <c r="C18511">
        <v>4890.8999999999996</v>
      </c>
      <c r="D18511">
        <v>3.1</v>
      </c>
      <c r="E18511">
        <v>3068.3</v>
      </c>
      <c r="F18511">
        <v>98.307100000000005</v>
      </c>
    </row>
    <row r="18512" spans="1:6" x14ac:dyDescent="0.25">
      <c r="A18512">
        <v>174.93</v>
      </c>
      <c r="B18512">
        <v>204.04</v>
      </c>
      <c r="C18512">
        <v>4890.8999999999996</v>
      </c>
      <c r="D18512">
        <v>3.4</v>
      </c>
      <c r="E18512">
        <v>2970.39</v>
      </c>
      <c r="F18512">
        <v>99.702100000000002</v>
      </c>
    </row>
    <row r="18513" spans="1:6" x14ac:dyDescent="0.25">
      <c r="A18513">
        <v>174.93</v>
      </c>
      <c r="B18513">
        <v>204.04</v>
      </c>
      <c r="C18513">
        <v>4890.8999999999996</v>
      </c>
      <c r="D18513">
        <v>3.7</v>
      </c>
      <c r="E18513">
        <v>2999.05</v>
      </c>
      <c r="F18513">
        <v>97.355400000000003</v>
      </c>
    </row>
    <row r="18514" spans="1:6" x14ac:dyDescent="0.25">
      <c r="A18514">
        <v>174.93</v>
      </c>
      <c r="B18514">
        <v>204.04</v>
      </c>
      <c r="C18514">
        <v>4890.8999999999996</v>
      </c>
      <c r="D18514">
        <v>4</v>
      </c>
      <c r="E18514">
        <v>2931.47</v>
      </c>
      <c r="F18514">
        <v>99.116399999999999</v>
      </c>
    </row>
    <row r="18515" spans="1:6" x14ac:dyDescent="0.25">
      <c r="A18515">
        <v>174.93</v>
      </c>
      <c r="B18515">
        <v>204.04</v>
      </c>
      <c r="C18515">
        <v>6436.35</v>
      </c>
      <c r="D18515">
        <v>1</v>
      </c>
      <c r="E18515">
        <v>4406.0200000000004</v>
      </c>
      <c r="F18515">
        <v>88.838800000000006</v>
      </c>
    </row>
    <row r="18516" spans="1:6" x14ac:dyDescent="0.25">
      <c r="A18516">
        <v>174.93</v>
      </c>
      <c r="B18516">
        <v>204.04</v>
      </c>
      <c r="C18516">
        <v>6436.35</v>
      </c>
      <c r="D18516">
        <v>1.3</v>
      </c>
      <c r="E18516">
        <v>4014.98</v>
      </c>
      <c r="F18516">
        <v>96.268000000000001</v>
      </c>
    </row>
    <row r="18517" spans="1:6" x14ac:dyDescent="0.25">
      <c r="A18517">
        <v>174.93</v>
      </c>
      <c r="B18517">
        <v>204.04</v>
      </c>
      <c r="C18517">
        <v>6436.35</v>
      </c>
      <c r="D18517">
        <v>1.6</v>
      </c>
      <c r="E18517">
        <v>3674.36</v>
      </c>
      <c r="F18517">
        <v>98.756900000000002</v>
      </c>
    </row>
    <row r="18518" spans="1:6" x14ac:dyDescent="0.25">
      <c r="A18518">
        <v>174.93</v>
      </c>
      <c r="B18518">
        <v>204.04</v>
      </c>
      <c r="C18518">
        <v>6436.35</v>
      </c>
      <c r="D18518">
        <v>1.9</v>
      </c>
      <c r="E18518">
        <v>3534.24</v>
      </c>
      <c r="F18518">
        <v>96.868600000000001</v>
      </c>
    </row>
    <row r="18519" spans="1:6" x14ac:dyDescent="0.25">
      <c r="A18519">
        <v>174.93</v>
      </c>
      <c r="B18519">
        <v>204.04</v>
      </c>
      <c r="C18519">
        <v>6436.35</v>
      </c>
      <c r="D18519">
        <v>2.2000000000000002</v>
      </c>
      <c r="E18519">
        <v>3330.59</v>
      </c>
      <c r="F18519">
        <v>97.177899999999994</v>
      </c>
    </row>
    <row r="18520" spans="1:6" x14ac:dyDescent="0.25">
      <c r="A18520">
        <v>174.93</v>
      </c>
      <c r="B18520">
        <v>204.04</v>
      </c>
      <c r="C18520">
        <v>6436.35</v>
      </c>
      <c r="D18520">
        <v>2.5</v>
      </c>
      <c r="E18520">
        <v>3298.13</v>
      </c>
      <c r="F18520">
        <v>94.965900000000005</v>
      </c>
    </row>
    <row r="18521" spans="1:6" x14ac:dyDescent="0.25">
      <c r="A18521">
        <v>174.93</v>
      </c>
      <c r="B18521">
        <v>204.04</v>
      </c>
      <c r="C18521">
        <v>6436.35</v>
      </c>
      <c r="D18521">
        <v>2.8</v>
      </c>
      <c r="E18521">
        <v>3094.25</v>
      </c>
      <c r="F18521">
        <v>102.986</v>
      </c>
    </row>
    <row r="18522" spans="1:6" x14ac:dyDescent="0.25">
      <c r="A18522">
        <v>174.93</v>
      </c>
      <c r="B18522">
        <v>204.04</v>
      </c>
      <c r="C18522">
        <v>6436.35</v>
      </c>
      <c r="D18522">
        <v>3.1</v>
      </c>
      <c r="E18522">
        <v>3068.3</v>
      </c>
      <c r="F18522">
        <v>98.307100000000005</v>
      </c>
    </row>
    <row r="18523" spans="1:6" x14ac:dyDescent="0.25">
      <c r="A18523">
        <v>174.93</v>
      </c>
      <c r="B18523">
        <v>204.04</v>
      </c>
      <c r="C18523">
        <v>6436.35</v>
      </c>
      <c r="D18523">
        <v>3.4</v>
      </c>
      <c r="E18523">
        <v>2970.39</v>
      </c>
      <c r="F18523">
        <v>99.702100000000002</v>
      </c>
    </row>
    <row r="18524" spans="1:6" x14ac:dyDescent="0.25">
      <c r="A18524">
        <v>174.93</v>
      </c>
      <c r="B18524">
        <v>204.04</v>
      </c>
      <c r="C18524">
        <v>6436.35</v>
      </c>
      <c r="D18524">
        <v>3.7</v>
      </c>
      <c r="E18524">
        <v>2999.05</v>
      </c>
      <c r="F18524">
        <v>97.355400000000003</v>
      </c>
    </row>
    <row r="18525" spans="1:6" x14ac:dyDescent="0.25">
      <c r="A18525">
        <v>174.93</v>
      </c>
      <c r="B18525">
        <v>204.04</v>
      </c>
      <c r="C18525">
        <v>6436.35</v>
      </c>
      <c r="D18525">
        <v>4</v>
      </c>
      <c r="E18525">
        <v>2931.47</v>
      </c>
      <c r="F18525">
        <v>99.116399999999999</v>
      </c>
    </row>
    <row r="18526" spans="1:6" x14ac:dyDescent="0.25">
      <c r="A18526">
        <v>174.93</v>
      </c>
      <c r="B18526">
        <v>204.04</v>
      </c>
      <c r="C18526">
        <v>7981.8</v>
      </c>
      <c r="D18526">
        <v>1</v>
      </c>
      <c r="E18526">
        <v>4406.0200000000004</v>
      </c>
      <c r="F18526">
        <v>88.838800000000006</v>
      </c>
    </row>
    <row r="18527" spans="1:6" x14ac:dyDescent="0.25">
      <c r="A18527">
        <v>174.93</v>
      </c>
      <c r="B18527">
        <v>204.04</v>
      </c>
      <c r="C18527">
        <v>7981.8</v>
      </c>
      <c r="D18527">
        <v>1.3</v>
      </c>
      <c r="E18527">
        <v>4014.98</v>
      </c>
      <c r="F18527">
        <v>96.268000000000001</v>
      </c>
    </row>
    <row r="18528" spans="1:6" x14ac:dyDescent="0.25">
      <c r="A18528">
        <v>174.93</v>
      </c>
      <c r="B18528">
        <v>204.04</v>
      </c>
      <c r="C18528">
        <v>7981.8</v>
      </c>
      <c r="D18528">
        <v>1.6</v>
      </c>
      <c r="E18528">
        <v>3674.36</v>
      </c>
      <c r="F18528">
        <v>98.756900000000002</v>
      </c>
    </row>
    <row r="18529" spans="1:6" x14ac:dyDescent="0.25">
      <c r="A18529">
        <v>174.93</v>
      </c>
      <c r="B18529">
        <v>204.04</v>
      </c>
      <c r="C18529">
        <v>7981.8</v>
      </c>
      <c r="D18529">
        <v>1.9</v>
      </c>
      <c r="E18529">
        <v>3534.24</v>
      </c>
      <c r="F18529">
        <v>96.868600000000001</v>
      </c>
    </row>
    <row r="18530" spans="1:6" x14ac:dyDescent="0.25">
      <c r="A18530">
        <v>174.93</v>
      </c>
      <c r="B18530">
        <v>204.04</v>
      </c>
      <c r="C18530">
        <v>7981.8</v>
      </c>
      <c r="D18530">
        <v>2.2000000000000002</v>
      </c>
      <c r="E18530">
        <v>3330.59</v>
      </c>
      <c r="F18530">
        <v>97.177899999999994</v>
      </c>
    </row>
    <row r="18531" spans="1:6" x14ac:dyDescent="0.25">
      <c r="A18531">
        <v>174.93</v>
      </c>
      <c r="B18531">
        <v>204.04</v>
      </c>
      <c r="C18531">
        <v>7981.8</v>
      </c>
      <c r="D18531">
        <v>2.5</v>
      </c>
      <c r="E18531">
        <v>3298.13</v>
      </c>
      <c r="F18531">
        <v>94.965900000000005</v>
      </c>
    </row>
    <row r="18532" spans="1:6" x14ac:dyDescent="0.25">
      <c r="A18532">
        <v>174.93</v>
      </c>
      <c r="B18532">
        <v>204.04</v>
      </c>
      <c r="C18532">
        <v>7981.8</v>
      </c>
      <c r="D18532">
        <v>2.8</v>
      </c>
      <c r="E18532">
        <v>3094.25</v>
      </c>
      <c r="F18532">
        <v>102.986</v>
      </c>
    </row>
    <row r="18533" spans="1:6" x14ac:dyDescent="0.25">
      <c r="A18533">
        <v>174.93</v>
      </c>
      <c r="B18533">
        <v>204.04</v>
      </c>
      <c r="C18533">
        <v>7981.8</v>
      </c>
      <c r="D18533">
        <v>3.1</v>
      </c>
      <c r="E18533">
        <v>3068.3</v>
      </c>
      <c r="F18533">
        <v>98.307100000000005</v>
      </c>
    </row>
    <row r="18534" spans="1:6" x14ac:dyDescent="0.25">
      <c r="A18534">
        <v>174.93</v>
      </c>
      <c r="B18534">
        <v>204.04</v>
      </c>
      <c r="C18534">
        <v>7981.8</v>
      </c>
      <c r="D18534">
        <v>3.4</v>
      </c>
      <c r="E18534">
        <v>2970.39</v>
      </c>
      <c r="F18534">
        <v>99.702100000000002</v>
      </c>
    </row>
    <row r="18535" spans="1:6" x14ac:dyDescent="0.25">
      <c r="A18535">
        <v>174.93</v>
      </c>
      <c r="B18535">
        <v>204.04</v>
      </c>
      <c r="C18535">
        <v>7981.8</v>
      </c>
      <c r="D18535">
        <v>3.7</v>
      </c>
      <c r="E18535">
        <v>2999.05</v>
      </c>
      <c r="F18535">
        <v>97.355400000000003</v>
      </c>
    </row>
    <row r="18536" spans="1:6" x14ac:dyDescent="0.25">
      <c r="A18536">
        <v>174.93</v>
      </c>
      <c r="B18536">
        <v>204.04</v>
      </c>
      <c r="C18536">
        <v>7981.8</v>
      </c>
      <c r="D18536">
        <v>4</v>
      </c>
      <c r="E18536">
        <v>2931.47</v>
      </c>
      <c r="F18536">
        <v>99.116399999999999</v>
      </c>
    </row>
    <row r="18537" spans="1:6" x14ac:dyDescent="0.25">
      <c r="A18537">
        <v>174.93</v>
      </c>
      <c r="B18537">
        <v>204.04</v>
      </c>
      <c r="C18537">
        <v>9527.25</v>
      </c>
      <c r="D18537">
        <v>1</v>
      </c>
      <c r="E18537">
        <v>4406.0200000000004</v>
      </c>
      <c r="F18537">
        <v>88.838800000000006</v>
      </c>
    </row>
    <row r="18538" spans="1:6" x14ac:dyDescent="0.25">
      <c r="A18538">
        <v>174.93</v>
      </c>
      <c r="B18538">
        <v>204.04</v>
      </c>
      <c r="C18538">
        <v>9527.25</v>
      </c>
      <c r="D18538">
        <v>1.3</v>
      </c>
      <c r="E18538">
        <v>4014.98</v>
      </c>
      <c r="F18538">
        <v>96.268000000000001</v>
      </c>
    </row>
    <row r="18539" spans="1:6" x14ac:dyDescent="0.25">
      <c r="A18539">
        <v>174.93</v>
      </c>
      <c r="B18539">
        <v>204.04</v>
      </c>
      <c r="C18539">
        <v>9527.25</v>
      </c>
      <c r="D18539">
        <v>1.6</v>
      </c>
      <c r="E18539">
        <v>3674.36</v>
      </c>
      <c r="F18539">
        <v>98.756900000000002</v>
      </c>
    </row>
    <row r="18540" spans="1:6" x14ac:dyDescent="0.25">
      <c r="A18540">
        <v>174.93</v>
      </c>
      <c r="B18540">
        <v>204.04</v>
      </c>
      <c r="C18540">
        <v>9527.25</v>
      </c>
      <c r="D18540">
        <v>1.9</v>
      </c>
      <c r="E18540">
        <v>3534.24</v>
      </c>
      <c r="F18540">
        <v>96.868600000000001</v>
      </c>
    </row>
    <row r="18541" spans="1:6" x14ac:dyDescent="0.25">
      <c r="A18541">
        <v>174.93</v>
      </c>
      <c r="B18541">
        <v>204.04</v>
      </c>
      <c r="C18541">
        <v>9527.25</v>
      </c>
      <c r="D18541">
        <v>2.2000000000000002</v>
      </c>
      <c r="E18541">
        <v>3330.59</v>
      </c>
      <c r="F18541">
        <v>97.177899999999994</v>
      </c>
    </row>
    <row r="18542" spans="1:6" x14ac:dyDescent="0.25">
      <c r="A18542">
        <v>174.93</v>
      </c>
      <c r="B18542">
        <v>204.04</v>
      </c>
      <c r="C18542">
        <v>9527.25</v>
      </c>
      <c r="D18542">
        <v>2.5</v>
      </c>
      <c r="E18542">
        <v>3298.13</v>
      </c>
      <c r="F18542">
        <v>94.965900000000005</v>
      </c>
    </row>
    <row r="18543" spans="1:6" x14ac:dyDescent="0.25">
      <c r="A18543">
        <v>174.93</v>
      </c>
      <c r="B18543">
        <v>204.04</v>
      </c>
      <c r="C18543">
        <v>9527.25</v>
      </c>
      <c r="D18543">
        <v>2.8</v>
      </c>
      <c r="E18543">
        <v>3094.25</v>
      </c>
      <c r="F18543">
        <v>102.986</v>
      </c>
    </row>
    <row r="18544" spans="1:6" x14ac:dyDescent="0.25">
      <c r="A18544">
        <v>174.93</v>
      </c>
      <c r="B18544">
        <v>204.04</v>
      </c>
      <c r="C18544">
        <v>9527.25</v>
      </c>
      <c r="D18544">
        <v>3.1</v>
      </c>
      <c r="E18544">
        <v>3068.3</v>
      </c>
      <c r="F18544">
        <v>98.307100000000005</v>
      </c>
    </row>
    <row r="18545" spans="1:6" x14ac:dyDescent="0.25">
      <c r="A18545">
        <v>174.93</v>
      </c>
      <c r="B18545">
        <v>204.04</v>
      </c>
      <c r="C18545">
        <v>9527.25</v>
      </c>
      <c r="D18545">
        <v>3.4</v>
      </c>
      <c r="E18545">
        <v>2970.39</v>
      </c>
      <c r="F18545">
        <v>99.702100000000002</v>
      </c>
    </row>
    <row r="18546" spans="1:6" x14ac:dyDescent="0.25">
      <c r="A18546">
        <v>174.93</v>
      </c>
      <c r="B18546">
        <v>204.04</v>
      </c>
      <c r="C18546">
        <v>9527.25</v>
      </c>
      <c r="D18546">
        <v>3.7</v>
      </c>
      <c r="E18546">
        <v>2999.05</v>
      </c>
      <c r="F18546">
        <v>97.355400000000003</v>
      </c>
    </row>
    <row r="18547" spans="1:6" x14ac:dyDescent="0.25">
      <c r="A18547">
        <v>174.93</v>
      </c>
      <c r="B18547">
        <v>204.04</v>
      </c>
      <c r="C18547">
        <v>9527.25</v>
      </c>
      <c r="D18547">
        <v>4</v>
      </c>
      <c r="E18547">
        <v>2931.47</v>
      </c>
      <c r="F18547">
        <v>99.116399999999999</v>
      </c>
    </row>
    <row r="18548" spans="1:6" x14ac:dyDescent="0.25">
      <c r="A18548">
        <v>174.93</v>
      </c>
      <c r="B18548">
        <v>204.04</v>
      </c>
      <c r="C18548">
        <v>11072.7</v>
      </c>
      <c r="D18548">
        <v>1</v>
      </c>
      <c r="E18548">
        <v>4406.0200000000004</v>
      </c>
      <c r="F18548">
        <v>88.838800000000006</v>
      </c>
    </row>
    <row r="18549" spans="1:6" x14ac:dyDescent="0.25">
      <c r="A18549">
        <v>174.93</v>
      </c>
      <c r="B18549">
        <v>204.04</v>
      </c>
      <c r="C18549">
        <v>11072.7</v>
      </c>
      <c r="D18549">
        <v>1.3</v>
      </c>
      <c r="E18549">
        <v>4014.98</v>
      </c>
      <c r="F18549">
        <v>96.268000000000001</v>
      </c>
    </row>
    <row r="18550" spans="1:6" x14ac:dyDescent="0.25">
      <c r="A18550">
        <v>174.93</v>
      </c>
      <c r="B18550">
        <v>204.04</v>
      </c>
      <c r="C18550">
        <v>11072.7</v>
      </c>
      <c r="D18550">
        <v>1.6</v>
      </c>
      <c r="E18550">
        <v>3674.36</v>
      </c>
      <c r="F18550">
        <v>98.756900000000002</v>
      </c>
    </row>
    <row r="18551" spans="1:6" x14ac:dyDescent="0.25">
      <c r="A18551">
        <v>174.93</v>
      </c>
      <c r="B18551">
        <v>204.04</v>
      </c>
      <c r="C18551">
        <v>11072.7</v>
      </c>
      <c r="D18551">
        <v>1.9</v>
      </c>
      <c r="E18551">
        <v>3534.24</v>
      </c>
      <c r="F18551">
        <v>96.868600000000001</v>
      </c>
    </row>
    <row r="18552" spans="1:6" x14ac:dyDescent="0.25">
      <c r="A18552">
        <v>174.93</v>
      </c>
      <c r="B18552">
        <v>204.04</v>
      </c>
      <c r="C18552">
        <v>11072.7</v>
      </c>
      <c r="D18552">
        <v>2.2000000000000002</v>
      </c>
      <c r="E18552">
        <v>3330.59</v>
      </c>
      <c r="F18552">
        <v>97.177899999999994</v>
      </c>
    </row>
    <row r="18553" spans="1:6" x14ac:dyDescent="0.25">
      <c r="A18553">
        <v>174.93</v>
      </c>
      <c r="B18553">
        <v>204.04</v>
      </c>
      <c r="C18553">
        <v>11072.7</v>
      </c>
      <c r="D18553">
        <v>2.5</v>
      </c>
      <c r="E18553">
        <v>3298.13</v>
      </c>
      <c r="F18553">
        <v>94.965900000000005</v>
      </c>
    </row>
    <row r="18554" spans="1:6" x14ac:dyDescent="0.25">
      <c r="A18554">
        <v>174.93</v>
      </c>
      <c r="B18554">
        <v>204.04</v>
      </c>
      <c r="C18554">
        <v>11072.7</v>
      </c>
      <c r="D18554">
        <v>2.8</v>
      </c>
      <c r="E18554">
        <v>3094.25</v>
      </c>
      <c r="F18554">
        <v>102.986</v>
      </c>
    </row>
    <row r="18555" spans="1:6" x14ac:dyDescent="0.25">
      <c r="A18555">
        <v>174.93</v>
      </c>
      <c r="B18555">
        <v>204.04</v>
      </c>
      <c r="C18555">
        <v>11072.7</v>
      </c>
      <c r="D18555">
        <v>3.1</v>
      </c>
      <c r="E18555">
        <v>3068.3</v>
      </c>
      <c r="F18555">
        <v>98.307100000000005</v>
      </c>
    </row>
    <row r="18556" spans="1:6" x14ac:dyDescent="0.25">
      <c r="A18556">
        <v>174.93</v>
      </c>
      <c r="B18556">
        <v>204.04</v>
      </c>
      <c r="C18556">
        <v>11072.7</v>
      </c>
      <c r="D18556">
        <v>3.4</v>
      </c>
      <c r="E18556">
        <v>2970.39</v>
      </c>
      <c r="F18556">
        <v>99.702100000000002</v>
      </c>
    </row>
    <row r="18557" spans="1:6" x14ac:dyDescent="0.25">
      <c r="A18557">
        <v>174.93</v>
      </c>
      <c r="B18557">
        <v>204.04</v>
      </c>
      <c r="C18557">
        <v>11072.7</v>
      </c>
      <c r="D18557">
        <v>3.7</v>
      </c>
      <c r="E18557">
        <v>2999.05</v>
      </c>
      <c r="F18557">
        <v>97.355400000000003</v>
      </c>
    </row>
    <row r="18558" spans="1:6" x14ac:dyDescent="0.25">
      <c r="A18558">
        <v>174.93</v>
      </c>
      <c r="B18558">
        <v>204.04</v>
      </c>
      <c r="C18558">
        <v>11072.7</v>
      </c>
      <c r="D18558">
        <v>4</v>
      </c>
      <c r="E18558">
        <v>2931.47</v>
      </c>
      <c r="F18558">
        <v>99.116399999999999</v>
      </c>
    </row>
    <row r="18559" spans="1:6" x14ac:dyDescent="0.25">
      <c r="A18559">
        <v>174.93</v>
      </c>
      <c r="B18559">
        <v>204.04</v>
      </c>
      <c r="C18559">
        <v>12618.2</v>
      </c>
      <c r="D18559">
        <v>1</v>
      </c>
      <c r="E18559">
        <v>4406.0200000000004</v>
      </c>
      <c r="F18559">
        <v>88.838800000000006</v>
      </c>
    </row>
    <row r="18560" spans="1:6" x14ac:dyDescent="0.25">
      <c r="A18560">
        <v>174.93</v>
      </c>
      <c r="B18560">
        <v>204.04</v>
      </c>
      <c r="C18560">
        <v>12618.2</v>
      </c>
      <c r="D18560">
        <v>1.3</v>
      </c>
      <c r="E18560">
        <v>4014.98</v>
      </c>
      <c r="F18560">
        <v>96.268000000000001</v>
      </c>
    </row>
    <row r="18561" spans="1:6" x14ac:dyDescent="0.25">
      <c r="A18561">
        <v>174.93</v>
      </c>
      <c r="B18561">
        <v>204.04</v>
      </c>
      <c r="C18561">
        <v>12618.2</v>
      </c>
      <c r="D18561">
        <v>1.6</v>
      </c>
      <c r="E18561">
        <v>3674.36</v>
      </c>
      <c r="F18561">
        <v>98.756900000000002</v>
      </c>
    </row>
    <row r="18562" spans="1:6" x14ac:dyDescent="0.25">
      <c r="A18562">
        <v>174.93</v>
      </c>
      <c r="B18562">
        <v>204.04</v>
      </c>
      <c r="C18562">
        <v>12618.2</v>
      </c>
      <c r="D18562">
        <v>1.9</v>
      </c>
      <c r="E18562">
        <v>3534.24</v>
      </c>
      <c r="F18562">
        <v>96.868600000000001</v>
      </c>
    </row>
    <row r="18563" spans="1:6" x14ac:dyDescent="0.25">
      <c r="A18563">
        <v>174.93</v>
      </c>
      <c r="B18563">
        <v>204.04</v>
      </c>
      <c r="C18563">
        <v>12618.2</v>
      </c>
      <c r="D18563">
        <v>2.2000000000000002</v>
      </c>
      <c r="E18563">
        <v>3330.59</v>
      </c>
      <c r="F18563">
        <v>97.177899999999994</v>
      </c>
    </row>
    <row r="18564" spans="1:6" x14ac:dyDescent="0.25">
      <c r="A18564">
        <v>174.93</v>
      </c>
      <c r="B18564">
        <v>204.04</v>
      </c>
      <c r="C18564">
        <v>12618.2</v>
      </c>
      <c r="D18564">
        <v>2.5</v>
      </c>
      <c r="E18564">
        <v>3298.13</v>
      </c>
      <c r="F18564">
        <v>94.965900000000005</v>
      </c>
    </row>
    <row r="18565" spans="1:6" x14ac:dyDescent="0.25">
      <c r="A18565">
        <v>174.93</v>
      </c>
      <c r="B18565">
        <v>204.04</v>
      </c>
      <c r="C18565">
        <v>12618.2</v>
      </c>
      <c r="D18565">
        <v>2.8</v>
      </c>
      <c r="E18565">
        <v>3094.25</v>
      </c>
      <c r="F18565">
        <v>102.986</v>
      </c>
    </row>
    <row r="18566" spans="1:6" x14ac:dyDescent="0.25">
      <c r="A18566">
        <v>174.93</v>
      </c>
      <c r="B18566">
        <v>204.04</v>
      </c>
      <c r="C18566">
        <v>12618.2</v>
      </c>
      <c r="D18566">
        <v>3.1</v>
      </c>
      <c r="E18566">
        <v>3068.3</v>
      </c>
      <c r="F18566">
        <v>98.307100000000005</v>
      </c>
    </row>
    <row r="18567" spans="1:6" x14ac:dyDescent="0.25">
      <c r="A18567">
        <v>174.93</v>
      </c>
      <c r="B18567">
        <v>204.04</v>
      </c>
      <c r="C18567">
        <v>12618.2</v>
      </c>
      <c r="D18567">
        <v>3.4</v>
      </c>
      <c r="E18567">
        <v>2970.39</v>
      </c>
      <c r="F18567">
        <v>99.702100000000002</v>
      </c>
    </row>
    <row r="18568" spans="1:6" x14ac:dyDescent="0.25">
      <c r="A18568">
        <v>174.93</v>
      </c>
      <c r="B18568">
        <v>204.04</v>
      </c>
      <c r="C18568">
        <v>12618.2</v>
      </c>
      <c r="D18568">
        <v>3.7</v>
      </c>
      <c r="E18568">
        <v>2999.05</v>
      </c>
      <c r="F18568">
        <v>97.355400000000003</v>
      </c>
    </row>
    <row r="18569" spans="1:6" x14ac:dyDescent="0.25">
      <c r="A18569">
        <v>174.93</v>
      </c>
      <c r="B18569">
        <v>204.04</v>
      </c>
      <c r="C18569">
        <v>12618.2</v>
      </c>
      <c r="D18569">
        <v>4</v>
      </c>
      <c r="E18569">
        <v>2931.47</v>
      </c>
      <c r="F18569">
        <v>99.116399999999999</v>
      </c>
    </row>
    <row r="18570" spans="1:6" x14ac:dyDescent="0.25">
      <c r="A18570">
        <v>174.93</v>
      </c>
      <c r="B18570">
        <v>204.04</v>
      </c>
      <c r="C18570">
        <v>14163.6</v>
      </c>
      <c r="D18570">
        <v>1</v>
      </c>
      <c r="E18570">
        <v>4406.0200000000004</v>
      </c>
      <c r="F18570">
        <v>88.838800000000006</v>
      </c>
    </row>
    <row r="18571" spans="1:6" x14ac:dyDescent="0.25">
      <c r="A18571">
        <v>174.93</v>
      </c>
      <c r="B18571">
        <v>204.04</v>
      </c>
      <c r="C18571">
        <v>14163.6</v>
      </c>
      <c r="D18571">
        <v>1.3</v>
      </c>
      <c r="E18571">
        <v>4014.98</v>
      </c>
      <c r="F18571">
        <v>96.268000000000001</v>
      </c>
    </row>
    <row r="18572" spans="1:6" x14ac:dyDescent="0.25">
      <c r="A18572">
        <v>174.93</v>
      </c>
      <c r="B18572">
        <v>204.04</v>
      </c>
      <c r="C18572">
        <v>14163.6</v>
      </c>
      <c r="D18572">
        <v>1.6</v>
      </c>
      <c r="E18572">
        <v>3674.36</v>
      </c>
      <c r="F18572">
        <v>98.756900000000002</v>
      </c>
    </row>
    <row r="18573" spans="1:6" x14ac:dyDescent="0.25">
      <c r="A18573">
        <v>174.93</v>
      </c>
      <c r="B18573">
        <v>204.04</v>
      </c>
      <c r="C18573">
        <v>14163.6</v>
      </c>
      <c r="D18573">
        <v>1.9</v>
      </c>
      <c r="E18573">
        <v>3534.24</v>
      </c>
      <c r="F18573">
        <v>96.868600000000001</v>
      </c>
    </row>
    <row r="18574" spans="1:6" x14ac:dyDescent="0.25">
      <c r="A18574">
        <v>174.93</v>
      </c>
      <c r="B18574">
        <v>204.04</v>
      </c>
      <c r="C18574">
        <v>14163.6</v>
      </c>
      <c r="D18574">
        <v>2.2000000000000002</v>
      </c>
      <c r="E18574">
        <v>3330.59</v>
      </c>
      <c r="F18574">
        <v>97.177899999999994</v>
      </c>
    </row>
    <row r="18575" spans="1:6" x14ac:dyDescent="0.25">
      <c r="A18575">
        <v>174.93</v>
      </c>
      <c r="B18575">
        <v>204.04</v>
      </c>
      <c r="C18575">
        <v>14163.6</v>
      </c>
      <c r="D18575">
        <v>2.5</v>
      </c>
      <c r="E18575">
        <v>3298.13</v>
      </c>
      <c r="F18575">
        <v>94.965900000000005</v>
      </c>
    </row>
    <row r="18576" spans="1:6" x14ac:dyDescent="0.25">
      <c r="A18576">
        <v>174.93</v>
      </c>
      <c r="B18576">
        <v>204.04</v>
      </c>
      <c r="C18576">
        <v>14163.6</v>
      </c>
      <c r="D18576">
        <v>2.8</v>
      </c>
      <c r="E18576">
        <v>3094.25</v>
      </c>
      <c r="F18576">
        <v>102.986</v>
      </c>
    </row>
    <row r="18577" spans="1:6" x14ac:dyDescent="0.25">
      <c r="A18577">
        <v>174.93</v>
      </c>
      <c r="B18577">
        <v>204.04</v>
      </c>
      <c r="C18577">
        <v>14163.6</v>
      </c>
      <c r="D18577">
        <v>3.1</v>
      </c>
      <c r="E18577">
        <v>3068.3</v>
      </c>
      <c r="F18577">
        <v>98.307100000000005</v>
      </c>
    </row>
    <row r="18578" spans="1:6" x14ac:dyDescent="0.25">
      <c r="A18578">
        <v>174.93</v>
      </c>
      <c r="B18578">
        <v>204.04</v>
      </c>
      <c r="C18578">
        <v>14163.6</v>
      </c>
      <c r="D18578">
        <v>3.4</v>
      </c>
      <c r="E18578">
        <v>2970.39</v>
      </c>
      <c r="F18578">
        <v>99.702100000000002</v>
      </c>
    </row>
    <row r="18579" spans="1:6" x14ac:dyDescent="0.25">
      <c r="A18579">
        <v>174.93</v>
      </c>
      <c r="B18579">
        <v>204.04</v>
      </c>
      <c r="C18579">
        <v>14163.6</v>
      </c>
      <c r="D18579">
        <v>3.7</v>
      </c>
      <c r="E18579">
        <v>2999.05</v>
      </c>
      <c r="F18579">
        <v>97.355400000000003</v>
      </c>
    </row>
    <row r="18580" spans="1:6" x14ac:dyDescent="0.25">
      <c r="A18580">
        <v>174.93</v>
      </c>
      <c r="B18580">
        <v>204.04</v>
      </c>
      <c r="C18580">
        <v>14163.6</v>
      </c>
      <c r="D18580">
        <v>4</v>
      </c>
      <c r="E18580">
        <v>2931.47</v>
      </c>
      <c r="F18580">
        <v>99.116399999999999</v>
      </c>
    </row>
    <row r="18581" spans="1:6" x14ac:dyDescent="0.25">
      <c r="A18581">
        <v>174.93</v>
      </c>
      <c r="B18581">
        <v>204.04</v>
      </c>
      <c r="C18581">
        <v>15709.1</v>
      </c>
      <c r="D18581">
        <v>1</v>
      </c>
      <c r="E18581">
        <v>4406.0200000000004</v>
      </c>
      <c r="F18581">
        <v>88.838800000000006</v>
      </c>
    </row>
    <row r="18582" spans="1:6" x14ac:dyDescent="0.25">
      <c r="A18582">
        <v>174.93</v>
      </c>
      <c r="B18582">
        <v>204.04</v>
      </c>
      <c r="C18582">
        <v>15709.1</v>
      </c>
      <c r="D18582">
        <v>1.3</v>
      </c>
      <c r="E18582">
        <v>4014.98</v>
      </c>
      <c r="F18582">
        <v>96.268000000000001</v>
      </c>
    </row>
    <row r="18583" spans="1:6" x14ac:dyDescent="0.25">
      <c r="A18583">
        <v>174.93</v>
      </c>
      <c r="B18583">
        <v>204.04</v>
      </c>
      <c r="C18583">
        <v>15709.1</v>
      </c>
      <c r="D18583">
        <v>1.6</v>
      </c>
      <c r="E18583">
        <v>3674.36</v>
      </c>
      <c r="F18583">
        <v>98.756900000000002</v>
      </c>
    </row>
    <row r="18584" spans="1:6" x14ac:dyDescent="0.25">
      <c r="A18584">
        <v>174.93</v>
      </c>
      <c r="B18584">
        <v>204.04</v>
      </c>
      <c r="C18584">
        <v>15709.1</v>
      </c>
      <c r="D18584">
        <v>1.9</v>
      </c>
      <c r="E18584">
        <v>3534.24</v>
      </c>
      <c r="F18584">
        <v>96.868600000000001</v>
      </c>
    </row>
    <row r="18585" spans="1:6" x14ac:dyDescent="0.25">
      <c r="A18585">
        <v>174.93</v>
      </c>
      <c r="B18585">
        <v>204.04</v>
      </c>
      <c r="C18585">
        <v>15709.1</v>
      </c>
      <c r="D18585">
        <v>2.2000000000000002</v>
      </c>
      <c r="E18585">
        <v>3330.59</v>
      </c>
      <c r="F18585">
        <v>97.177899999999994</v>
      </c>
    </row>
    <row r="18586" spans="1:6" x14ac:dyDescent="0.25">
      <c r="A18586">
        <v>174.93</v>
      </c>
      <c r="B18586">
        <v>204.04</v>
      </c>
      <c r="C18586">
        <v>15709.1</v>
      </c>
      <c r="D18586">
        <v>2.5</v>
      </c>
      <c r="E18586">
        <v>3298.13</v>
      </c>
      <c r="F18586">
        <v>94.965900000000005</v>
      </c>
    </row>
    <row r="18587" spans="1:6" x14ac:dyDescent="0.25">
      <c r="A18587">
        <v>174.93</v>
      </c>
      <c r="B18587">
        <v>204.04</v>
      </c>
      <c r="C18587">
        <v>15709.1</v>
      </c>
      <c r="D18587">
        <v>2.8</v>
      </c>
      <c r="E18587">
        <v>3094.25</v>
      </c>
      <c r="F18587">
        <v>102.986</v>
      </c>
    </row>
    <row r="18588" spans="1:6" x14ac:dyDescent="0.25">
      <c r="A18588">
        <v>174.93</v>
      </c>
      <c r="B18588">
        <v>204.04</v>
      </c>
      <c r="C18588">
        <v>15709.1</v>
      </c>
      <c r="D18588">
        <v>3.1</v>
      </c>
      <c r="E18588">
        <v>3068.3</v>
      </c>
      <c r="F18588">
        <v>98.307100000000005</v>
      </c>
    </row>
    <row r="18589" spans="1:6" x14ac:dyDescent="0.25">
      <c r="A18589">
        <v>174.93</v>
      </c>
      <c r="B18589">
        <v>204.04</v>
      </c>
      <c r="C18589">
        <v>15709.1</v>
      </c>
      <c r="D18589">
        <v>3.4</v>
      </c>
      <c r="E18589">
        <v>2970.39</v>
      </c>
      <c r="F18589">
        <v>99.702100000000002</v>
      </c>
    </row>
    <row r="18590" spans="1:6" x14ac:dyDescent="0.25">
      <c r="A18590">
        <v>174.93</v>
      </c>
      <c r="B18590">
        <v>204.04</v>
      </c>
      <c r="C18590">
        <v>15709.1</v>
      </c>
      <c r="D18590">
        <v>3.7</v>
      </c>
      <c r="E18590">
        <v>2999.05</v>
      </c>
      <c r="F18590">
        <v>97.355400000000003</v>
      </c>
    </row>
    <row r="18591" spans="1:6" x14ac:dyDescent="0.25">
      <c r="A18591">
        <v>174.93</v>
      </c>
      <c r="B18591">
        <v>204.04</v>
      </c>
      <c r="C18591">
        <v>15709.1</v>
      </c>
      <c r="D18591">
        <v>4</v>
      </c>
      <c r="E18591">
        <v>2931.47</v>
      </c>
      <c r="F18591">
        <v>99.116399999999999</v>
      </c>
    </row>
    <row r="18592" spans="1:6" x14ac:dyDescent="0.25">
      <c r="A18592">
        <v>174.93</v>
      </c>
      <c r="B18592">
        <v>204.04</v>
      </c>
      <c r="C18592">
        <v>17254.5</v>
      </c>
      <c r="D18592">
        <v>1</v>
      </c>
      <c r="E18592">
        <v>4406.0200000000004</v>
      </c>
      <c r="F18592">
        <v>88.838800000000006</v>
      </c>
    </row>
    <row r="18593" spans="1:6" x14ac:dyDescent="0.25">
      <c r="A18593">
        <v>174.93</v>
      </c>
      <c r="B18593">
        <v>204.04</v>
      </c>
      <c r="C18593">
        <v>17254.5</v>
      </c>
      <c r="D18593">
        <v>1.3</v>
      </c>
      <c r="E18593">
        <v>4014.98</v>
      </c>
      <c r="F18593">
        <v>96.268000000000001</v>
      </c>
    </row>
    <row r="18594" spans="1:6" x14ac:dyDescent="0.25">
      <c r="A18594">
        <v>174.93</v>
      </c>
      <c r="B18594">
        <v>204.04</v>
      </c>
      <c r="C18594">
        <v>17254.5</v>
      </c>
      <c r="D18594">
        <v>1.6</v>
      </c>
      <c r="E18594">
        <v>3674.36</v>
      </c>
      <c r="F18594">
        <v>98.756900000000002</v>
      </c>
    </row>
    <row r="18595" spans="1:6" x14ac:dyDescent="0.25">
      <c r="A18595">
        <v>174.93</v>
      </c>
      <c r="B18595">
        <v>204.04</v>
      </c>
      <c r="C18595">
        <v>17254.5</v>
      </c>
      <c r="D18595">
        <v>1.9</v>
      </c>
      <c r="E18595">
        <v>3534.24</v>
      </c>
      <c r="F18595">
        <v>96.868600000000001</v>
      </c>
    </row>
    <row r="18596" spans="1:6" x14ac:dyDescent="0.25">
      <c r="A18596">
        <v>174.93</v>
      </c>
      <c r="B18596">
        <v>204.04</v>
      </c>
      <c r="C18596">
        <v>17254.5</v>
      </c>
      <c r="D18596">
        <v>2.2000000000000002</v>
      </c>
      <c r="E18596">
        <v>3330.59</v>
      </c>
      <c r="F18596">
        <v>97.177899999999994</v>
      </c>
    </row>
    <row r="18597" spans="1:6" x14ac:dyDescent="0.25">
      <c r="A18597">
        <v>174.93</v>
      </c>
      <c r="B18597">
        <v>204.04</v>
      </c>
      <c r="C18597">
        <v>17254.5</v>
      </c>
      <c r="D18597">
        <v>2.5</v>
      </c>
      <c r="E18597">
        <v>3298.13</v>
      </c>
      <c r="F18597">
        <v>94.965900000000005</v>
      </c>
    </row>
    <row r="18598" spans="1:6" x14ac:dyDescent="0.25">
      <c r="A18598">
        <v>174.93</v>
      </c>
      <c r="B18598">
        <v>204.04</v>
      </c>
      <c r="C18598">
        <v>17254.5</v>
      </c>
      <c r="D18598">
        <v>2.8</v>
      </c>
      <c r="E18598">
        <v>3094.25</v>
      </c>
      <c r="F18598">
        <v>102.986</v>
      </c>
    </row>
    <row r="18599" spans="1:6" x14ac:dyDescent="0.25">
      <c r="A18599">
        <v>174.93</v>
      </c>
      <c r="B18599">
        <v>204.04</v>
      </c>
      <c r="C18599">
        <v>17254.5</v>
      </c>
      <c r="D18599">
        <v>3.1</v>
      </c>
      <c r="E18599">
        <v>3068.3</v>
      </c>
      <c r="F18599">
        <v>98.307100000000005</v>
      </c>
    </row>
    <row r="18600" spans="1:6" x14ac:dyDescent="0.25">
      <c r="A18600">
        <v>174.93</v>
      </c>
      <c r="B18600">
        <v>204.04</v>
      </c>
      <c r="C18600">
        <v>17254.5</v>
      </c>
      <c r="D18600">
        <v>3.4</v>
      </c>
      <c r="E18600">
        <v>2970.39</v>
      </c>
      <c r="F18600">
        <v>99.702100000000002</v>
      </c>
    </row>
    <row r="18601" spans="1:6" x14ac:dyDescent="0.25">
      <c r="A18601">
        <v>174.93</v>
      </c>
      <c r="B18601">
        <v>204.04</v>
      </c>
      <c r="C18601">
        <v>17254.5</v>
      </c>
      <c r="D18601">
        <v>3.7</v>
      </c>
      <c r="E18601">
        <v>2999.05</v>
      </c>
      <c r="F18601">
        <v>97.355400000000003</v>
      </c>
    </row>
    <row r="18602" spans="1:6" x14ac:dyDescent="0.25">
      <c r="A18602">
        <v>174.93</v>
      </c>
      <c r="B18602">
        <v>204.04</v>
      </c>
      <c r="C18602">
        <v>17254.5</v>
      </c>
      <c r="D18602">
        <v>4</v>
      </c>
      <c r="E18602">
        <v>2931.47</v>
      </c>
      <c r="F18602">
        <v>99.116399999999999</v>
      </c>
    </row>
    <row r="18603" spans="1:6" x14ac:dyDescent="0.25">
      <c r="A18603">
        <v>174.93</v>
      </c>
      <c r="B18603">
        <v>204.04</v>
      </c>
      <c r="C18603">
        <v>18800</v>
      </c>
      <c r="D18603">
        <v>1</v>
      </c>
      <c r="E18603">
        <v>4406.0200000000004</v>
      </c>
      <c r="F18603">
        <v>88.838800000000006</v>
      </c>
    </row>
    <row r="18604" spans="1:6" x14ac:dyDescent="0.25">
      <c r="A18604">
        <v>174.93</v>
      </c>
      <c r="B18604">
        <v>204.04</v>
      </c>
      <c r="C18604">
        <v>18800</v>
      </c>
      <c r="D18604">
        <v>1.3</v>
      </c>
      <c r="E18604">
        <v>4014.98</v>
      </c>
      <c r="F18604">
        <v>96.268000000000001</v>
      </c>
    </row>
    <row r="18605" spans="1:6" x14ac:dyDescent="0.25">
      <c r="A18605">
        <v>174.93</v>
      </c>
      <c r="B18605">
        <v>204.04</v>
      </c>
      <c r="C18605">
        <v>18800</v>
      </c>
      <c r="D18605">
        <v>1.6</v>
      </c>
      <c r="E18605">
        <v>3674.36</v>
      </c>
      <c r="F18605">
        <v>98.756900000000002</v>
      </c>
    </row>
    <row r="18606" spans="1:6" x14ac:dyDescent="0.25">
      <c r="A18606">
        <v>174.93</v>
      </c>
      <c r="B18606">
        <v>204.04</v>
      </c>
      <c r="C18606">
        <v>18800</v>
      </c>
      <c r="D18606">
        <v>1.9</v>
      </c>
      <c r="E18606">
        <v>3534.24</v>
      </c>
      <c r="F18606">
        <v>96.868600000000001</v>
      </c>
    </row>
    <row r="18607" spans="1:6" x14ac:dyDescent="0.25">
      <c r="A18607">
        <v>174.93</v>
      </c>
      <c r="B18607">
        <v>204.04</v>
      </c>
      <c r="C18607">
        <v>18800</v>
      </c>
      <c r="D18607">
        <v>2.2000000000000002</v>
      </c>
      <c r="E18607">
        <v>3330.59</v>
      </c>
      <c r="F18607">
        <v>97.177899999999994</v>
      </c>
    </row>
    <row r="18608" spans="1:6" x14ac:dyDescent="0.25">
      <c r="A18608">
        <v>174.93</v>
      </c>
      <c r="B18608">
        <v>204.04</v>
      </c>
      <c r="C18608">
        <v>18800</v>
      </c>
      <c r="D18608">
        <v>2.5</v>
      </c>
      <c r="E18608">
        <v>3298.13</v>
      </c>
      <c r="F18608">
        <v>94.965900000000005</v>
      </c>
    </row>
    <row r="18609" spans="1:6" x14ac:dyDescent="0.25">
      <c r="A18609">
        <v>174.93</v>
      </c>
      <c r="B18609">
        <v>204.04</v>
      </c>
      <c r="C18609">
        <v>18800</v>
      </c>
      <c r="D18609">
        <v>2.8</v>
      </c>
      <c r="E18609">
        <v>3094.25</v>
      </c>
      <c r="F18609">
        <v>102.986</v>
      </c>
    </row>
    <row r="18610" spans="1:6" x14ac:dyDescent="0.25">
      <c r="A18610">
        <v>174.93</v>
      </c>
      <c r="B18610">
        <v>204.04</v>
      </c>
      <c r="C18610">
        <v>18800</v>
      </c>
      <c r="D18610">
        <v>3.1</v>
      </c>
      <c r="E18610">
        <v>3068.3</v>
      </c>
      <c r="F18610">
        <v>98.307100000000005</v>
      </c>
    </row>
    <row r="18611" spans="1:6" x14ac:dyDescent="0.25">
      <c r="A18611">
        <v>174.93</v>
      </c>
      <c r="B18611">
        <v>204.04</v>
      </c>
      <c r="C18611">
        <v>18800</v>
      </c>
      <c r="D18611">
        <v>3.4</v>
      </c>
      <c r="E18611">
        <v>2970.39</v>
      </c>
      <c r="F18611">
        <v>99.702100000000002</v>
      </c>
    </row>
    <row r="18612" spans="1:6" x14ac:dyDescent="0.25">
      <c r="A18612">
        <v>174.93</v>
      </c>
      <c r="B18612">
        <v>204.04</v>
      </c>
      <c r="C18612">
        <v>18800</v>
      </c>
      <c r="D18612">
        <v>3.7</v>
      </c>
      <c r="E18612">
        <v>2999.05</v>
      </c>
      <c r="F18612">
        <v>97.355400000000003</v>
      </c>
    </row>
    <row r="18613" spans="1:6" x14ac:dyDescent="0.25">
      <c r="A18613">
        <v>174.93</v>
      </c>
      <c r="B18613">
        <v>204.04</v>
      </c>
      <c r="C18613">
        <v>18800</v>
      </c>
      <c r="D18613">
        <v>4</v>
      </c>
      <c r="E18613">
        <v>2931.47</v>
      </c>
      <c r="F18613">
        <v>99.116399999999999</v>
      </c>
    </row>
    <row r="18614" spans="1:6" x14ac:dyDescent="0.25">
      <c r="A18614">
        <v>174.93</v>
      </c>
      <c r="B18614">
        <v>207.67</v>
      </c>
      <c r="C18614">
        <v>1800</v>
      </c>
      <c r="D18614">
        <v>1</v>
      </c>
      <c r="E18614">
        <v>4406.0200000000004</v>
      </c>
      <c r="F18614">
        <v>88.838800000000006</v>
      </c>
    </row>
    <row r="18615" spans="1:6" x14ac:dyDescent="0.25">
      <c r="A18615">
        <v>174.93</v>
      </c>
      <c r="B18615">
        <v>207.67</v>
      </c>
      <c r="C18615">
        <v>1800</v>
      </c>
      <c r="D18615">
        <v>1.3</v>
      </c>
      <c r="E18615">
        <v>4014.98</v>
      </c>
      <c r="F18615">
        <v>96.268000000000001</v>
      </c>
    </row>
    <row r="18616" spans="1:6" x14ac:dyDescent="0.25">
      <c r="A18616">
        <v>174.93</v>
      </c>
      <c r="B18616">
        <v>207.67</v>
      </c>
      <c r="C18616">
        <v>1800</v>
      </c>
      <c r="D18616">
        <v>1.6</v>
      </c>
      <c r="E18616">
        <v>3674.36</v>
      </c>
      <c r="F18616">
        <v>98.756900000000002</v>
      </c>
    </row>
    <row r="18617" spans="1:6" x14ac:dyDescent="0.25">
      <c r="A18617">
        <v>174.93</v>
      </c>
      <c r="B18617">
        <v>207.67</v>
      </c>
      <c r="C18617">
        <v>1800</v>
      </c>
      <c r="D18617">
        <v>1.9</v>
      </c>
      <c r="E18617">
        <v>3534.24</v>
      </c>
      <c r="F18617">
        <v>96.868600000000001</v>
      </c>
    </row>
    <row r="18618" spans="1:6" x14ac:dyDescent="0.25">
      <c r="A18618">
        <v>174.93</v>
      </c>
      <c r="B18618">
        <v>207.67</v>
      </c>
      <c r="C18618">
        <v>1800</v>
      </c>
      <c r="D18618">
        <v>2.2000000000000002</v>
      </c>
      <c r="E18618">
        <v>3330.59</v>
      </c>
      <c r="F18618">
        <v>97.177899999999994</v>
      </c>
    </row>
    <row r="18619" spans="1:6" x14ac:dyDescent="0.25">
      <c r="A18619">
        <v>174.93</v>
      </c>
      <c r="B18619">
        <v>207.67</v>
      </c>
      <c r="C18619">
        <v>1800</v>
      </c>
      <c r="D18619">
        <v>2.5</v>
      </c>
      <c r="E18619">
        <v>3298.13</v>
      </c>
      <c r="F18619">
        <v>94.965900000000005</v>
      </c>
    </row>
    <row r="18620" spans="1:6" x14ac:dyDescent="0.25">
      <c r="A18620">
        <v>174.93</v>
      </c>
      <c r="B18620">
        <v>207.67</v>
      </c>
      <c r="C18620">
        <v>1800</v>
      </c>
      <c r="D18620">
        <v>2.8</v>
      </c>
      <c r="E18620">
        <v>3094.25</v>
      </c>
      <c r="F18620">
        <v>102.986</v>
      </c>
    </row>
    <row r="18621" spans="1:6" x14ac:dyDescent="0.25">
      <c r="A18621">
        <v>174.93</v>
      </c>
      <c r="B18621">
        <v>207.67</v>
      </c>
      <c r="C18621">
        <v>1800</v>
      </c>
      <c r="D18621">
        <v>3.1</v>
      </c>
      <c r="E18621">
        <v>3068.3</v>
      </c>
      <c r="F18621">
        <v>98.307100000000005</v>
      </c>
    </row>
    <row r="18622" spans="1:6" x14ac:dyDescent="0.25">
      <c r="A18622">
        <v>174.93</v>
      </c>
      <c r="B18622">
        <v>207.67</v>
      </c>
      <c r="C18622">
        <v>1800</v>
      </c>
      <c r="D18622">
        <v>3.4</v>
      </c>
      <c r="E18622">
        <v>2970.39</v>
      </c>
      <c r="F18622">
        <v>99.702100000000002</v>
      </c>
    </row>
    <row r="18623" spans="1:6" x14ac:dyDescent="0.25">
      <c r="A18623">
        <v>174.93</v>
      </c>
      <c r="B18623">
        <v>207.67</v>
      </c>
      <c r="C18623">
        <v>1800</v>
      </c>
      <c r="D18623">
        <v>3.7</v>
      </c>
      <c r="E18623">
        <v>2896.05</v>
      </c>
      <c r="F18623">
        <v>97.355400000000003</v>
      </c>
    </row>
    <row r="18624" spans="1:6" x14ac:dyDescent="0.25">
      <c r="A18624">
        <v>174.93</v>
      </c>
      <c r="B18624">
        <v>207.67</v>
      </c>
      <c r="C18624">
        <v>1800</v>
      </c>
      <c r="D18624">
        <v>4</v>
      </c>
      <c r="E18624">
        <v>2821.66</v>
      </c>
      <c r="F18624">
        <v>99.116399999999999</v>
      </c>
    </row>
    <row r="18625" spans="1:6" x14ac:dyDescent="0.25">
      <c r="A18625">
        <v>174.93</v>
      </c>
      <c r="B18625">
        <v>207.67</v>
      </c>
      <c r="C18625">
        <v>3345.45</v>
      </c>
      <c r="D18625">
        <v>1</v>
      </c>
      <c r="E18625">
        <v>4406.0200000000004</v>
      </c>
      <c r="F18625">
        <v>88.838800000000006</v>
      </c>
    </row>
    <row r="18626" spans="1:6" x14ac:dyDescent="0.25">
      <c r="A18626">
        <v>174.93</v>
      </c>
      <c r="B18626">
        <v>207.67</v>
      </c>
      <c r="C18626">
        <v>3345.45</v>
      </c>
      <c r="D18626">
        <v>1.3</v>
      </c>
      <c r="E18626">
        <v>4014.98</v>
      </c>
      <c r="F18626">
        <v>96.268000000000001</v>
      </c>
    </row>
    <row r="18627" spans="1:6" x14ac:dyDescent="0.25">
      <c r="A18627">
        <v>174.93</v>
      </c>
      <c r="B18627">
        <v>207.67</v>
      </c>
      <c r="C18627">
        <v>3345.45</v>
      </c>
      <c r="D18627">
        <v>1.6</v>
      </c>
      <c r="E18627">
        <v>3674.36</v>
      </c>
      <c r="F18627">
        <v>98.756900000000002</v>
      </c>
    </row>
    <row r="18628" spans="1:6" x14ac:dyDescent="0.25">
      <c r="A18628">
        <v>174.93</v>
      </c>
      <c r="B18628">
        <v>207.67</v>
      </c>
      <c r="C18628">
        <v>3345.45</v>
      </c>
      <c r="D18628">
        <v>1.9</v>
      </c>
      <c r="E18628">
        <v>3534.24</v>
      </c>
      <c r="F18628">
        <v>96.868600000000001</v>
      </c>
    </row>
    <row r="18629" spans="1:6" x14ac:dyDescent="0.25">
      <c r="A18629">
        <v>174.93</v>
      </c>
      <c r="B18629">
        <v>207.67</v>
      </c>
      <c r="C18629">
        <v>3345.45</v>
      </c>
      <c r="D18629">
        <v>2.2000000000000002</v>
      </c>
      <c r="E18629">
        <v>3330.59</v>
      </c>
      <c r="F18629">
        <v>97.177899999999994</v>
      </c>
    </row>
    <row r="18630" spans="1:6" x14ac:dyDescent="0.25">
      <c r="A18630">
        <v>174.93</v>
      </c>
      <c r="B18630">
        <v>207.67</v>
      </c>
      <c r="C18630">
        <v>3345.45</v>
      </c>
      <c r="D18630">
        <v>2.5</v>
      </c>
      <c r="E18630">
        <v>3298.13</v>
      </c>
      <c r="F18630">
        <v>94.965900000000005</v>
      </c>
    </row>
    <row r="18631" spans="1:6" x14ac:dyDescent="0.25">
      <c r="A18631">
        <v>174.93</v>
      </c>
      <c r="B18631">
        <v>207.67</v>
      </c>
      <c r="C18631">
        <v>3345.45</v>
      </c>
      <c r="D18631">
        <v>2.8</v>
      </c>
      <c r="E18631">
        <v>3094.25</v>
      </c>
      <c r="F18631">
        <v>102.986</v>
      </c>
    </row>
    <row r="18632" spans="1:6" x14ac:dyDescent="0.25">
      <c r="A18632">
        <v>174.93</v>
      </c>
      <c r="B18632">
        <v>207.67</v>
      </c>
      <c r="C18632">
        <v>3345.45</v>
      </c>
      <c r="D18632">
        <v>3.1</v>
      </c>
      <c r="E18632">
        <v>3068.3</v>
      </c>
      <c r="F18632">
        <v>98.307100000000005</v>
      </c>
    </row>
    <row r="18633" spans="1:6" x14ac:dyDescent="0.25">
      <c r="A18633">
        <v>174.93</v>
      </c>
      <c r="B18633">
        <v>207.67</v>
      </c>
      <c r="C18633">
        <v>3345.45</v>
      </c>
      <c r="D18633">
        <v>3.4</v>
      </c>
      <c r="E18633">
        <v>2970.39</v>
      </c>
      <c r="F18633">
        <v>99.702100000000002</v>
      </c>
    </row>
    <row r="18634" spans="1:6" x14ac:dyDescent="0.25">
      <c r="A18634">
        <v>174.93</v>
      </c>
      <c r="B18634">
        <v>207.67</v>
      </c>
      <c r="C18634">
        <v>3345.45</v>
      </c>
      <c r="D18634">
        <v>3.7</v>
      </c>
      <c r="E18634">
        <v>2999.05</v>
      </c>
      <c r="F18634">
        <v>97.355400000000003</v>
      </c>
    </row>
    <row r="18635" spans="1:6" x14ac:dyDescent="0.25">
      <c r="A18635">
        <v>174.93</v>
      </c>
      <c r="B18635">
        <v>207.67</v>
      </c>
      <c r="C18635">
        <v>3345.45</v>
      </c>
      <c r="D18635">
        <v>4</v>
      </c>
      <c r="E18635">
        <v>2931.47</v>
      </c>
      <c r="F18635">
        <v>99.116399999999999</v>
      </c>
    </row>
    <row r="18636" spans="1:6" x14ac:dyDescent="0.25">
      <c r="A18636">
        <v>174.93</v>
      </c>
      <c r="B18636">
        <v>207.67</v>
      </c>
      <c r="C18636">
        <v>4890.8999999999996</v>
      </c>
      <c r="D18636">
        <v>1</v>
      </c>
      <c r="E18636">
        <v>4406.0200000000004</v>
      </c>
      <c r="F18636">
        <v>88.838800000000006</v>
      </c>
    </row>
    <row r="18637" spans="1:6" x14ac:dyDescent="0.25">
      <c r="A18637">
        <v>174.93</v>
      </c>
      <c r="B18637">
        <v>207.67</v>
      </c>
      <c r="C18637">
        <v>4890.8999999999996</v>
      </c>
      <c r="D18637">
        <v>1.3</v>
      </c>
      <c r="E18637">
        <v>4014.98</v>
      </c>
      <c r="F18637">
        <v>96.268000000000001</v>
      </c>
    </row>
    <row r="18638" spans="1:6" x14ac:dyDescent="0.25">
      <c r="A18638">
        <v>174.93</v>
      </c>
      <c r="B18638">
        <v>207.67</v>
      </c>
      <c r="C18638">
        <v>4890.8999999999996</v>
      </c>
      <c r="D18638">
        <v>1.6</v>
      </c>
      <c r="E18638">
        <v>3674.36</v>
      </c>
      <c r="F18638">
        <v>98.756900000000002</v>
      </c>
    </row>
    <row r="18639" spans="1:6" x14ac:dyDescent="0.25">
      <c r="A18639">
        <v>174.93</v>
      </c>
      <c r="B18639">
        <v>207.67</v>
      </c>
      <c r="C18639">
        <v>4890.8999999999996</v>
      </c>
      <c r="D18639">
        <v>1.9</v>
      </c>
      <c r="E18639">
        <v>3534.24</v>
      </c>
      <c r="F18639">
        <v>96.868600000000001</v>
      </c>
    </row>
    <row r="18640" spans="1:6" x14ac:dyDescent="0.25">
      <c r="A18640">
        <v>174.93</v>
      </c>
      <c r="B18640">
        <v>207.67</v>
      </c>
      <c r="C18640">
        <v>4890.8999999999996</v>
      </c>
      <c r="D18640">
        <v>2.2000000000000002</v>
      </c>
      <c r="E18640">
        <v>3330.59</v>
      </c>
      <c r="F18640">
        <v>97.177899999999994</v>
      </c>
    </row>
    <row r="18641" spans="1:6" x14ac:dyDescent="0.25">
      <c r="A18641">
        <v>174.93</v>
      </c>
      <c r="B18641">
        <v>207.67</v>
      </c>
      <c r="C18641">
        <v>4890.8999999999996</v>
      </c>
      <c r="D18641">
        <v>2.5</v>
      </c>
      <c r="E18641">
        <v>3298.13</v>
      </c>
      <c r="F18641">
        <v>94.965900000000005</v>
      </c>
    </row>
    <row r="18642" spans="1:6" x14ac:dyDescent="0.25">
      <c r="A18642">
        <v>174.93</v>
      </c>
      <c r="B18642">
        <v>207.67</v>
      </c>
      <c r="C18642">
        <v>4890.8999999999996</v>
      </c>
      <c r="D18642">
        <v>2.8</v>
      </c>
      <c r="E18642">
        <v>3094.25</v>
      </c>
      <c r="F18642">
        <v>102.986</v>
      </c>
    </row>
    <row r="18643" spans="1:6" x14ac:dyDescent="0.25">
      <c r="A18643">
        <v>174.93</v>
      </c>
      <c r="B18643">
        <v>207.67</v>
      </c>
      <c r="C18643">
        <v>4890.8999999999996</v>
      </c>
      <c r="D18643">
        <v>3.1</v>
      </c>
      <c r="E18643">
        <v>3068.3</v>
      </c>
      <c r="F18643">
        <v>98.307100000000005</v>
      </c>
    </row>
    <row r="18644" spans="1:6" x14ac:dyDescent="0.25">
      <c r="A18644">
        <v>174.93</v>
      </c>
      <c r="B18644">
        <v>207.67</v>
      </c>
      <c r="C18644">
        <v>4890.8999999999996</v>
      </c>
      <c r="D18644">
        <v>3.4</v>
      </c>
      <c r="E18644">
        <v>2970.39</v>
      </c>
      <c r="F18644">
        <v>99.702100000000002</v>
      </c>
    </row>
    <row r="18645" spans="1:6" x14ac:dyDescent="0.25">
      <c r="A18645">
        <v>174.93</v>
      </c>
      <c r="B18645">
        <v>207.67</v>
      </c>
      <c r="C18645">
        <v>4890.8999999999996</v>
      </c>
      <c r="D18645">
        <v>3.7</v>
      </c>
      <c r="E18645">
        <v>2999.05</v>
      </c>
      <c r="F18645">
        <v>97.355400000000003</v>
      </c>
    </row>
    <row r="18646" spans="1:6" x14ac:dyDescent="0.25">
      <c r="A18646">
        <v>174.93</v>
      </c>
      <c r="B18646">
        <v>207.67</v>
      </c>
      <c r="C18646">
        <v>4890.8999999999996</v>
      </c>
      <c r="D18646">
        <v>4</v>
      </c>
      <c r="E18646">
        <v>2931.47</v>
      </c>
      <c r="F18646">
        <v>99.116399999999999</v>
      </c>
    </row>
    <row r="18647" spans="1:6" x14ac:dyDescent="0.25">
      <c r="A18647">
        <v>174.93</v>
      </c>
      <c r="B18647">
        <v>207.67</v>
      </c>
      <c r="C18647">
        <v>6436.35</v>
      </c>
      <c r="D18647">
        <v>1</v>
      </c>
      <c r="E18647">
        <v>4406.0200000000004</v>
      </c>
      <c r="F18647">
        <v>88.838800000000006</v>
      </c>
    </row>
    <row r="18648" spans="1:6" x14ac:dyDescent="0.25">
      <c r="A18648">
        <v>174.93</v>
      </c>
      <c r="B18648">
        <v>207.67</v>
      </c>
      <c r="C18648">
        <v>6436.35</v>
      </c>
      <c r="D18648">
        <v>1.3</v>
      </c>
      <c r="E18648">
        <v>4014.98</v>
      </c>
      <c r="F18648">
        <v>96.268000000000001</v>
      </c>
    </row>
    <row r="18649" spans="1:6" x14ac:dyDescent="0.25">
      <c r="A18649">
        <v>174.93</v>
      </c>
      <c r="B18649">
        <v>207.67</v>
      </c>
      <c r="C18649">
        <v>6436.35</v>
      </c>
      <c r="D18649">
        <v>1.6</v>
      </c>
      <c r="E18649">
        <v>3674.36</v>
      </c>
      <c r="F18649">
        <v>98.756900000000002</v>
      </c>
    </row>
    <row r="18650" spans="1:6" x14ac:dyDescent="0.25">
      <c r="A18650">
        <v>174.93</v>
      </c>
      <c r="B18650">
        <v>207.67</v>
      </c>
      <c r="C18650">
        <v>6436.35</v>
      </c>
      <c r="D18650">
        <v>1.9</v>
      </c>
      <c r="E18650">
        <v>3534.24</v>
      </c>
      <c r="F18650">
        <v>96.868600000000001</v>
      </c>
    </row>
    <row r="18651" spans="1:6" x14ac:dyDescent="0.25">
      <c r="A18651">
        <v>174.93</v>
      </c>
      <c r="B18651">
        <v>207.67</v>
      </c>
      <c r="C18651">
        <v>6436.35</v>
      </c>
      <c r="D18651">
        <v>2.2000000000000002</v>
      </c>
      <c r="E18651">
        <v>3330.59</v>
      </c>
      <c r="F18651">
        <v>97.177899999999994</v>
      </c>
    </row>
    <row r="18652" spans="1:6" x14ac:dyDescent="0.25">
      <c r="A18652">
        <v>174.93</v>
      </c>
      <c r="B18652">
        <v>207.67</v>
      </c>
      <c r="C18652">
        <v>6436.35</v>
      </c>
      <c r="D18652">
        <v>2.5</v>
      </c>
      <c r="E18652">
        <v>3298.13</v>
      </c>
      <c r="F18652">
        <v>94.965900000000005</v>
      </c>
    </row>
    <row r="18653" spans="1:6" x14ac:dyDescent="0.25">
      <c r="A18653">
        <v>174.93</v>
      </c>
      <c r="B18653">
        <v>207.67</v>
      </c>
      <c r="C18653">
        <v>6436.35</v>
      </c>
      <c r="D18653">
        <v>2.8</v>
      </c>
      <c r="E18653">
        <v>3094.25</v>
      </c>
      <c r="F18653">
        <v>102.986</v>
      </c>
    </row>
    <row r="18654" spans="1:6" x14ac:dyDescent="0.25">
      <c r="A18654">
        <v>174.93</v>
      </c>
      <c r="B18654">
        <v>207.67</v>
      </c>
      <c r="C18654">
        <v>6436.35</v>
      </c>
      <c r="D18654">
        <v>3.1</v>
      </c>
      <c r="E18654">
        <v>3068.3</v>
      </c>
      <c r="F18654">
        <v>98.307100000000005</v>
      </c>
    </row>
    <row r="18655" spans="1:6" x14ac:dyDescent="0.25">
      <c r="A18655">
        <v>174.93</v>
      </c>
      <c r="B18655">
        <v>207.67</v>
      </c>
      <c r="C18655">
        <v>6436.35</v>
      </c>
      <c r="D18655">
        <v>3.4</v>
      </c>
      <c r="E18655">
        <v>2970.39</v>
      </c>
      <c r="F18655">
        <v>99.702100000000002</v>
      </c>
    </row>
    <row r="18656" spans="1:6" x14ac:dyDescent="0.25">
      <c r="A18656">
        <v>174.93</v>
      </c>
      <c r="B18656">
        <v>207.67</v>
      </c>
      <c r="C18656">
        <v>6436.35</v>
      </c>
      <c r="D18656">
        <v>3.7</v>
      </c>
      <c r="E18656">
        <v>2999.05</v>
      </c>
      <c r="F18656">
        <v>97.355400000000003</v>
      </c>
    </row>
    <row r="18657" spans="1:6" x14ac:dyDescent="0.25">
      <c r="A18657">
        <v>174.93</v>
      </c>
      <c r="B18657">
        <v>207.67</v>
      </c>
      <c r="C18657">
        <v>6436.35</v>
      </c>
      <c r="D18657">
        <v>4</v>
      </c>
      <c r="E18657">
        <v>2931.47</v>
      </c>
      <c r="F18657">
        <v>99.116399999999999</v>
      </c>
    </row>
    <row r="18658" spans="1:6" x14ac:dyDescent="0.25">
      <c r="A18658">
        <v>174.93</v>
      </c>
      <c r="B18658">
        <v>207.67</v>
      </c>
      <c r="C18658">
        <v>7981.8</v>
      </c>
      <c r="D18658">
        <v>1</v>
      </c>
      <c r="E18658">
        <v>4406.0200000000004</v>
      </c>
      <c r="F18658">
        <v>88.838800000000006</v>
      </c>
    </row>
    <row r="18659" spans="1:6" x14ac:dyDescent="0.25">
      <c r="A18659">
        <v>174.93</v>
      </c>
      <c r="B18659">
        <v>207.67</v>
      </c>
      <c r="C18659">
        <v>7981.8</v>
      </c>
      <c r="D18659">
        <v>1.3</v>
      </c>
      <c r="E18659">
        <v>4014.98</v>
      </c>
      <c r="F18659">
        <v>96.268000000000001</v>
      </c>
    </row>
    <row r="18660" spans="1:6" x14ac:dyDescent="0.25">
      <c r="A18660">
        <v>174.93</v>
      </c>
      <c r="B18660">
        <v>207.67</v>
      </c>
      <c r="C18660">
        <v>7981.8</v>
      </c>
      <c r="D18660">
        <v>1.6</v>
      </c>
      <c r="E18660">
        <v>3674.36</v>
      </c>
      <c r="F18660">
        <v>98.756900000000002</v>
      </c>
    </row>
    <row r="18661" spans="1:6" x14ac:dyDescent="0.25">
      <c r="A18661">
        <v>174.93</v>
      </c>
      <c r="B18661">
        <v>207.67</v>
      </c>
      <c r="C18661">
        <v>7981.8</v>
      </c>
      <c r="D18661">
        <v>1.9</v>
      </c>
      <c r="E18661">
        <v>3534.24</v>
      </c>
      <c r="F18661">
        <v>96.868600000000001</v>
      </c>
    </row>
    <row r="18662" spans="1:6" x14ac:dyDescent="0.25">
      <c r="A18662">
        <v>174.93</v>
      </c>
      <c r="B18662">
        <v>207.67</v>
      </c>
      <c r="C18662">
        <v>7981.8</v>
      </c>
      <c r="D18662">
        <v>2.2000000000000002</v>
      </c>
      <c r="E18662">
        <v>3330.59</v>
      </c>
      <c r="F18662">
        <v>97.177899999999994</v>
      </c>
    </row>
    <row r="18663" spans="1:6" x14ac:dyDescent="0.25">
      <c r="A18663">
        <v>174.93</v>
      </c>
      <c r="B18663">
        <v>207.67</v>
      </c>
      <c r="C18663">
        <v>7981.8</v>
      </c>
      <c r="D18663">
        <v>2.5</v>
      </c>
      <c r="E18663">
        <v>3298.13</v>
      </c>
      <c r="F18663">
        <v>94.965900000000005</v>
      </c>
    </row>
    <row r="18664" spans="1:6" x14ac:dyDescent="0.25">
      <c r="A18664">
        <v>174.93</v>
      </c>
      <c r="B18664">
        <v>207.67</v>
      </c>
      <c r="C18664">
        <v>7981.8</v>
      </c>
      <c r="D18664">
        <v>2.8</v>
      </c>
      <c r="E18664">
        <v>3094.25</v>
      </c>
      <c r="F18664">
        <v>102.986</v>
      </c>
    </row>
    <row r="18665" spans="1:6" x14ac:dyDescent="0.25">
      <c r="A18665">
        <v>174.93</v>
      </c>
      <c r="B18665">
        <v>207.67</v>
      </c>
      <c r="C18665">
        <v>7981.8</v>
      </c>
      <c r="D18665">
        <v>3.1</v>
      </c>
      <c r="E18665">
        <v>3068.3</v>
      </c>
      <c r="F18665">
        <v>98.307100000000005</v>
      </c>
    </row>
    <row r="18666" spans="1:6" x14ac:dyDescent="0.25">
      <c r="A18666">
        <v>174.93</v>
      </c>
      <c r="B18666">
        <v>207.67</v>
      </c>
      <c r="C18666">
        <v>7981.8</v>
      </c>
      <c r="D18666">
        <v>3.4</v>
      </c>
      <c r="E18666">
        <v>2970.39</v>
      </c>
      <c r="F18666">
        <v>99.702100000000002</v>
      </c>
    </row>
    <row r="18667" spans="1:6" x14ac:dyDescent="0.25">
      <c r="A18667">
        <v>174.93</v>
      </c>
      <c r="B18667">
        <v>207.67</v>
      </c>
      <c r="C18667">
        <v>7981.8</v>
      </c>
      <c r="D18667">
        <v>3.7</v>
      </c>
      <c r="E18667">
        <v>2999.05</v>
      </c>
      <c r="F18667">
        <v>97.355400000000003</v>
      </c>
    </row>
    <row r="18668" spans="1:6" x14ac:dyDescent="0.25">
      <c r="A18668">
        <v>174.93</v>
      </c>
      <c r="B18668">
        <v>207.67</v>
      </c>
      <c r="C18668">
        <v>7981.8</v>
      </c>
      <c r="D18668">
        <v>4</v>
      </c>
      <c r="E18668">
        <v>2931.47</v>
      </c>
      <c r="F18668">
        <v>99.116399999999999</v>
      </c>
    </row>
    <row r="18669" spans="1:6" x14ac:dyDescent="0.25">
      <c r="A18669">
        <v>174.93</v>
      </c>
      <c r="B18669">
        <v>207.67</v>
      </c>
      <c r="C18669">
        <v>9527.25</v>
      </c>
      <c r="D18669">
        <v>1</v>
      </c>
      <c r="E18669">
        <v>4406.0200000000004</v>
      </c>
      <c r="F18669">
        <v>88.838800000000006</v>
      </c>
    </row>
    <row r="18670" spans="1:6" x14ac:dyDescent="0.25">
      <c r="A18670">
        <v>174.93</v>
      </c>
      <c r="B18670">
        <v>207.67</v>
      </c>
      <c r="C18670">
        <v>9527.25</v>
      </c>
      <c r="D18670">
        <v>1.3</v>
      </c>
      <c r="E18670">
        <v>4014.98</v>
      </c>
      <c r="F18670">
        <v>96.268000000000001</v>
      </c>
    </row>
    <row r="18671" spans="1:6" x14ac:dyDescent="0.25">
      <c r="A18671">
        <v>174.93</v>
      </c>
      <c r="B18671">
        <v>207.67</v>
      </c>
      <c r="C18671">
        <v>9527.25</v>
      </c>
      <c r="D18671">
        <v>1.6</v>
      </c>
      <c r="E18671">
        <v>3674.36</v>
      </c>
      <c r="F18671">
        <v>98.756900000000002</v>
      </c>
    </row>
    <row r="18672" spans="1:6" x14ac:dyDescent="0.25">
      <c r="A18672">
        <v>174.93</v>
      </c>
      <c r="B18672">
        <v>207.67</v>
      </c>
      <c r="C18672">
        <v>9527.25</v>
      </c>
      <c r="D18672">
        <v>1.9</v>
      </c>
      <c r="E18672">
        <v>3534.24</v>
      </c>
      <c r="F18672">
        <v>96.868600000000001</v>
      </c>
    </row>
    <row r="18673" spans="1:6" x14ac:dyDescent="0.25">
      <c r="A18673">
        <v>174.93</v>
      </c>
      <c r="B18673">
        <v>207.67</v>
      </c>
      <c r="C18673">
        <v>9527.25</v>
      </c>
      <c r="D18673">
        <v>2.2000000000000002</v>
      </c>
      <c r="E18673">
        <v>3330.59</v>
      </c>
      <c r="F18673">
        <v>97.177899999999994</v>
      </c>
    </row>
    <row r="18674" spans="1:6" x14ac:dyDescent="0.25">
      <c r="A18674">
        <v>174.93</v>
      </c>
      <c r="B18674">
        <v>207.67</v>
      </c>
      <c r="C18674">
        <v>9527.25</v>
      </c>
      <c r="D18674">
        <v>2.5</v>
      </c>
      <c r="E18674">
        <v>3298.13</v>
      </c>
      <c r="F18674">
        <v>94.965900000000005</v>
      </c>
    </row>
    <row r="18675" spans="1:6" x14ac:dyDescent="0.25">
      <c r="A18675">
        <v>174.93</v>
      </c>
      <c r="B18675">
        <v>207.67</v>
      </c>
      <c r="C18675">
        <v>9527.25</v>
      </c>
      <c r="D18675">
        <v>2.8</v>
      </c>
      <c r="E18675">
        <v>3094.25</v>
      </c>
      <c r="F18675">
        <v>102.986</v>
      </c>
    </row>
    <row r="18676" spans="1:6" x14ac:dyDescent="0.25">
      <c r="A18676">
        <v>174.93</v>
      </c>
      <c r="B18676">
        <v>207.67</v>
      </c>
      <c r="C18676">
        <v>9527.25</v>
      </c>
      <c r="D18676">
        <v>3.1</v>
      </c>
      <c r="E18676">
        <v>3068.3</v>
      </c>
      <c r="F18676">
        <v>98.307100000000005</v>
      </c>
    </row>
    <row r="18677" spans="1:6" x14ac:dyDescent="0.25">
      <c r="A18677">
        <v>174.93</v>
      </c>
      <c r="B18677">
        <v>207.67</v>
      </c>
      <c r="C18677">
        <v>9527.25</v>
      </c>
      <c r="D18677">
        <v>3.4</v>
      </c>
      <c r="E18677">
        <v>2970.39</v>
      </c>
      <c r="F18677">
        <v>99.702100000000002</v>
      </c>
    </row>
    <row r="18678" spans="1:6" x14ac:dyDescent="0.25">
      <c r="A18678">
        <v>174.93</v>
      </c>
      <c r="B18678">
        <v>207.67</v>
      </c>
      <c r="C18678">
        <v>9527.25</v>
      </c>
      <c r="D18678">
        <v>3.7</v>
      </c>
      <c r="E18678">
        <v>2999.05</v>
      </c>
      <c r="F18678">
        <v>97.355400000000003</v>
      </c>
    </row>
    <row r="18679" spans="1:6" x14ac:dyDescent="0.25">
      <c r="A18679">
        <v>174.93</v>
      </c>
      <c r="B18679">
        <v>207.67</v>
      </c>
      <c r="C18679">
        <v>9527.25</v>
      </c>
      <c r="D18679">
        <v>4</v>
      </c>
      <c r="E18679">
        <v>2931.47</v>
      </c>
      <c r="F18679">
        <v>99.116399999999999</v>
      </c>
    </row>
    <row r="18680" spans="1:6" x14ac:dyDescent="0.25">
      <c r="A18680">
        <v>174.93</v>
      </c>
      <c r="B18680">
        <v>207.67</v>
      </c>
      <c r="C18680">
        <v>11072.7</v>
      </c>
      <c r="D18680">
        <v>1</v>
      </c>
      <c r="E18680">
        <v>4406.0200000000004</v>
      </c>
      <c r="F18680">
        <v>88.838800000000006</v>
      </c>
    </row>
    <row r="18681" spans="1:6" x14ac:dyDescent="0.25">
      <c r="A18681">
        <v>174.93</v>
      </c>
      <c r="B18681">
        <v>207.67</v>
      </c>
      <c r="C18681">
        <v>11072.7</v>
      </c>
      <c r="D18681">
        <v>1.3</v>
      </c>
      <c r="E18681">
        <v>4014.98</v>
      </c>
      <c r="F18681">
        <v>96.268000000000001</v>
      </c>
    </row>
    <row r="18682" spans="1:6" x14ac:dyDescent="0.25">
      <c r="A18682">
        <v>174.93</v>
      </c>
      <c r="B18682">
        <v>207.67</v>
      </c>
      <c r="C18682">
        <v>11072.7</v>
      </c>
      <c r="D18682">
        <v>1.6</v>
      </c>
      <c r="E18682">
        <v>3674.36</v>
      </c>
      <c r="F18682">
        <v>98.756900000000002</v>
      </c>
    </row>
    <row r="18683" spans="1:6" x14ac:dyDescent="0.25">
      <c r="A18683">
        <v>174.93</v>
      </c>
      <c r="B18683">
        <v>207.67</v>
      </c>
      <c r="C18683">
        <v>11072.7</v>
      </c>
      <c r="D18683">
        <v>1.9</v>
      </c>
      <c r="E18683">
        <v>3534.24</v>
      </c>
      <c r="F18683">
        <v>96.868600000000001</v>
      </c>
    </row>
    <row r="18684" spans="1:6" x14ac:dyDescent="0.25">
      <c r="A18684">
        <v>174.93</v>
      </c>
      <c r="B18684">
        <v>207.67</v>
      </c>
      <c r="C18684">
        <v>11072.7</v>
      </c>
      <c r="D18684">
        <v>2.2000000000000002</v>
      </c>
      <c r="E18684">
        <v>3330.59</v>
      </c>
      <c r="F18684">
        <v>97.177899999999994</v>
      </c>
    </row>
    <row r="18685" spans="1:6" x14ac:dyDescent="0.25">
      <c r="A18685">
        <v>174.93</v>
      </c>
      <c r="B18685">
        <v>207.67</v>
      </c>
      <c r="C18685">
        <v>11072.7</v>
      </c>
      <c r="D18685">
        <v>2.5</v>
      </c>
      <c r="E18685">
        <v>3298.13</v>
      </c>
      <c r="F18685">
        <v>94.965900000000005</v>
      </c>
    </row>
    <row r="18686" spans="1:6" x14ac:dyDescent="0.25">
      <c r="A18686">
        <v>174.93</v>
      </c>
      <c r="B18686">
        <v>207.67</v>
      </c>
      <c r="C18686">
        <v>11072.7</v>
      </c>
      <c r="D18686">
        <v>2.8</v>
      </c>
      <c r="E18686">
        <v>3094.25</v>
      </c>
      <c r="F18686">
        <v>102.986</v>
      </c>
    </row>
    <row r="18687" spans="1:6" x14ac:dyDescent="0.25">
      <c r="A18687">
        <v>174.93</v>
      </c>
      <c r="B18687">
        <v>207.67</v>
      </c>
      <c r="C18687">
        <v>11072.7</v>
      </c>
      <c r="D18687">
        <v>3.1</v>
      </c>
      <c r="E18687">
        <v>3068.3</v>
      </c>
      <c r="F18687">
        <v>98.307100000000005</v>
      </c>
    </row>
    <row r="18688" spans="1:6" x14ac:dyDescent="0.25">
      <c r="A18688">
        <v>174.93</v>
      </c>
      <c r="B18688">
        <v>207.67</v>
      </c>
      <c r="C18688">
        <v>11072.7</v>
      </c>
      <c r="D18688">
        <v>3.4</v>
      </c>
      <c r="E18688">
        <v>2970.39</v>
      </c>
      <c r="F18688">
        <v>99.702100000000002</v>
      </c>
    </row>
    <row r="18689" spans="1:6" x14ac:dyDescent="0.25">
      <c r="A18689">
        <v>174.93</v>
      </c>
      <c r="B18689">
        <v>207.67</v>
      </c>
      <c r="C18689">
        <v>11072.7</v>
      </c>
      <c r="D18689">
        <v>3.7</v>
      </c>
      <c r="E18689">
        <v>2999.05</v>
      </c>
      <c r="F18689">
        <v>97.355400000000003</v>
      </c>
    </row>
    <row r="18690" spans="1:6" x14ac:dyDescent="0.25">
      <c r="A18690">
        <v>174.93</v>
      </c>
      <c r="B18690">
        <v>207.67</v>
      </c>
      <c r="C18690">
        <v>11072.7</v>
      </c>
      <c r="D18690">
        <v>4</v>
      </c>
      <c r="E18690">
        <v>2931.47</v>
      </c>
      <c r="F18690">
        <v>99.116399999999999</v>
      </c>
    </row>
    <row r="18691" spans="1:6" x14ac:dyDescent="0.25">
      <c r="A18691">
        <v>174.93</v>
      </c>
      <c r="B18691">
        <v>207.67</v>
      </c>
      <c r="C18691">
        <v>12618.2</v>
      </c>
      <c r="D18691">
        <v>1</v>
      </c>
      <c r="E18691">
        <v>4406.0200000000004</v>
      </c>
      <c r="F18691">
        <v>88.838800000000006</v>
      </c>
    </row>
    <row r="18692" spans="1:6" x14ac:dyDescent="0.25">
      <c r="A18692">
        <v>174.93</v>
      </c>
      <c r="B18692">
        <v>207.67</v>
      </c>
      <c r="C18692">
        <v>12618.2</v>
      </c>
      <c r="D18692">
        <v>1.3</v>
      </c>
      <c r="E18692">
        <v>4014.98</v>
      </c>
      <c r="F18692">
        <v>96.268000000000001</v>
      </c>
    </row>
    <row r="18693" spans="1:6" x14ac:dyDescent="0.25">
      <c r="A18693">
        <v>174.93</v>
      </c>
      <c r="B18693">
        <v>207.67</v>
      </c>
      <c r="C18693">
        <v>12618.2</v>
      </c>
      <c r="D18693">
        <v>1.6</v>
      </c>
      <c r="E18693">
        <v>3674.36</v>
      </c>
      <c r="F18693">
        <v>98.756900000000002</v>
      </c>
    </row>
    <row r="18694" spans="1:6" x14ac:dyDescent="0.25">
      <c r="A18694">
        <v>174.93</v>
      </c>
      <c r="B18694">
        <v>207.67</v>
      </c>
      <c r="C18694">
        <v>12618.2</v>
      </c>
      <c r="D18694">
        <v>1.9</v>
      </c>
      <c r="E18694">
        <v>3534.24</v>
      </c>
      <c r="F18694">
        <v>96.868600000000001</v>
      </c>
    </row>
    <row r="18695" spans="1:6" x14ac:dyDescent="0.25">
      <c r="A18695">
        <v>174.93</v>
      </c>
      <c r="B18695">
        <v>207.67</v>
      </c>
      <c r="C18695">
        <v>12618.2</v>
      </c>
      <c r="D18695">
        <v>2.2000000000000002</v>
      </c>
      <c r="E18695">
        <v>3330.59</v>
      </c>
      <c r="F18695">
        <v>97.177899999999994</v>
      </c>
    </row>
    <row r="18696" spans="1:6" x14ac:dyDescent="0.25">
      <c r="A18696">
        <v>174.93</v>
      </c>
      <c r="B18696">
        <v>207.67</v>
      </c>
      <c r="C18696">
        <v>12618.2</v>
      </c>
      <c r="D18696">
        <v>2.5</v>
      </c>
      <c r="E18696">
        <v>3298.13</v>
      </c>
      <c r="F18696">
        <v>94.965900000000005</v>
      </c>
    </row>
    <row r="18697" spans="1:6" x14ac:dyDescent="0.25">
      <c r="A18697">
        <v>174.93</v>
      </c>
      <c r="B18697">
        <v>207.67</v>
      </c>
      <c r="C18697">
        <v>12618.2</v>
      </c>
      <c r="D18697">
        <v>2.8</v>
      </c>
      <c r="E18697">
        <v>3094.25</v>
      </c>
      <c r="F18697">
        <v>102.986</v>
      </c>
    </row>
    <row r="18698" spans="1:6" x14ac:dyDescent="0.25">
      <c r="A18698">
        <v>174.93</v>
      </c>
      <c r="B18698">
        <v>207.67</v>
      </c>
      <c r="C18698">
        <v>12618.2</v>
      </c>
      <c r="D18698">
        <v>3.1</v>
      </c>
      <c r="E18698">
        <v>3068.3</v>
      </c>
      <c r="F18698">
        <v>98.307100000000005</v>
      </c>
    </row>
    <row r="18699" spans="1:6" x14ac:dyDescent="0.25">
      <c r="A18699">
        <v>174.93</v>
      </c>
      <c r="B18699">
        <v>207.67</v>
      </c>
      <c r="C18699">
        <v>12618.2</v>
      </c>
      <c r="D18699">
        <v>3.4</v>
      </c>
      <c r="E18699">
        <v>2970.39</v>
      </c>
      <c r="F18699">
        <v>99.702100000000002</v>
      </c>
    </row>
    <row r="18700" spans="1:6" x14ac:dyDescent="0.25">
      <c r="A18700">
        <v>174.93</v>
      </c>
      <c r="B18700">
        <v>207.67</v>
      </c>
      <c r="C18700">
        <v>12618.2</v>
      </c>
      <c r="D18700">
        <v>3.7</v>
      </c>
      <c r="E18700">
        <v>2999.05</v>
      </c>
      <c r="F18700">
        <v>97.355400000000003</v>
      </c>
    </row>
    <row r="18701" spans="1:6" x14ac:dyDescent="0.25">
      <c r="A18701">
        <v>174.93</v>
      </c>
      <c r="B18701">
        <v>207.67</v>
      </c>
      <c r="C18701">
        <v>12618.2</v>
      </c>
      <c r="D18701">
        <v>4</v>
      </c>
      <c r="E18701">
        <v>2931.47</v>
      </c>
      <c r="F18701">
        <v>99.116399999999999</v>
      </c>
    </row>
    <row r="18702" spans="1:6" x14ac:dyDescent="0.25">
      <c r="A18702">
        <v>174.93</v>
      </c>
      <c r="B18702">
        <v>207.67</v>
      </c>
      <c r="C18702">
        <v>14163.6</v>
      </c>
      <c r="D18702">
        <v>1</v>
      </c>
      <c r="E18702">
        <v>4406.0200000000004</v>
      </c>
      <c r="F18702">
        <v>88.838800000000006</v>
      </c>
    </row>
    <row r="18703" spans="1:6" x14ac:dyDescent="0.25">
      <c r="A18703">
        <v>174.93</v>
      </c>
      <c r="B18703">
        <v>207.67</v>
      </c>
      <c r="C18703">
        <v>14163.6</v>
      </c>
      <c r="D18703">
        <v>1.3</v>
      </c>
      <c r="E18703">
        <v>4014.98</v>
      </c>
      <c r="F18703">
        <v>96.268000000000001</v>
      </c>
    </row>
    <row r="18704" spans="1:6" x14ac:dyDescent="0.25">
      <c r="A18704">
        <v>174.93</v>
      </c>
      <c r="B18704">
        <v>207.67</v>
      </c>
      <c r="C18704">
        <v>14163.6</v>
      </c>
      <c r="D18704">
        <v>1.6</v>
      </c>
      <c r="E18704">
        <v>3674.36</v>
      </c>
      <c r="F18704">
        <v>98.756900000000002</v>
      </c>
    </row>
    <row r="18705" spans="1:6" x14ac:dyDescent="0.25">
      <c r="A18705">
        <v>174.93</v>
      </c>
      <c r="B18705">
        <v>207.67</v>
      </c>
      <c r="C18705">
        <v>14163.6</v>
      </c>
      <c r="D18705">
        <v>1.9</v>
      </c>
      <c r="E18705">
        <v>3534.24</v>
      </c>
      <c r="F18705">
        <v>96.868600000000001</v>
      </c>
    </row>
    <row r="18706" spans="1:6" x14ac:dyDescent="0.25">
      <c r="A18706">
        <v>174.93</v>
      </c>
      <c r="B18706">
        <v>207.67</v>
      </c>
      <c r="C18706">
        <v>14163.6</v>
      </c>
      <c r="D18706">
        <v>2.2000000000000002</v>
      </c>
      <c r="E18706">
        <v>3330.59</v>
      </c>
      <c r="F18706">
        <v>97.177899999999994</v>
      </c>
    </row>
    <row r="18707" spans="1:6" x14ac:dyDescent="0.25">
      <c r="A18707">
        <v>174.93</v>
      </c>
      <c r="B18707">
        <v>207.67</v>
      </c>
      <c r="C18707">
        <v>14163.6</v>
      </c>
      <c r="D18707">
        <v>2.5</v>
      </c>
      <c r="E18707">
        <v>3298.13</v>
      </c>
      <c r="F18707">
        <v>94.965900000000005</v>
      </c>
    </row>
    <row r="18708" spans="1:6" x14ac:dyDescent="0.25">
      <c r="A18708">
        <v>174.93</v>
      </c>
      <c r="B18708">
        <v>207.67</v>
      </c>
      <c r="C18708">
        <v>14163.6</v>
      </c>
      <c r="D18708">
        <v>2.8</v>
      </c>
      <c r="E18708">
        <v>3094.25</v>
      </c>
      <c r="F18708">
        <v>102.986</v>
      </c>
    </row>
    <row r="18709" spans="1:6" x14ac:dyDescent="0.25">
      <c r="A18709">
        <v>174.93</v>
      </c>
      <c r="B18709">
        <v>207.67</v>
      </c>
      <c r="C18709">
        <v>14163.6</v>
      </c>
      <c r="D18709">
        <v>3.1</v>
      </c>
      <c r="E18709">
        <v>3068.3</v>
      </c>
      <c r="F18709">
        <v>98.307100000000005</v>
      </c>
    </row>
    <row r="18710" spans="1:6" x14ac:dyDescent="0.25">
      <c r="A18710">
        <v>174.93</v>
      </c>
      <c r="B18710">
        <v>207.67</v>
      </c>
      <c r="C18710">
        <v>14163.6</v>
      </c>
      <c r="D18710">
        <v>3.4</v>
      </c>
      <c r="E18710">
        <v>2970.39</v>
      </c>
      <c r="F18710">
        <v>99.702100000000002</v>
      </c>
    </row>
    <row r="18711" spans="1:6" x14ac:dyDescent="0.25">
      <c r="A18711">
        <v>174.93</v>
      </c>
      <c r="B18711">
        <v>207.67</v>
      </c>
      <c r="C18711">
        <v>14163.6</v>
      </c>
      <c r="D18711">
        <v>3.7</v>
      </c>
      <c r="E18711">
        <v>2999.05</v>
      </c>
      <c r="F18711">
        <v>97.355400000000003</v>
      </c>
    </row>
    <row r="18712" spans="1:6" x14ac:dyDescent="0.25">
      <c r="A18712">
        <v>174.93</v>
      </c>
      <c r="B18712">
        <v>207.67</v>
      </c>
      <c r="C18712">
        <v>14163.6</v>
      </c>
      <c r="D18712">
        <v>4</v>
      </c>
      <c r="E18712">
        <v>2931.47</v>
      </c>
      <c r="F18712">
        <v>99.116399999999999</v>
      </c>
    </row>
    <row r="18713" spans="1:6" x14ac:dyDescent="0.25">
      <c r="A18713">
        <v>174.93</v>
      </c>
      <c r="B18713">
        <v>207.67</v>
      </c>
      <c r="C18713">
        <v>15709.1</v>
      </c>
      <c r="D18713">
        <v>1</v>
      </c>
      <c r="E18713">
        <v>4406.0200000000004</v>
      </c>
      <c r="F18713">
        <v>88.838800000000006</v>
      </c>
    </row>
    <row r="18714" spans="1:6" x14ac:dyDescent="0.25">
      <c r="A18714">
        <v>174.93</v>
      </c>
      <c r="B18714">
        <v>207.67</v>
      </c>
      <c r="C18714">
        <v>15709.1</v>
      </c>
      <c r="D18714">
        <v>1.3</v>
      </c>
      <c r="E18714">
        <v>4014.98</v>
      </c>
      <c r="F18714">
        <v>96.268000000000001</v>
      </c>
    </row>
    <row r="18715" spans="1:6" x14ac:dyDescent="0.25">
      <c r="A18715">
        <v>174.93</v>
      </c>
      <c r="B18715">
        <v>207.67</v>
      </c>
      <c r="C18715">
        <v>15709.1</v>
      </c>
      <c r="D18715">
        <v>1.6</v>
      </c>
      <c r="E18715">
        <v>3674.36</v>
      </c>
      <c r="F18715">
        <v>98.756900000000002</v>
      </c>
    </row>
    <row r="18716" spans="1:6" x14ac:dyDescent="0.25">
      <c r="A18716">
        <v>174.93</v>
      </c>
      <c r="B18716">
        <v>207.67</v>
      </c>
      <c r="C18716">
        <v>15709.1</v>
      </c>
      <c r="D18716">
        <v>1.9</v>
      </c>
      <c r="E18716">
        <v>3534.24</v>
      </c>
      <c r="F18716">
        <v>96.868600000000001</v>
      </c>
    </row>
    <row r="18717" spans="1:6" x14ac:dyDescent="0.25">
      <c r="A18717">
        <v>174.93</v>
      </c>
      <c r="B18717">
        <v>207.67</v>
      </c>
      <c r="C18717">
        <v>15709.1</v>
      </c>
      <c r="D18717">
        <v>2.2000000000000002</v>
      </c>
      <c r="E18717">
        <v>3330.59</v>
      </c>
      <c r="F18717">
        <v>97.177899999999994</v>
      </c>
    </row>
    <row r="18718" spans="1:6" x14ac:dyDescent="0.25">
      <c r="A18718">
        <v>174.93</v>
      </c>
      <c r="B18718">
        <v>207.67</v>
      </c>
      <c r="C18718">
        <v>15709.1</v>
      </c>
      <c r="D18718">
        <v>2.5</v>
      </c>
      <c r="E18718">
        <v>3298.13</v>
      </c>
      <c r="F18718">
        <v>94.965900000000005</v>
      </c>
    </row>
    <row r="18719" spans="1:6" x14ac:dyDescent="0.25">
      <c r="A18719">
        <v>174.93</v>
      </c>
      <c r="B18719">
        <v>207.67</v>
      </c>
      <c r="C18719">
        <v>15709.1</v>
      </c>
      <c r="D18719">
        <v>2.8</v>
      </c>
      <c r="E18719">
        <v>3094.25</v>
      </c>
      <c r="F18719">
        <v>102.986</v>
      </c>
    </row>
    <row r="18720" spans="1:6" x14ac:dyDescent="0.25">
      <c r="A18720">
        <v>174.93</v>
      </c>
      <c r="B18720">
        <v>207.67</v>
      </c>
      <c r="C18720">
        <v>15709.1</v>
      </c>
      <c r="D18720">
        <v>3.1</v>
      </c>
      <c r="E18720">
        <v>3068.3</v>
      </c>
      <c r="F18720">
        <v>98.307100000000005</v>
      </c>
    </row>
    <row r="18721" spans="1:6" x14ac:dyDescent="0.25">
      <c r="A18721">
        <v>174.93</v>
      </c>
      <c r="B18721">
        <v>207.67</v>
      </c>
      <c r="C18721">
        <v>15709.1</v>
      </c>
      <c r="D18721">
        <v>3.4</v>
      </c>
      <c r="E18721">
        <v>2970.39</v>
      </c>
      <c r="F18721">
        <v>99.702100000000002</v>
      </c>
    </row>
    <row r="18722" spans="1:6" x14ac:dyDescent="0.25">
      <c r="A18722">
        <v>174.93</v>
      </c>
      <c r="B18722">
        <v>207.67</v>
      </c>
      <c r="C18722">
        <v>15709.1</v>
      </c>
      <c r="D18722">
        <v>3.7</v>
      </c>
      <c r="E18722">
        <v>2999.05</v>
      </c>
      <c r="F18722">
        <v>97.355400000000003</v>
      </c>
    </row>
    <row r="18723" spans="1:6" x14ac:dyDescent="0.25">
      <c r="A18723">
        <v>174.93</v>
      </c>
      <c r="B18723">
        <v>207.67</v>
      </c>
      <c r="C18723">
        <v>15709.1</v>
      </c>
      <c r="D18723">
        <v>4</v>
      </c>
      <c r="E18723">
        <v>2931.47</v>
      </c>
      <c r="F18723">
        <v>99.116399999999999</v>
      </c>
    </row>
    <row r="18724" spans="1:6" x14ac:dyDescent="0.25">
      <c r="A18724">
        <v>174.93</v>
      </c>
      <c r="B18724">
        <v>207.67</v>
      </c>
      <c r="C18724">
        <v>17254.5</v>
      </c>
      <c r="D18724">
        <v>1</v>
      </c>
      <c r="E18724">
        <v>4406.0200000000004</v>
      </c>
      <c r="F18724">
        <v>88.838800000000006</v>
      </c>
    </row>
    <row r="18725" spans="1:6" x14ac:dyDescent="0.25">
      <c r="A18725">
        <v>174.93</v>
      </c>
      <c r="B18725">
        <v>207.67</v>
      </c>
      <c r="C18725">
        <v>17254.5</v>
      </c>
      <c r="D18725">
        <v>1.3</v>
      </c>
      <c r="E18725">
        <v>4014.98</v>
      </c>
      <c r="F18725">
        <v>96.268000000000001</v>
      </c>
    </row>
    <row r="18726" spans="1:6" x14ac:dyDescent="0.25">
      <c r="A18726">
        <v>174.93</v>
      </c>
      <c r="B18726">
        <v>207.67</v>
      </c>
      <c r="C18726">
        <v>17254.5</v>
      </c>
      <c r="D18726">
        <v>1.6</v>
      </c>
      <c r="E18726">
        <v>3674.36</v>
      </c>
      <c r="F18726">
        <v>98.756900000000002</v>
      </c>
    </row>
    <row r="18727" spans="1:6" x14ac:dyDescent="0.25">
      <c r="A18727">
        <v>174.93</v>
      </c>
      <c r="B18727">
        <v>207.67</v>
      </c>
      <c r="C18727">
        <v>17254.5</v>
      </c>
      <c r="D18727">
        <v>1.9</v>
      </c>
      <c r="E18727">
        <v>3534.24</v>
      </c>
      <c r="F18727">
        <v>96.868600000000001</v>
      </c>
    </row>
    <row r="18728" spans="1:6" x14ac:dyDescent="0.25">
      <c r="A18728">
        <v>174.93</v>
      </c>
      <c r="B18728">
        <v>207.67</v>
      </c>
      <c r="C18728">
        <v>17254.5</v>
      </c>
      <c r="D18728">
        <v>2.2000000000000002</v>
      </c>
      <c r="E18728">
        <v>3330.59</v>
      </c>
      <c r="F18728">
        <v>97.177899999999994</v>
      </c>
    </row>
    <row r="18729" spans="1:6" x14ac:dyDescent="0.25">
      <c r="A18729">
        <v>174.93</v>
      </c>
      <c r="B18729">
        <v>207.67</v>
      </c>
      <c r="C18729">
        <v>17254.5</v>
      </c>
      <c r="D18729">
        <v>2.5</v>
      </c>
      <c r="E18729">
        <v>3298.13</v>
      </c>
      <c r="F18729">
        <v>94.965900000000005</v>
      </c>
    </row>
    <row r="18730" spans="1:6" x14ac:dyDescent="0.25">
      <c r="A18730">
        <v>174.93</v>
      </c>
      <c r="B18730">
        <v>207.67</v>
      </c>
      <c r="C18730">
        <v>17254.5</v>
      </c>
      <c r="D18730">
        <v>2.8</v>
      </c>
      <c r="E18730">
        <v>3094.25</v>
      </c>
      <c r="F18730">
        <v>102.986</v>
      </c>
    </row>
    <row r="18731" spans="1:6" x14ac:dyDescent="0.25">
      <c r="A18731">
        <v>174.93</v>
      </c>
      <c r="B18731">
        <v>207.67</v>
      </c>
      <c r="C18731">
        <v>17254.5</v>
      </c>
      <c r="D18731">
        <v>3.1</v>
      </c>
      <c r="E18731">
        <v>3068.3</v>
      </c>
      <c r="F18731">
        <v>98.307100000000005</v>
      </c>
    </row>
    <row r="18732" spans="1:6" x14ac:dyDescent="0.25">
      <c r="A18732">
        <v>174.93</v>
      </c>
      <c r="B18732">
        <v>207.67</v>
      </c>
      <c r="C18732">
        <v>17254.5</v>
      </c>
      <c r="D18732">
        <v>3.4</v>
      </c>
      <c r="E18732">
        <v>2970.39</v>
      </c>
      <c r="F18732">
        <v>99.702100000000002</v>
      </c>
    </row>
    <row r="18733" spans="1:6" x14ac:dyDescent="0.25">
      <c r="A18733">
        <v>174.93</v>
      </c>
      <c r="B18733">
        <v>207.67</v>
      </c>
      <c r="C18733">
        <v>17254.5</v>
      </c>
      <c r="D18733">
        <v>3.7</v>
      </c>
      <c r="E18733">
        <v>2999.05</v>
      </c>
      <c r="F18733">
        <v>97.355400000000003</v>
      </c>
    </row>
    <row r="18734" spans="1:6" x14ac:dyDescent="0.25">
      <c r="A18734">
        <v>174.93</v>
      </c>
      <c r="B18734">
        <v>207.67</v>
      </c>
      <c r="C18734">
        <v>17254.5</v>
      </c>
      <c r="D18734">
        <v>4</v>
      </c>
      <c r="E18734">
        <v>2931.47</v>
      </c>
      <c r="F18734">
        <v>99.116399999999999</v>
      </c>
    </row>
    <row r="18735" spans="1:6" x14ac:dyDescent="0.25">
      <c r="A18735">
        <v>174.93</v>
      </c>
      <c r="B18735">
        <v>207.67</v>
      </c>
      <c r="C18735">
        <v>18800</v>
      </c>
      <c r="D18735">
        <v>1</v>
      </c>
      <c r="E18735">
        <v>4406.0200000000004</v>
      </c>
      <c r="F18735">
        <v>88.838800000000006</v>
      </c>
    </row>
    <row r="18736" spans="1:6" x14ac:dyDescent="0.25">
      <c r="A18736">
        <v>174.93</v>
      </c>
      <c r="B18736">
        <v>207.67</v>
      </c>
      <c r="C18736">
        <v>18800</v>
      </c>
      <c r="D18736">
        <v>1.3</v>
      </c>
      <c r="E18736">
        <v>4014.98</v>
      </c>
      <c r="F18736">
        <v>96.268000000000001</v>
      </c>
    </row>
    <row r="18737" spans="1:6" x14ac:dyDescent="0.25">
      <c r="A18737">
        <v>174.93</v>
      </c>
      <c r="B18737">
        <v>207.67</v>
      </c>
      <c r="C18737">
        <v>18800</v>
      </c>
      <c r="D18737">
        <v>1.6</v>
      </c>
      <c r="E18737">
        <v>3674.36</v>
      </c>
      <c r="F18737">
        <v>98.756900000000002</v>
      </c>
    </row>
    <row r="18738" spans="1:6" x14ac:dyDescent="0.25">
      <c r="A18738">
        <v>174.93</v>
      </c>
      <c r="B18738">
        <v>207.67</v>
      </c>
      <c r="C18738">
        <v>18800</v>
      </c>
      <c r="D18738">
        <v>1.9</v>
      </c>
      <c r="E18738">
        <v>3534.24</v>
      </c>
      <c r="F18738">
        <v>96.868600000000001</v>
      </c>
    </row>
    <row r="18739" spans="1:6" x14ac:dyDescent="0.25">
      <c r="A18739">
        <v>174.93</v>
      </c>
      <c r="B18739">
        <v>207.67</v>
      </c>
      <c r="C18739">
        <v>18800</v>
      </c>
      <c r="D18739">
        <v>2.2000000000000002</v>
      </c>
      <c r="E18739">
        <v>3330.59</v>
      </c>
      <c r="F18739">
        <v>97.177899999999994</v>
      </c>
    </row>
    <row r="18740" spans="1:6" x14ac:dyDescent="0.25">
      <c r="A18740">
        <v>174.93</v>
      </c>
      <c r="B18740">
        <v>207.67</v>
      </c>
      <c r="C18740">
        <v>18800</v>
      </c>
      <c r="D18740">
        <v>2.5</v>
      </c>
      <c r="E18740">
        <v>3298.13</v>
      </c>
      <c r="F18740">
        <v>94.965900000000005</v>
      </c>
    </row>
    <row r="18741" spans="1:6" x14ac:dyDescent="0.25">
      <c r="A18741">
        <v>174.93</v>
      </c>
      <c r="B18741">
        <v>207.67</v>
      </c>
      <c r="C18741">
        <v>18800</v>
      </c>
      <c r="D18741">
        <v>2.8</v>
      </c>
      <c r="E18741">
        <v>3094.25</v>
      </c>
      <c r="F18741">
        <v>102.986</v>
      </c>
    </row>
    <row r="18742" spans="1:6" x14ac:dyDescent="0.25">
      <c r="A18742">
        <v>174.93</v>
      </c>
      <c r="B18742">
        <v>207.67</v>
      </c>
      <c r="C18742">
        <v>18800</v>
      </c>
      <c r="D18742">
        <v>3.1</v>
      </c>
      <c r="E18742">
        <v>3068.3</v>
      </c>
      <c r="F18742">
        <v>98.307100000000005</v>
      </c>
    </row>
    <row r="18743" spans="1:6" x14ac:dyDescent="0.25">
      <c r="A18743">
        <v>174.93</v>
      </c>
      <c r="B18743">
        <v>207.67</v>
      </c>
      <c r="C18743">
        <v>18800</v>
      </c>
      <c r="D18743">
        <v>3.4</v>
      </c>
      <c r="E18743">
        <v>2970.39</v>
      </c>
      <c r="F18743">
        <v>99.702100000000002</v>
      </c>
    </row>
    <row r="18744" spans="1:6" x14ac:dyDescent="0.25">
      <c r="A18744">
        <v>174.93</v>
      </c>
      <c r="B18744">
        <v>207.67</v>
      </c>
      <c r="C18744">
        <v>18800</v>
      </c>
      <c r="D18744">
        <v>3.7</v>
      </c>
      <c r="E18744">
        <v>2999.05</v>
      </c>
      <c r="F18744">
        <v>97.355400000000003</v>
      </c>
    </row>
    <row r="18745" spans="1:6" x14ac:dyDescent="0.25">
      <c r="A18745">
        <v>174.93</v>
      </c>
      <c r="B18745">
        <v>207.67</v>
      </c>
      <c r="C18745">
        <v>18800</v>
      </c>
      <c r="D18745">
        <v>4</v>
      </c>
      <c r="E18745">
        <v>2931.47</v>
      </c>
      <c r="F18745">
        <v>99.116399999999999</v>
      </c>
    </row>
    <row r="18746" spans="1:6" x14ac:dyDescent="0.25">
      <c r="A18746">
        <v>174.93</v>
      </c>
      <c r="B18746">
        <v>211.3</v>
      </c>
      <c r="C18746">
        <v>1800</v>
      </c>
      <c r="D18746">
        <v>1</v>
      </c>
      <c r="E18746">
        <v>4406.0200000000004</v>
      </c>
      <c r="F18746">
        <v>88.838800000000006</v>
      </c>
    </row>
    <row r="18747" spans="1:6" x14ac:dyDescent="0.25">
      <c r="A18747">
        <v>174.93</v>
      </c>
      <c r="B18747">
        <v>211.3</v>
      </c>
      <c r="C18747">
        <v>1800</v>
      </c>
      <c r="D18747">
        <v>1.3</v>
      </c>
      <c r="E18747">
        <v>4014.98</v>
      </c>
      <c r="F18747">
        <v>96.268000000000001</v>
      </c>
    </row>
    <row r="18748" spans="1:6" x14ac:dyDescent="0.25">
      <c r="A18748">
        <v>174.93</v>
      </c>
      <c r="B18748">
        <v>211.3</v>
      </c>
      <c r="C18748">
        <v>1800</v>
      </c>
      <c r="D18748">
        <v>1.6</v>
      </c>
      <c r="E18748">
        <v>3674.36</v>
      </c>
      <c r="F18748">
        <v>98.756900000000002</v>
      </c>
    </row>
    <row r="18749" spans="1:6" x14ac:dyDescent="0.25">
      <c r="A18749">
        <v>174.93</v>
      </c>
      <c r="B18749">
        <v>211.3</v>
      </c>
      <c r="C18749">
        <v>1800</v>
      </c>
      <c r="D18749">
        <v>1.9</v>
      </c>
      <c r="E18749">
        <v>3534.24</v>
      </c>
      <c r="F18749">
        <v>96.868600000000001</v>
      </c>
    </row>
    <row r="18750" spans="1:6" x14ac:dyDescent="0.25">
      <c r="A18750">
        <v>174.93</v>
      </c>
      <c r="B18750">
        <v>211.3</v>
      </c>
      <c r="C18750">
        <v>1800</v>
      </c>
      <c r="D18750">
        <v>2.2000000000000002</v>
      </c>
      <c r="E18750">
        <v>3330.59</v>
      </c>
      <c r="F18750">
        <v>97.177899999999994</v>
      </c>
    </row>
    <row r="18751" spans="1:6" x14ac:dyDescent="0.25">
      <c r="A18751">
        <v>174.93</v>
      </c>
      <c r="B18751">
        <v>211.3</v>
      </c>
      <c r="C18751">
        <v>1800</v>
      </c>
      <c r="D18751">
        <v>2.5</v>
      </c>
      <c r="E18751">
        <v>3298.13</v>
      </c>
      <c r="F18751">
        <v>94.965900000000005</v>
      </c>
    </row>
    <row r="18752" spans="1:6" x14ac:dyDescent="0.25">
      <c r="A18752">
        <v>174.93</v>
      </c>
      <c r="B18752">
        <v>211.3</v>
      </c>
      <c r="C18752">
        <v>1800</v>
      </c>
      <c r="D18752">
        <v>2.8</v>
      </c>
      <c r="E18752">
        <v>3094.25</v>
      </c>
      <c r="F18752">
        <v>102.986</v>
      </c>
    </row>
    <row r="18753" spans="1:6" x14ac:dyDescent="0.25">
      <c r="A18753">
        <v>174.93</v>
      </c>
      <c r="B18753">
        <v>211.3</v>
      </c>
      <c r="C18753">
        <v>1800</v>
      </c>
      <c r="D18753">
        <v>3.1</v>
      </c>
      <c r="E18753">
        <v>3068.3</v>
      </c>
      <c r="F18753">
        <v>98.307100000000005</v>
      </c>
    </row>
    <row r="18754" spans="1:6" x14ac:dyDescent="0.25">
      <c r="A18754">
        <v>174.93</v>
      </c>
      <c r="B18754">
        <v>211.3</v>
      </c>
      <c r="C18754">
        <v>1800</v>
      </c>
      <c r="D18754">
        <v>3.4</v>
      </c>
      <c r="E18754">
        <v>2970.39</v>
      </c>
      <c r="F18754">
        <v>99.702100000000002</v>
      </c>
    </row>
    <row r="18755" spans="1:6" x14ac:dyDescent="0.25">
      <c r="A18755">
        <v>174.93</v>
      </c>
      <c r="B18755">
        <v>211.3</v>
      </c>
      <c r="C18755">
        <v>1800</v>
      </c>
      <c r="D18755">
        <v>3.7</v>
      </c>
      <c r="E18755">
        <v>2896.05</v>
      </c>
      <c r="F18755">
        <v>97.355400000000003</v>
      </c>
    </row>
    <row r="18756" spans="1:6" x14ac:dyDescent="0.25">
      <c r="A18756">
        <v>174.93</v>
      </c>
      <c r="B18756">
        <v>211.3</v>
      </c>
      <c r="C18756">
        <v>1800</v>
      </c>
      <c r="D18756">
        <v>4</v>
      </c>
      <c r="E18756">
        <v>2821.66</v>
      </c>
      <c r="F18756">
        <v>99.116399999999999</v>
      </c>
    </row>
    <row r="18757" spans="1:6" x14ac:dyDescent="0.25">
      <c r="A18757">
        <v>174.93</v>
      </c>
      <c r="B18757">
        <v>211.3</v>
      </c>
      <c r="C18757">
        <v>3345.45</v>
      </c>
      <c r="D18757">
        <v>1</v>
      </c>
      <c r="E18757">
        <v>4406.0200000000004</v>
      </c>
      <c r="F18757">
        <v>88.838800000000006</v>
      </c>
    </row>
    <row r="18758" spans="1:6" x14ac:dyDescent="0.25">
      <c r="A18758">
        <v>174.93</v>
      </c>
      <c r="B18758">
        <v>211.3</v>
      </c>
      <c r="C18758">
        <v>3345.45</v>
      </c>
      <c r="D18758">
        <v>1.3</v>
      </c>
      <c r="E18758">
        <v>4014.98</v>
      </c>
      <c r="F18758">
        <v>96.268000000000001</v>
      </c>
    </row>
    <row r="18759" spans="1:6" x14ac:dyDescent="0.25">
      <c r="A18759">
        <v>174.93</v>
      </c>
      <c r="B18759">
        <v>211.3</v>
      </c>
      <c r="C18759">
        <v>3345.45</v>
      </c>
      <c r="D18759">
        <v>1.6</v>
      </c>
      <c r="E18759">
        <v>3674.36</v>
      </c>
      <c r="F18759">
        <v>98.756900000000002</v>
      </c>
    </row>
    <row r="18760" spans="1:6" x14ac:dyDescent="0.25">
      <c r="A18760">
        <v>174.93</v>
      </c>
      <c r="B18760">
        <v>211.3</v>
      </c>
      <c r="C18760">
        <v>3345.45</v>
      </c>
      <c r="D18760">
        <v>1.9</v>
      </c>
      <c r="E18760">
        <v>3534.24</v>
      </c>
      <c r="F18760">
        <v>96.868600000000001</v>
      </c>
    </row>
    <row r="18761" spans="1:6" x14ac:dyDescent="0.25">
      <c r="A18761">
        <v>174.93</v>
      </c>
      <c r="B18761">
        <v>211.3</v>
      </c>
      <c r="C18761">
        <v>3345.45</v>
      </c>
      <c r="D18761">
        <v>2.2000000000000002</v>
      </c>
      <c r="E18761">
        <v>3330.59</v>
      </c>
      <c r="F18761">
        <v>97.177899999999994</v>
      </c>
    </row>
    <row r="18762" spans="1:6" x14ac:dyDescent="0.25">
      <c r="A18762">
        <v>174.93</v>
      </c>
      <c r="B18762">
        <v>211.3</v>
      </c>
      <c r="C18762">
        <v>3345.45</v>
      </c>
      <c r="D18762">
        <v>2.5</v>
      </c>
      <c r="E18762">
        <v>3298.13</v>
      </c>
      <c r="F18762">
        <v>94.965900000000005</v>
      </c>
    </row>
    <row r="18763" spans="1:6" x14ac:dyDescent="0.25">
      <c r="A18763">
        <v>174.93</v>
      </c>
      <c r="B18763">
        <v>211.3</v>
      </c>
      <c r="C18763">
        <v>3345.45</v>
      </c>
      <c r="D18763">
        <v>2.8</v>
      </c>
      <c r="E18763">
        <v>3094.25</v>
      </c>
      <c r="F18763">
        <v>102.986</v>
      </c>
    </row>
    <row r="18764" spans="1:6" x14ac:dyDescent="0.25">
      <c r="A18764">
        <v>174.93</v>
      </c>
      <c r="B18764">
        <v>211.3</v>
      </c>
      <c r="C18764">
        <v>3345.45</v>
      </c>
      <c r="D18764">
        <v>3.1</v>
      </c>
      <c r="E18764">
        <v>3068.3</v>
      </c>
      <c r="F18764">
        <v>98.307100000000005</v>
      </c>
    </row>
    <row r="18765" spans="1:6" x14ac:dyDescent="0.25">
      <c r="A18765">
        <v>174.93</v>
      </c>
      <c r="B18765">
        <v>211.3</v>
      </c>
      <c r="C18765">
        <v>3345.45</v>
      </c>
      <c r="D18765">
        <v>3.4</v>
      </c>
      <c r="E18765">
        <v>2970.39</v>
      </c>
      <c r="F18765">
        <v>99.702100000000002</v>
      </c>
    </row>
    <row r="18766" spans="1:6" x14ac:dyDescent="0.25">
      <c r="A18766">
        <v>174.93</v>
      </c>
      <c r="B18766">
        <v>211.3</v>
      </c>
      <c r="C18766">
        <v>3345.45</v>
      </c>
      <c r="D18766">
        <v>3.7</v>
      </c>
      <c r="E18766">
        <v>2999.05</v>
      </c>
      <c r="F18766">
        <v>97.355400000000003</v>
      </c>
    </row>
    <row r="18767" spans="1:6" x14ac:dyDescent="0.25">
      <c r="A18767">
        <v>174.93</v>
      </c>
      <c r="B18767">
        <v>211.3</v>
      </c>
      <c r="C18767">
        <v>3345.45</v>
      </c>
      <c r="D18767">
        <v>4</v>
      </c>
      <c r="E18767">
        <v>2931.47</v>
      </c>
      <c r="F18767">
        <v>99.116399999999999</v>
      </c>
    </row>
    <row r="18768" spans="1:6" x14ac:dyDescent="0.25">
      <c r="A18768">
        <v>174.93</v>
      </c>
      <c r="B18768">
        <v>211.3</v>
      </c>
      <c r="C18768">
        <v>4890.8999999999996</v>
      </c>
      <c r="D18768">
        <v>1</v>
      </c>
      <c r="E18768">
        <v>4406.0200000000004</v>
      </c>
      <c r="F18768">
        <v>88.838800000000006</v>
      </c>
    </row>
    <row r="18769" spans="1:6" x14ac:dyDescent="0.25">
      <c r="A18769">
        <v>174.93</v>
      </c>
      <c r="B18769">
        <v>211.3</v>
      </c>
      <c r="C18769">
        <v>4890.8999999999996</v>
      </c>
      <c r="D18769">
        <v>1.3</v>
      </c>
      <c r="E18769">
        <v>4014.98</v>
      </c>
      <c r="F18769">
        <v>96.268000000000001</v>
      </c>
    </row>
    <row r="18770" spans="1:6" x14ac:dyDescent="0.25">
      <c r="A18770">
        <v>174.93</v>
      </c>
      <c r="B18770">
        <v>211.3</v>
      </c>
      <c r="C18770">
        <v>4890.8999999999996</v>
      </c>
      <c r="D18770">
        <v>1.6</v>
      </c>
      <c r="E18770">
        <v>3674.36</v>
      </c>
      <c r="F18770">
        <v>98.756900000000002</v>
      </c>
    </row>
    <row r="18771" spans="1:6" x14ac:dyDescent="0.25">
      <c r="A18771">
        <v>174.93</v>
      </c>
      <c r="B18771">
        <v>211.3</v>
      </c>
      <c r="C18771">
        <v>4890.8999999999996</v>
      </c>
      <c r="D18771">
        <v>1.9</v>
      </c>
      <c r="E18771">
        <v>3534.24</v>
      </c>
      <c r="F18771">
        <v>96.868600000000001</v>
      </c>
    </row>
    <row r="18772" spans="1:6" x14ac:dyDescent="0.25">
      <c r="A18772">
        <v>174.93</v>
      </c>
      <c r="B18772">
        <v>211.3</v>
      </c>
      <c r="C18772">
        <v>4890.8999999999996</v>
      </c>
      <c r="D18772">
        <v>2.2000000000000002</v>
      </c>
      <c r="E18772">
        <v>3330.59</v>
      </c>
      <c r="F18772">
        <v>97.177899999999994</v>
      </c>
    </row>
    <row r="18773" spans="1:6" x14ac:dyDescent="0.25">
      <c r="A18773">
        <v>174.93</v>
      </c>
      <c r="B18773">
        <v>211.3</v>
      </c>
      <c r="C18773">
        <v>4890.8999999999996</v>
      </c>
      <c r="D18773">
        <v>2.5</v>
      </c>
      <c r="E18773">
        <v>3298.13</v>
      </c>
      <c r="F18773">
        <v>94.965900000000005</v>
      </c>
    </row>
    <row r="18774" spans="1:6" x14ac:dyDescent="0.25">
      <c r="A18774">
        <v>174.93</v>
      </c>
      <c r="B18774">
        <v>211.3</v>
      </c>
      <c r="C18774">
        <v>4890.8999999999996</v>
      </c>
      <c r="D18774">
        <v>2.8</v>
      </c>
      <c r="E18774">
        <v>3094.25</v>
      </c>
      <c r="F18774">
        <v>102.986</v>
      </c>
    </row>
    <row r="18775" spans="1:6" x14ac:dyDescent="0.25">
      <c r="A18775">
        <v>174.93</v>
      </c>
      <c r="B18775">
        <v>211.3</v>
      </c>
      <c r="C18775">
        <v>4890.8999999999996</v>
      </c>
      <c r="D18775">
        <v>3.1</v>
      </c>
      <c r="E18775">
        <v>3068.3</v>
      </c>
      <c r="F18775">
        <v>98.307100000000005</v>
      </c>
    </row>
    <row r="18776" spans="1:6" x14ac:dyDescent="0.25">
      <c r="A18776">
        <v>174.93</v>
      </c>
      <c r="B18776">
        <v>211.3</v>
      </c>
      <c r="C18776">
        <v>4890.8999999999996</v>
      </c>
      <c r="D18776">
        <v>3.4</v>
      </c>
      <c r="E18776">
        <v>2970.39</v>
      </c>
      <c r="F18776">
        <v>99.702100000000002</v>
      </c>
    </row>
    <row r="18777" spans="1:6" x14ac:dyDescent="0.25">
      <c r="A18777">
        <v>174.93</v>
      </c>
      <c r="B18777">
        <v>211.3</v>
      </c>
      <c r="C18777">
        <v>4890.8999999999996</v>
      </c>
      <c r="D18777">
        <v>3.7</v>
      </c>
      <c r="E18777">
        <v>2999.05</v>
      </c>
      <c r="F18777">
        <v>97.355400000000003</v>
      </c>
    </row>
    <row r="18778" spans="1:6" x14ac:dyDescent="0.25">
      <c r="A18778">
        <v>174.93</v>
      </c>
      <c r="B18778">
        <v>211.3</v>
      </c>
      <c r="C18778">
        <v>4890.8999999999996</v>
      </c>
      <c r="D18778">
        <v>4</v>
      </c>
      <c r="E18778">
        <v>2931.47</v>
      </c>
      <c r="F18778">
        <v>99.116399999999999</v>
      </c>
    </row>
    <row r="18779" spans="1:6" x14ac:dyDescent="0.25">
      <c r="A18779">
        <v>174.93</v>
      </c>
      <c r="B18779">
        <v>211.3</v>
      </c>
      <c r="C18779">
        <v>6436.35</v>
      </c>
      <c r="D18779">
        <v>1</v>
      </c>
      <c r="E18779">
        <v>4406.0200000000004</v>
      </c>
      <c r="F18779">
        <v>88.838800000000006</v>
      </c>
    </row>
    <row r="18780" spans="1:6" x14ac:dyDescent="0.25">
      <c r="A18780">
        <v>174.93</v>
      </c>
      <c r="B18780">
        <v>211.3</v>
      </c>
      <c r="C18780">
        <v>6436.35</v>
      </c>
      <c r="D18780">
        <v>1.3</v>
      </c>
      <c r="E18780">
        <v>4014.98</v>
      </c>
      <c r="F18780">
        <v>96.268000000000001</v>
      </c>
    </row>
    <row r="18781" spans="1:6" x14ac:dyDescent="0.25">
      <c r="A18781">
        <v>174.93</v>
      </c>
      <c r="B18781">
        <v>211.3</v>
      </c>
      <c r="C18781">
        <v>6436.35</v>
      </c>
      <c r="D18781">
        <v>1.6</v>
      </c>
      <c r="E18781">
        <v>3674.36</v>
      </c>
      <c r="F18781">
        <v>98.756900000000002</v>
      </c>
    </row>
    <row r="18782" spans="1:6" x14ac:dyDescent="0.25">
      <c r="A18782">
        <v>174.93</v>
      </c>
      <c r="B18782">
        <v>211.3</v>
      </c>
      <c r="C18782">
        <v>6436.35</v>
      </c>
      <c r="D18782">
        <v>1.9</v>
      </c>
      <c r="E18782">
        <v>3534.24</v>
      </c>
      <c r="F18782">
        <v>96.868600000000001</v>
      </c>
    </row>
    <row r="18783" spans="1:6" x14ac:dyDescent="0.25">
      <c r="A18783">
        <v>174.93</v>
      </c>
      <c r="B18783">
        <v>211.3</v>
      </c>
      <c r="C18783">
        <v>6436.35</v>
      </c>
      <c r="D18783">
        <v>2.2000000000000002</v>
      </c>
      <c r="E18783">
        <v>3330.59</v>
      </c>
      <c r="F18783">
        <v>97.177899999999994</v>
      </c>
    </row>
    <row r="18784" spans="1:6" x14ac:dyDescent="0.25">
      <c r="A18784">
        <v>174.93</v>
      </c>
      <c r="B18784">
        <v>211.3</v>
      </c>
      <c r="C18784">
        <v>6436.35</v>
      </c>
      <c r="D18784">
        <v>2.5</v>
      </c>
      <c r="E18784">
        <v>3298.13</v>
      </c>
      <c r="F18784">
        <v>94.965900000000005</v>
      </c>
    </row>
    <row r="18785" spans="1:6" x14ac:dyDescent="0.25">
      <c r="A18785">
        <v>174.93</v>
      </c>
      <c r="B18785">
        <v>211.3</v>
      </c>
      <c r="C18785">
        <v>6436.35</v>
      </c>
      <c r="D18785">
        <v>2.8</v>
      </c>
      <c r="E18785">
        <v>3094.25</v>
      </c>
      <c r="F18785">
        <v>102.986</v>
      </c>
    </row>
    <row r="18786" spans="1:6" x14ac:dyDescent="0.25">
      <c r="A18786">
        <v>174.93</v>
      </c>
      <c r="B18786">
        <v>211.3</v>
      </c>
      <c r="C18786">
        <v>6436.35</v>
      </c>
      <c r="D18786">
        <v>3.1</v>
      </c>
      <c r="E18786">
        <v>3068.3</v>
      </c>
      <c r="F18786">
        <v>98.307100000000005</v>
      </c>
    </row>
    <row r="18787" spans="1:6" x14ac:dyDescent="0.25">
      <c r="A18787">
        <v>174.93</v>
      </c>
      <c r="B18787">
        <v>211.3</v>
      </c>
      <c r="C18787">
        <v>6436.35</v>
      </c>
      <c r="D18787">
        <v>3.4</v>
      </c>
      <c r="E18787">
        <v>2970.39</v>
      </c>
      <c r="F18787">
        <v>99.702100000000002</v>
      </c>
    </row>
    <row r="18788" spans="1:6" x14ac:dyDescent="0.25">
      <c r="A18788">
        <v>174.93</v>
      </c>
      <c r="B18788">
        <v>211.3</v>
      </c>
      <c r="C18788">
        <v>6436.35</v>
      </c>
      <c r="D18788">
        <v>3.7</v>
      </c>
      <c r="E18788">
        <v>2999.05</v>
      </c>
      <c r="F18788">
        <v>97.355400000000003</v>
      </c>
    </row>
    <row r="18789" spans="1:6" x14ac:dyDescent="0.25">
      <c r="A18789">
        <v>174.93</v>
      </c>
      <c r="B18789">
        <v>211.3</v>
      </c>
      <c r="C18789">
        <v>6436.35</v>
      </c>
      <c r="D18789">
        <v>4</v>
      </c>
      <c r="E18789">
        <v>2931.47</v>
      </c>
      <c r="F18789">
        <v>99.116399999999999</v>
      </c>
    </row>
    <row r="18790" spans="1:6" x14ac:dyDescent="0.25">
      <c r="A18790">
        <v>174.93</v>
      </c>
      <c r="B18790">
        <v>211.3</v>
      </c>
      <c r="C18790">
        <v>7981.8</v>
      </c>
      <c r="D18790">
        <v>1</v>
      </c>
      <c r="E18790">
        <v>4406.0200000000004</v>
      </c>
      <c r="F18790">
        <v>88.838800000000006</v>
      </c>
    </row>
    <row r="18791" spans="1:6" x14ac:dyDescent="0.25">
      <c r="A18791">
        <v>174.93</v>
      </c>
      <c r="B18791">
        <v>211.3</v>
      </c>
      <c r="C18791">
        <v>7981.8</v>
      </c>
      <c r="D18791">
        <v>1.3</v>
      </c>
      <c r="E18791">
        <v>4014.98</v>
      </c>
      <c r="F18791">
        <v>96.268000000000001</v>
      </c>
    </row>
    <row r="18792" spans="1:6" x14ac:dyDescent="0.25">
      <c r="A18792">
        <v>174.93</v>
      </c>
      <c r="B18792">
        <v>211.3</v>
      </c>
      <c r="C18792">
        <v>7981.8</v>
      </c>
      <c r="D18792">
        <v>1.6</v>
      </c>
      <c r="E18792">
        <v>3674.36</v>
      </c>
      <c r="F18792">
        <v>98.756900000000002</v>
      </c>
    </row>
    <row r="18793" spans="1:6" x14ac:dyDescent="0.25">
      <c r="A18793">
        <v>174.93</v>
      </c>
      <c r="B18793">
        <v>211.3</v>
      </c>
      <c r="C18793">
        <v>7981.8</v>
      </c>
      <c r="D18793">
        <v>1.9</v>
      </c>
      <c r="E18793">
        <v>3534.24</v>
      </c>
      <c r="F18793">
        <v>96.868600000000001</v>
      </c>
    </row>
    <row r="18794" spans="1:6" x14ac:dyDescent="0.25">
      <c r="A18794">
        <v>174.93</v>
      </c>
      <c r="B18794">
        <v>211.3</v>
      </c>
      <c r="C18794">
        <v>7981.8</v>
      </c>
      <c r="D18794">
        <v>2.2000000000000002</v>
      </c>
      <c r="E18794">
        <v>3330.59</v>
      </c>
      <c r="F18794">
        <v>97.177899999999994</v>
      </c>
    </row>
    <row r="18795" spans="1:6" x14ac:dyDescent="0.25">
      <c r="A18795">
        <v>174.93</v>
      </c>
      <c r="B18795">
        <v>211.3</v>
      </c>
      <c r="C18795">
        <v>7981.8</v>
      </c>
      <c r="D18795">
        <v>2.5</v>
      </c>
      <c r="E18795">
        <v>3298.13</v>
      </c>
      <c r="F18795">
        <v>94.965900000000005</v>
      </c>
    </row>
    <row r="18796" spans="1:6" x14ac:dyDescent="0.25">
      <c r="A18796">
        <v>174.93</v>
      </c>
      <c r="B18796">
        <v>211.3</v>
      </c>
      <c r="C18796">
        <v>7981.8</v>
      </c>
      <c r="D18796">
        <v>2.8</v>
      </c>
      <c r="E18796">
        <v>3094.25</v>
      </c>
      <c r="F18796">
        <v>102.986</v>
      </c>
    </row>
    <row r="18797" spans="1:6" x14ac:dyDescent="0.25">
      <c r="A18797">
        <v>174.93</v>
      </c>
      <c r="B18797">
        <v>211.3</v>
      </c>
      <c r="C18797">
        <v>7981.8</v>
      </c>
      <c r="D18797">
        <v>3.1</v>
      </c>
      <c r="E18797">
        <v>3068.3</v>
      </c>
      <c r="F18797">
        <v>98.307100000000005</v>
      </c>
    </row>
    <row r="18798" spans="1:6" x14ac:dyDescent="0.25">
      <c r="A18798">
        <v>174.93</v>
      </c>
      <c r="B18798">
        <v>211.3</v>
      </c>
      <c r="C18798">
        <v>7981.8</v>
      </c>
      <c r="D18798">
        <v>3.4</v>
      </c>
      <c r="E18798">
        <v>2970.39</v>
      </c>
      <c r="F18798">
        <v>99.702100000000002</v>
      </c>
    </row>
    <row r="18799" spans="1:6" x14ac:dyDescent="0.25">
      <c r="A18799">
        <v>174.93</v>
      </c>
      <c r="B18799">
        <v>211.3</v>
      </c>
      <c r="C18799">
        <v>7981.8</v>
      </c>
      <c r="D18799">
        <v>3.7</v>
      </c>
      <c r="E18799">
        <v>2999.05</v>
      </c>
      <c r="F18799">
        <v>97.355400000000003</v>
      </c>
    </row>
    <row r="18800" spans="1:6" x14ac:dyDescent="0.25">
      <c r="A18800">
        <v>174.93</v>
      </c>
      <c r="B18800">
        <v>211.3</v>
      </c>
      <c r="C18800">
        <v>7981.8</v>
      </c>
      <c r="D18800">
        <v>4</v>
      </c>
      <c r="E18800">
        <v>2931.47</v>
      </c>
      <c r="F18800">
        <v>99.116399999999999</v>
      </c>
    </row>
    <row r="18801" spans="1:6" x14ac:dyDescent="0.25">
      <c r="A18801">
        <v>174.93</v>
      </c>
      <c r="B18801">
        <v>211.3</v>
      </c>
      <c r="C18801">
        <v>9527.25</v>
      </c>
      <c r="D18801">
        <v>1</v>
      </c>
      <c r="E18801">
        <v>4406.0200000000004</v>
      </c>
      <c r="F18801">
        <v>88.838800000000006</v>
      </c>
    </row>
    <row r="18802" spans="1:6" x14ac:dyDescent="0.25">
      <c r="A18802">
        <v>174.93</v>
      </c>
      <c r="B18802">
        <v>211.3</v>
      </c>
      <c r="C18802">
        <v>9527.25</v>
      </c>
      <c r="D18802">
        <v>1.3</v>
      </c>
      <c r="E18802">
        <v>4014.98</v>
      </c>
      <c r="F18802">
        <v>96.268000000000001</v>
      </c>
    </row>
    <row r="18803" spans="1:6" x14ac:dyDescent="0.25">
      <c r="A18803">
        <v>174.93</v>
      </c>
      <c r="B18803">
        <v>211.3</v>
      </c>
      <c r="C18803">
        <v>9527.25</v>
      </c>
      <c r="D18803">
        <v>1.6</v>
      </c>
      <c r="E18803">
        <v>3674.36</v>
      </c>
      <c r="F18803">
        <v>98.756900000000002</v>
      </c>
    </row>
    <row r="18804" spans="1:6" x14ac:dyDescent="0.25">
      <c r="A18804">
        <v>174.93</v>
      </c>
      <c r="B18804">
        <v>211.3</v>
      </c>
      <c r="C18804">
        <v>9527.25</v>
      </c>
      <c r="D18804">
        <v>1.9</v>
      </c>
      <c r="E18804">
        <v>3534.24</v>
      </c>
      <c r="F18804">
        <v>96.868600000000001</v>
      </c>
    </row>
    <row r="18805" spans="1:6" x14ac:dyDescent="0.25">
      <c r="A18805">
        <v>174.93</v>
      </c>
      <c r="B18805">
        <v>211.3</v>
      </c>
      <c r="C18805">
        <v>9527.25</v>
      </c>
      <c r="D18805">
        <v>2.2000000000000002</v>
      </c>
      <c r="E18805">
        <v>3330.59</v>
      </c>
      <c r="F18805">
        <v>97.177899999999994</v>
      </c>
    </row>
    <row r="18806" spans="1:6" x14ac:dyDescent="0.25">
      <c r="A18806">
        <v>174.93</v>
      </c>
      <c r="B18806">
        <v>211.3</v>
      </c>
      <c r="C18806">
        <v>9527.25</v>
      </c>
      <c r="D18806">
        <v>2.5</v>
      </c>
      <c r="E18806">
        <v>3298.13</v>
      </c>
      <c r="F18806">
        <v>94.965900000000005</v>
      </c>
    </row>
    <row r="18807" spans="1:6" x14ac:dyDescent="0.25">
      <c r="A18807">
        <v>174.93</v>
      </c>
      <c r="B18807">
        <v>211.3</v>
      </c>
      <c r="C18807">
        <v>9527.25</v>
      </c>
      <c r="D18807">
        <v>2.8</v>
      </c>
      <c r="E18807">
        <v>3094.25</v>
      </c>
      <c r="F18807">
        <v>102.986</v>
      </c>
    </row>
    <row r="18808" spans="1:6" x14ac:dyDescent="0.25">
      <c r="A18808">
        <v>174.93</v>
      </c>
      <c r="B18808">
        <v>211.3</v>
      </c>
      <c r="C18808">
        <v>9527.25</v>
      </c>
      <c r="D18808">
        <v>3.1</v>
      </c>
      <c r="E18808">
        <v>3068.3</v>
      </c>
      <c r="F18808">
        <v>98.307100000000005</v>
      </c>
    </row>
    <row r="18809" spans="1:6" x14ac:dyDescent="0.25">
      <c r="A18809">
        <v>174.93</v>
      </c>
      <c r="B18809">
        <v>211.3</v>
      </c>
      <c r="C18809">
        <v>9527.25</v>
      </c>
      <c r="D18809">
        <v>3.4</v>
      </c>
      <c r="E18809">
        <v>2970.39</v>
      </c>
      <c r="F18809">
        <v>99.702100000000002</v>
      </c>
    </row>
    <row r="18810" spans="1:6" x14ac:dyDescent="0.25">
      <c r="A18810">
        <v>174.93</v>
      </c>
      <c r="B18810">
        <v>211.3</v>
      </c>
      <c r="C18810">
        <v>9527.25</v>
      </c>
      <c r="D18810">
        <v>3.7</v>
      </c>
      <c r="E18810">
        <v>2999.05</v>
      </c>
      <c r="F18810">
        <v>97.355400000000003</v>
      </c>
    </row>
    <row r="18811" spans="1:6" x14ac:dyDescent="0.25">
      <c r="A18811">
        <v>174.93</v>
      </c>
      <c r="B18811">
        <v>211.3</v>
      </c>
      <c r="C18811">
        <v>9527.25</v>
      </c>
      <c r="D18811">
        <v>4</v>
      </c>
      <c r="E18811">
        <v>2931.47</v>
      </c>
      <c r="F18811">
        <v>99.116399999999999</v>
      </c>
    </row>
    <row r="18812" spans="1:6" x14ac:dyDescent="0.25">
      <c r="A18812">
        <v>174.93</v>
      </c>
      <c r="B18812">
        <v>211.3</v>
      </c>
      <c r="C18812">
        <v>11072.7</v>
      </c>
      <c r="D18812">
        <v>1</v>
      </c>
      <c r="E18812">
        <v>4406.0200000000004</v>
      </c>
      <c r="F18812">
        <v>88.838800000000006</v>
      </c>
    </row>
    <row r="18813" spans="1:6" x14ac:dyDescent="0.25">
      <c r="A18813">
        <v>174.93</v>
      </c>
      <c r="B18813">
        <v>211.3</v>
      </c>
      <c r="C18813">
        <v>11072.7</v>
      </c>
      <c r="D18813">
        <v>1.3</v>
      </c>
      <c r="E18813">
        <v>4014.98</v>
      </c>
      <c r="F18813">
        <v>96.268000000000001</v>
      </c>
    </row>
    <row r="18814" spans="1:6" x14ac:dyDescent="0.25">
      <c r="A18814">
        <v>174.93</v>
      </c>
      <c r="B18814">
        <v>211.3</v>
      </c>
      <c r="C18814">
        <v>11072.7</v>
      </c>
      <c r="D18814">
        <v>1.6</v>
      </c>
      <c r="E18814">
        <v>3674.36</v>
      </c>
      <c r="F18814">
        <v>98.756900000000002</v>
      </c>
    </row>
    <row r="18815" spans="1:6" x14ac:dyDescent="0.25">
      <c r="A18815">
        <v>174.93</v>
      </c>
      <c r="B18815">
        <v>211.3</v>
      </c>
      <c r="C18815">
        <v>11072.7</v>
      </c>
      <c r="D18815">
        <v>1.9</v>
      </c>
      <c r="E18815">
        <v>3534.24</v>
      </c>
      <c r="F18815">
        <v>96.868600000000001</v>
      </c>
    </row>
    <row r="18816" spans="1:6" x14ac:dyDescent="0.25">
      <c r="A18816">
        <v>174.93</v>
      </c>
      <c r="B18816">
        <v>211.3</v>
      </c>
      <c r="C18816">
        <v>11072.7</v>
      </c>
      <c r="D18816">
        <v>2.2000000000000002</v>
      </c>
      <c r="E18816">
        <v>3330.59</v>
      </c>
      <c r="F18816">
        <v>97.177899999999994</v>
      </c>
    </row>
    <row r="18817" spans="1:6" x14ac:dyDescent="0.25">
      <c r="A18817">
        <v>174.93</v>
      </c>
      <c r="B18817">
        <v>211.3</v>
      </c>
      <c r="C18817">
        <v>11072.7</v>
      </c>
      <c r="D18817">
        <v>2.5</v>
      </c>
      <c r="E18817">
        <v>3298.13</v>
      </c>
      <c r="F18817">
        <v>94.965900000000005</v>
      </c>
    </row>
    <row r="18818" spans="1:6" x14ac:dyDescent="0.25">
      <c r="A18818">
        <v>174.93</v>
      </c>
      <c r="B18818">
        <v>211.3</v>
      </c>
      <c r="C18818">
        <v>11072.7</v>
      </c>
      <c r="D18818">
        <v>2.8</v>
      </c>
      <c r="E18818">
        <v>3094.25</v>
      </c>
      <c r="F18818">
        <v>102.986</v>
      </c>
    </row>
    <row r="18819" spans="1:6" x14ac:dyDescent="0.25">
      <c r="A18819">
        <v>174.93</v>
      </c>
      <c r="B18819">
        <v>211.3</v>
      </c>
      <c r="C18819">
        <v>11072.7</v>
      </c>
      <c r="D18819">
        <v>3.1</v>
      </c>
      <c r="E18819">
        <v>3068.3</v>
      </c>
      <c r="F18819">
        <v>98.307100000000005</v>
      </c>
    </row>
    <row r="18820" spans="1:6" x14ac:dyDescent="0.25">
      <c r="A18820">
        <v>174.93</v>
      </c>
      <c r="B18820">
        <v>211.3</v>
      </c>
      <c r="C18820">
        <v>11072.7</v>
      </c>
      <c r="D18820">
        <v>3.4</v>
      </c>
      <c r="E18820">
        <v>2970.39</v>
      </c>
      <c r="F18820">
        <v>99.702100000000002</v>
      </c>
    </row>
    <row r="18821" spans="1:6" x14ac:dyDescent="0.25">
      <c r="A18821">
        <v>174.93</v>
      </c>
      <c r="B18821">
        <v>211.3</v>
      </c>
      <c r="C18821">
        <v>11072.7</v>
      </c>
      <c r="D18821">
        <v>3.7</v>
      </c>
      <c r="E18821">
        <v>2999.05</v>
      </c>
      <c r="F18821">
        <v>97.355400000000003</v>
      </c>
    </row>
    <row r="18822" spans="1:6" x14ac:dyDescent="0.25">
      <c r="A18822">
        <v>174.93</v>
      </c>
      <c r="B18822">
        <v>211.3</v>
      </c>
      <c r="C18822">
        <v>11072.7</v>
      </c>
      <c r="D18822">
        <v>4</v>
      </c>
      <c r="E18822">
        <v>2931.47</v>
      </c>
      <c r="F18822">
        <v>99.116399999999999</v>
      </c>
    </row>
    <row r="18823" spans="1:6" x14ac:dyDescent="0.25">
      <c r="A18823">
        <v>174.93</v>
      </c>
      <c r="B18823">
        <v>211.3</v>
      </c>
      <c r="C18823">
        <v>12618.2</v>
      </c>
      <c r="D18823">
        <v>1</v>
      </c>
      <c r="E18823">
        <v>4406.0200000000004</v>
      </c>
      <c r="F18823">
        <v>88.838800000000006</v>
      </c>
    </row>
    <row r="18824" spans="1:6" x14ac:dyDescent="0.25">
      <c r="A18824">
        <v>174.93</v>
      </c>
      <c r="B18824">
        <v>211.3</v>
      </c>
      <c r="C18824">
        <v>12618.2</v>
      </c>
      <c r="D18824">
        <v>1.3</v>
      </c>
      <c r="E18824">
        <v>4014.98</v>
      </c>
      <c r="F18824">
        <v>96.268000000000001</v>
      </c>
    </row>
    <row r="18825" spans="1:6" x14ac:dyDescent="0.25">
      <c r="A18825">
        <v>174.93</v>
      </c>
      <c r="B18825">
        <v>211.3</v>
      </c>
      <c r="C18825">
        <v>12618.2</v>
      </c>
      <c r="D18825">
        <v>1.6</v>
      </c>
      <c r="E18825">
        <v>3674.36</v>
      </c>
      <c r="F18825">
        <v>98.756900000000002</v>
      </c>
    </row>
    <row r="18826" spans="1:6" x14ac:dyDescent="0.25">
      <c r="A18826">
        <v>174.93</v>
      </c>
      <c r="B18826">
        <v>211.3</v>
      </c>
      <c r="C18826">
        <v>12618.2</v>
      </c>
      <c r="D18826">
        <v>1.9</v>
      </c>
      <c r="E18826">
        <v>3534.24</v>
      </c>
      <c r="F18826">
        <v>96.868600000000001</v>
      </c>
    </row>
    <row r="18827" spans="1:6" x14ac:dyDescent="0.25">
      <c r="A18827">
        <v>174.93</v>
      </c>
      <c r="B18827">
        <v>211.3</v>
      </c>
      <c r="C18827">
        <v>12618.2</v>
      </c>
      <c r="D18827">
        <v>2.2000000000000002</v>
      </c>
      <c r="E18827">
        <v>3330.59</v>
      </c>
      <c r="F18827">
        <v>97.177899999999994</v>
      </c>
    </row>
    <row r="18828" spans="1:6" x14ac:dyDescent="0.25">
      <c r="A18828">
        <v>174.93</v>
      </c>
      <c r="B18828">
        <v>211.3</v>
      </c>
      <c r="C18828">
        <v>12618.2</v>
      </c>
      <c r="D18828">
        <v>2.5</v>
      </c>
      <c r="E18828">
        <v>3298.13</v>
      </c>
      <c r="F18828">
        <v>94.965900000000005</v>
      </c>
    </row>
    <row r="18829" spans="1:6" x14ac:dyDescent="0.25">
      <c r="A18829">
        <v>174.93</v>
      </c>
      <c r="B18829">
        <v>211.3</v>
      </c>
      <c r="C18829">
        <v>12618.2</v>
      </c>
      <c r="D18829">
        <v>2.8</v>
      </c>
      <c r="E18829">
        <v>3094.25</v>
      </c>
      <c r="F18829">
        <v>102.986</v>
      </c>
    </row>
    <row r="18830" spans="1:6" x14ac:dyDescent="0.25">
      <c r="A18830">
        <v>174.93</v>
      </c>
      <c r="B18830">
        <v>211.3</v>
      </c>
      <c r="C18830">
        <v>12618.2</v>
      </c>
      <c r="D18830">
        <v>3.1</v>
      </c>
      <c r="E18830">
        <v>3068.3</v>
      </c>
      <c r="F18830">
        <v>98.307100000000005</v>
      </c>
    </row>
    <row r="18831" spans="1:6" x14ac:dyDescent="0.25">
      <c r="A18831">
        <v>174.93</v>
      </c>
      <c r="B18831">
        <v>211.3</v>
      </c>
      <c r="C18831">
        <v>12618.2</v>
      </c>
      <c r="D18831">
        <v>3.4</v>
      </c>
      <c r="E18831">
        <v>2970.39</v>
      </c>
      <c r="F18831">
        <v>99.702100000000002</v>
      </c>
    </row>
    <row r="18832" spans="1:6" x14ac:dyDescent="0.25">
      <c r="A18832">
        <v>174.93</v>
      </c>
      <c r="B18832">
        <v>211.3</v>
      </c>
      <c r="C18832">
        <v>12618.2</v>
      </c>
      <c r="D18832">
        <v>3.7</v>
      </c>
      <c r="E18832">
        <v>2999.05</v>
      </c>
      <c r="F18832">
        <v>97.355400000000003</v>
      </c>
    </row>
    <row r="18833" spans="1:6" x14ac:dyDescent="0.25">
      <c r="A18833">
        <v>174.93</v>
      </c>
      <c r="B18833">
        <v>211.3</v>
      </c>
      <c r="C18833">
        <v>12618.2</v>
      </c>
      <c r="D18833">
        <v>4</v>
      </c>
      <c r="E18833">
        <v>2931.47</v>
      </c>
      <c r="F18833">
        <v>99.116399999999999</v>
      </c>
    </row>
    <row r="18834" spans="1:6" x14ac:dyDescent="0.25">
      <c r="A18834">
        <v>174.93</v>
      </c>
      <c r="B18834">
        <v>211.3</v>
      </c>
      <c r="C18834">
        <v>14163.6</v>
      </c>
      <c r="D18834">
        <v>1</v>
      </c>
      <c r="E18834">
        <v>4406.0200000000004</v>
      </c>
      <c r="F18834">
        <v>88.838800000000006</v>
      </c>
    </row>
    <row r="18835" spans="1:6" x14ac:dyDescent="0.25">
      <c r="A18835">
        <v>174.93</v>
      </c>
      <c r="B18835">
        <v>211.3</v>
      </c>
      <c r="C18835">
        <v>14163.6</v>
      </c>
      <c r="D18835">
        <v>1.3</v>
      </c>
      <c r="E18835">
        <v>4014.98</v>
      </c>
      <c r="F18835">
        <v>96.268000000000001</v>
      </c>
    </row>
    <row r="18836" spans="1:6" x14ac:dyDescent="0.25">
      <c r="A18836">
        <v>174.93</v>
      </c>
      <c r="B18836">
        <v>211.3</v>
      </c>
      <c r="C18836">
        <v>14163.6</v>
      </c>
      <c r="D18836">
        <v>1.6</v>
      </c>
      <c r="E18836">
        <v>3674.36</v>
      </c>
      <c r="F18836">
        <v>98.756900000000002</v>
      </c>
    </row>
    <row r="18837" spans="1:6" x14ac:dyDescent="0.25">
      <c r="A18837">
        <v>174.93</v>
      </c>
      <c r="B18837">
        <v>211.3</v>
      </c>
      <c r="C18837">
        <v>14163.6</v>
      </c>
      <c r="D18837">
        <v>1.9</v>
      </c>
      <c r="E18837">
        <v>3534.24</v>
      </c>
      <c r="F18837">
        <v>96.868600000000001</v>
      </c>
    </row>
    <row r="18838" spans="1:6" x14ac:dyDescent="0.25">
      <c r="A18838">
        <v>174.93</v>
      </c>
      <c r="B18838">
        <v>211.3</v>
      </c>
      <c r="C18838">
        <v>14163.6</v>
      </c>
      <c r="D18838">
        <v>2.2000000000000002</v>
      </c>
      <c r="E18838">
        <v>3330.59</v>
      </c>
      <c r="F18838">
        <v>97.177899999999994</v>
      </c>
    </row>
    <row r="18839" spans="1:6" x14ac:dyDescent="0.25">
      <c r="A18839">
        <v>174.93</v>
      </c>
      <c r="B18839">
        <v>211.3</v>
      </c>
      <c r="C18839">
        <v>14163.6</v>
      </c>
      <c r="D18839">
        <v>2.5</v>
      </c>
      <c r="E18839">
        <v>3298.13</v>
      </c>
      <c r="F18839">
        <v>94.965900000000005</v>
      </c>
    </row>
    <row r="18840" spans="1:6" x14ac:dyDescent="0.25">
      <c r="A18840">
        <v>174.93</v>
      </c>
      <c r="B18840">
        <v>211.3</v>
      </c>
      <c r="C18840">
        <v>14163.6</v>
      </c>
      <c r="D18840">
        <v>2.8</v>
      </c>
      <c r="E18840">
        <v>3094.25</v>
      </c>
      <c r="F18840">
        <v>102.986</v>
      </c>
    </row>
    <row r="18841" spans="1:6" x14ac:dyDescent="0.25">
      <c r="A18841">
        <v>174.93</v>
      </c>
      <c r="B18841">
        <v>211.3</v>
      </c>
      <c r="C18841">
        <v>14163.6</v>
      </c>
      <c r="D18841">
        <v>3.1</v>
      </c>
      <c r="E18841">
        <v>3068.3</v>
      </c>
      <c r="F18841">
        <v>98.307100000000005</v>
      </c>
    </row>
    <row r="18842" spans="1:6" x14ac:dyDescent="0.25">
      <c r="A18842">
        <v>174.93</v>
      </c>
      <c r="B18842">
        <v>211.3</v>
      </c>
      <c r="C18842">
        <v>14163.6</v>
      </c>
      <c r="D18842">
        <v>3.4</v>
      </c>
      <c r="E18842">
        <v>2970.39</v>
      </c>
      <c r="F18842">
        <v>99.702100000000002</v>
      </c>
    </row>
    <row r="18843" spans="1:6" x14ac:dyDescent="0.25">
      <c r="A18843">
        <v>174.93</v>
      </c>
      <c r="B18843">
        <v>211.3</v>
      </c>
      <c r="C18843">
        <v>14163.6</v>
      </c>
      <c r="D18843">
        <v>3.7</v>
      </c>
      <c r="E18843">
        <v>2999.05</v>
      </c>
      <c r="F18843">
        <v>97.355400000000003</v>
      </c>
    </row>
    <row r="18844" spans="1:6" x14ac:dyDescent="0.25">
      <c r="A18844">
        <v>174.93</v>
      </c>
      <c r="B18844">
        <v>211.3</v>
      </c>
      <c r="C18844">
        <v>14163.6</v>
      </c>
      <c r="D18844">
        <v>4</v>
      </c>
      <c r="E18844">
        <v>2931.47</v>
      </c>
      <c r="F18844">
        <v>99.116399999999999</v>
      </c>
    </row>
    <row r="18845" spans="1:6" x14ac:dyDescent="0.25">
      <c r="A18845">
        <v>174.93</v>
      </c>
      <c r="B18845">
        <v>211.3</v>
      </c>
      <c r="C18845">
        <v>15709.1</v>
      </c>
      <c r="D18845">
        <v>1</v>
      </c>
      <c r="E18845">
        <v>4406.0200000000004</v>
      </c>
      <c r="F18845">
        <v>88.838800000000006</v>
      </c>
    </row>
    <row r="18846" spans="1:6" x14ac:dyDescent="0.25">
      <c r="A18846">
        <v>174.93</v>
      </c>
      <c r="B18846">
        <v>211.3</v>
      </c>
      <c r="C18846">
        <v>15709.1</v>
      </c>
      <c r="D18846">
        <v>1.3</v>
      </c>
      <c r="E18846">
        <v>4014.98</v>
      </c>
      <c r="F18846">
        <v>96.268000000000001</v>
      </c>
    </row>
    <row r="18847" spans="1:6" x14ac:dyDescent="0.25">
      <c r="A18847">
        <v>174.93</v>
      </c>
      <c r="B18847">
        <v>211.3</v>
      </c>
      <c r="C18847">
        <v>15709.1</v>
      </c>
      <c r="D18847">
        <v>1.6</v>
      </c>
      <c r="E18847">
        <v>3674.36</v>
      </c>
      <c r="F18847">
        <v>98.756900000000002</v>
      </c>
    </row>
    <row r="18848" spans="1:6" x14ac:dyDescent="0.25">
      <c r="A18848">
        <v>174.93</v>
      </c>
      <c r="B18848">
        <v>211.3</v>
      </c>
      <c r="C18848">
        <v>15709.1</v>
      </c>
      <c r="D18848">
        <v>1.9</v>
      </c>
      <c r="E18848">
        <v>3534.24</v>
      </c>
      <c r="F18848">
        <v>96.868600000000001</v>
      </c>
    </row>
    <row r="18849" spans="1:6" x14ac:dyDescent="0.25">
      <c r="A18849">
        <v>174.93</v>
      </c>
      <c r="B18849">
        <v>211.3</v>
      </c>
      <c r="C18849">
        <v>15709.1</v>
      </c>
      <c r="D18849">
        <v>2.2000000000000002</v>
      </c>
      <c r="E18849">
        <v>3330.59</v>
      </c>
      <c r="F18849">
        <v>97.177899999999994</v>
      </c>
    </row>
    <row r="18850" spans="1:6" x14ac:dyDescent="0.25">
      <c r="A18850">
        <v>174.93</v>
      </c>
      <c r="B18850">
        <v>211.3</v>
      </c>
      <c r="C18850">
        <v>15709.1</v>
      </c>
      <c r="D18850">
        <v>2.5</v>
      </c>
      <c r="E18850">
        <v>3298.13</v>
      </c>
      <c r="F18850">
        <v>94.965900000000005</v>
      </c>
    </row>
    <row r="18851" spans="1:6" x14ac:dyDescent="0.25">
      <c r="A18851">
        <v>174.93</v>
      </c>
      <c r="B18851">
        <v>211.3</v>
      </c>
      <c r="C18851">
        <v>15709.1</v>
      </c>
      <c r="D18851">
        <v>2.8</v>
      </c>
      <c r="E18851">
        <v>3094.25</v>
      </c>
      <c r="F18851">
        <v>102.986</v>
      </c>
    </row>
    <row r="18852" spans="1:6" x14ac:dyDescent="0.25">
      <c r="A18852">
        <v>174.93</v>
      </c>
      <c r="B18852">
        <v>211.3</v>
      </c>
      <c r="C18852">
        <v>15709.1</v>
      </c>
      <c r="D18852">
        <v>3.1</v>
      </c>
      <c r="E18852">
        <v>3068.3</v>
      </c>
      <c r="F18852">
        <v>98.307100000000005</v>
      </c>
    </row>
    <row r="18853" spans="1:6" x14ac:dyDescent="0.25">
      <c r="A18853">
        <v>174.93</v>
      </c>
      <c r="B18853">
        <v>211.3</v>
      </c>
      <c r="C18853">
        <v>15709.1</v>
      </c>
      <c r="D18853">
        <v>3.4</v>
      </c>
      <c r="E18853">
        <v>2970.39</v>
      </c>
      <c r="F18853">
        <v>99.702100000000002</v>
      </c>
    </row>
    <row r="18854" spans="1:6" x14ac:dyDescent="0.25">
      <c r="A18854">
        <v>174.93</v>
      </c>
      <c r="B18854">
        <v>211.3</v>
      </c>
      <c r="C18854">
        <v>15709.1</v>
      </c>
      <c r="D18854">
        <v>3.7</v>
      </c>
      <c r="E18854">
        <v>2999.05</v>
      </c>
      <c r="F18854">
        <v>97.355400000000003</v>
      </c>
    </row>
    <row r="18855" spans="1:6" x14ac:dyDescent="0.25">
      <c r="A18855">
        <v>174.93</v>
      </c>
      <c r="B18855">
        <v>211.3</v>
      </c>
      <c r="C18855">
        <v>15709.1</v>
      </c>
      <c r="D18855">
        <v>4</v>
      </c>
      <c r="E18855">
        <v>2931.47</v>
      </c>
      <c r="F18855">
        <v>99.116399999999999</v>
      </c>
    </row>
    <row r="18856" spans="1:6" x14ac:dyDescent="0.25">
      <c r="A18856">
        <v>174.93</v>
      </c>
      <c r="B18856">
        <v>211.3</v>
      </c>
      <c r="C18856">
        <v>17254.5</v>
      </c>
      <c r="D18856">
        <v>1</v>
      </c>
      <c r="E18856">
        <v>4406.0200000000004</v>
      </c>
      <c r="F18856">
        <v>88.838800000000006</v>
      </c>
    </row>
    <row r="18857" spans="1:6" x14ac:dyDescent="0.25">
      <c r="A18857">
        <v>174.93</v>
      </c>
      <c r="B18857">
        <v>211.3</v>
      </c>
      <c r="C18857">
        <v>17254.5</v>
      </c>
      <c r="D18857">
        <v>1.3</v>
      </c>
      <c r="E18857">
        <v>4014.98</v>
      </c>
      <c r="F18857">
        <v>96.268000000000001</v>
      </c>
    </row>
    <row r="18858" spans="1:6" x14ac:dyDescent="0.25">
      <c r="A18858">
        <v>174.93</v>
      </c>
      <c r="B18858">
        <v>211.3</v>
      </c>
      <c r="C18858">
        <v>17254.5</v>
      </c>
      <c r="D18858">
        <v>1.6</v>
      </c>
      <c r="E18858">
        <v>3674.36</v>
      </c>
      <c r="F18858">
        <v>98.756900000000002</v>
      </c>
    </row>
    <row r="18859" spans="1:6" x14ac:dyDescent="0.25">
      <c r="A18859">
        <v>174.93</v>
      </c>
      <c r="B18859">
        <v>211.3</v>
      </c>
      <c r="C18859">
        <v>17254.5</v>
      </c>
      <c r="D18859">
        <v>1.9</v>
      </c>
      <c r="E18859">
        <v>3534.24</v>
      </c>
      <c r="F18859">
        <v>96.868600000000001</v>
      </c>
    </row>
    <row r="18860" spans="1:6" x14ac:dyDescent="0.25">
      <c r="A18860">
        <v>174.93</v>
      </c>
      <c r="B18860">
        <v>211.3</v>
      </c>
      <c r="C18860">
        <v>17254.5</v>
      </c>
      <c r="D18860">
        <v>2.2000000000000002</v>
      </c>
      <c r="E18860">
        <v>3330.59</v>
      </c>
      <c r="F18860">
        <v>97.177899999999994</v>
      </c>
    </row>
    <row r="18861" spans="1:6" x14ac:dyDescent="0.25">
      <c r="A18861">
        <v>174.93</v>
      </c>
      <c r="B18861">
        <v>211.3</v>
      </c>
      <c r="C18861">
        <v>17254.5</v>
      </c>
      <c r="D18861">
        <v>2.5</v>
      </c>
      <c r="E18861">
        <v>3298.13</v>
      </c>
      <c r="F18861">
        <v>94.965900000000005</v>
      </c>
    </row>
    <row r="18862" spans="1:6" x14ac:dyDescent="0.25">
      <c r="A18862">
        <v>174.93</v>
      </c>
      <c r="B18862">
        <v>211.3</v>
      </c>
      <c r="C18862">
        <v>17254.5</v>
      </c>
      <c r="D18862">
        <v>2.8</v>
      </c>
      <c r="E18862">
        <v>3094.25</v>
      </c>
      <c r="F18862">
        <v>102.986</v>
      </c>
    </row>
    <row r="18863" spans="1:6" x14ac:dyDescent="0.25">
      <c r="A18863">
        <v>174.93</v>
      </c>
      <c r="B18863">
        <v>211.3</v>
      </c>
      <c r="C18863">
        <v>17254.5</v>
      </c>
      <c r="D18863">
        <v>3.1</v>
      </c>
      <c r="E18863">
        <v>3068.3</v>
      </c>
      <c r="F18863">
        <v>98.307100000000005</v>
      </c>
    </row>
    <row r="18864" spans="1:6" x14ac:dyDescent="0.25">
      <c r="A18864">
        <v>174.93</v>
      </c>
      <c r="B18864">
        <v>211.3</v>
      </c>
      <c r="C18864">
        <v>17254.5</v>
      </c>
      <c r="D18864">
        <v>3.4</v>
      </c>
      <c r="E18864">
        <v>2970.39</v>
      </c>
      <c r="F18864">
        <v>99.702100000000002</v>
      </c>
    </row>
    <row r="18865" spans="1:6" x14ac:dyDescent="0.25">
      <c r="A18865">
        <v>174.93</v>
      </c>
      <c r="B18865">
        <v>211.3</v>
      </c>
      <c r="C18865">
        <v>17254.5</v>
      </c>
      <c r="D18865">
        <v>3.7</v>
      </c>
      <c r="E18865">
        <v>2999.05</v>
      </c>
      <c r="F18865">
        <v>97.355400000000003</v>
      </c>
    </row>
    <row r="18866" spans="1:6" x14ac:dyDescent="0.25">
      <c r="A18866">
        <v>174.93</v>
      </c>
      <c r="B18866">
        <v>211.3</v>
      </c>
      <c r="C18866">
        <v>17254.5</v>
      </c>
      <c r="D18866">
        <v>4</v>
      </c>
      <c r="E18866">
        <v>2931.47</v>
      </c>
      <c r="F18866">
        <v>99.116399999999999</v>
      </c>
    </row>
    <row r="18867" spans="1:6" x14ac:dyDescent="0.25">
      <c r="A18867">
        <v>174.93</v>
      </c>
      <c r="B18867">
        <v>211.3</v>
      </c>
      <c r="C18867">
        <v>18800</v>
      </c>
      <c r="D18867">
        <v>1</v>
      </c>
      <c r="E18867">
        <v>4406.0200000000004</v>
      </c>
      <c r="F18867">
        <v>88.838800000000006</v>
      </c>
    </row>
    <row r="18868" spans="1:6" x14ac:dyDescent="0.25">
      <c r="A18868">
        <v>174.93</v>
      </c>
      <c r="B18868">
        <v>211.3</v>
      </c>
      <c r="C18868">
        <v>18800</v>
      </c>
      <c r="D18868">
        <v>1.3</v>
      </c>
      <c r="E18868">
        <v>4014.98</v>
      </c>
      <c r="F18868">
        <v>96.268000000000001</v>
      </c>
    </row>
    <row r="18869" spans="1:6" x14ac:dyDescent="0.25">
      <c r="A18869">
        <v>174.93</v>
      </c>
      <c r="B18869">
        <v>211.3</v>
      </c>
      <c r="C18869">
        <v>18800</v>
      </c>
      <c r="D18869">
        <v>1.6</v>
      </c>
      <c r="E18869">
        <v>3674.36</v>
      </c>
      <c r="F18869">
        <v>98.756900000000002</v>
      </c>
    </row>
    <row r="18870" spans="1:6" x14ac:dyDescent="0.25">
      <c r="A18870">
        <v>174.93</v>
      </c>
      <c r="B18870">
        <v>211.3</v>
      </c>
      <c r="C18870">
        <v>18800</v>
      </c>
      <c r="D18870">
        <v>1.9</v>
      </c>
      <c r="E18870">
        <v>3534.24</v>
      </c>
      <c r="F18870">
        <v>96.868600000000001</v>
      </c>
    </row>
    <row r="18871" spans="1:6" x14ac:dyDescent="0.25">
      <c r="A18871">
        <v>174.93</v>
      </c>
      <c r="B18871">
        <v>211.3</v>
      </c>
      <c r="C18871">
        <v>18800</v>
      </c>
      <c r="D18871">
        <v>2.2000000000000002</v>
      </c>
      <c r="E18871">
        <v>3330.59</v>
      </c>
      <c r="F18871">
        <v>97.177899999999994</v>
      </c>
    </row>
    <row r="18872" spans="1:6" x14ac:dyDescent="0.25">
      <c r="A18872">
        <v>174.93</v>
      </c>
      <c r="B18872">
        <v>211.3</v>
      </c>
      <c r="C18872">
        <v>18800</v>
      </c>
      <c r="D18872">
        <v>2.5</v>
      </c>
      <c r="E18872">
        <v>3298.13</v>
      </c>
      <c r="F18872">
        <v>94.965900000000005</v>
      </c>
    </row>
    <row r="18873" spans="1:6" x14ac:dyDescent="0.25">
      <c r="A18873">
        <v>174.93</v>
      </c>
      <c r="B18873">
        <v>211.3</v>
      </c>
      <c r="C18873">
        <v>18800</v>
      </c>
      <c r="D18873">
        <v>2.8</v>
      </c>
      <c r="E18873">
        <v>3094.25</v>
      </c>
      <c r="F18873">
        <v>102.986</v>
      </c>
    </row>
    <row r="18874" spans="1:6" x14ac:dyDescent="0.25">
      <c r="A18874">
        <v>174.93</v>
      </c>
      <c r="B18874">
        <v>211.3</v>
      </c>
      <c r="C18874">
        <v>18800</v>
      </c>
      <c r="D18874">
        <v>3.1</v>
      </c>
      <c r="E18874">
        <v>3068.3</v>
      </c>
      <c r="F18874">
        <v>98.307100000000005</v>
      </c>
    </row>
    <row r="18875" spans="1:6" x14ac:dyDescent="0.25">
      <c r="A18875">
        <v>174.93</v>
      </c>
      <c r="B18875">
        <v>211.3</v>
      </c>
      <c r="C18875">
        <v>18800</v>
      </c>
      <c r="D18875">
        <v>3.4</v>
      </c>
      <c r="E18875">
        <v>2970.39</v>
      </c>
      <c r="F18875">
        <v>99.702100000000002</v>
      </c>
    </row>
    <row r="18876" spans="1:6" x14ac:dyDescent="0.25">
      <c r="A18876">
        <v>174.93</v>
      </c>
      <c r="B18876">
        <v>211.3</v>
      </c>
      <c r="C18876">
        <v>18800</v>
      </c>
      <c r="D18876">
        <v>3.7</v>
      </c>
      <c r="E18876">
        <v>2999.05</v>
      </c>
      <c r="F18876">
        <v>97.355400000000003</v>
      </c>
    </row>
    <row r="18877" spans="1:6" x14ac:dyDescent="0.25">
      <c r="A18877">
        <v>174.93</v>
      </c>
      <c r="B18877">
        <v>211.3</v>
      </c>
      <c r="C18877">
        <v>18800</v>
      </c>
      <c r="D18877">
        <v>4</v>
      </c>
      <c r="E18877">
        <v>2931.47</v>
      </c>
      <c r="F18877">
        <v>99.116399999999999</v>
      </c>
    </row>
    <row r="18878" spans="1:6" x14ac:dyDescent="0.25">
      <c r="A18878">
        <v>174.93</v>
      </c>
      <c r="B18878">
        <v>214.93</v>
      </c>
      <c r="C18878">
        <v>1800</v>
      </c>
      <c r="D18878">
        <v>1</v>
      </c>
      <c r="E18878">
        <v>4406.0200000000004</v>
      </c>
      <c r="F18878">
        <v>88.838800000000006</v>
      </c>
    </row>
    <row r="18879" spans="1:6" x14ac:dyDescent="0.25">
      <c r="A18879">
        <v>174.93</v>
      </c>
      <c r="B18879">
        <v>214.93</v>
      </c>
      <c r="C18879">
        <v>1800</v>
      </c>
      <c r="D18879">
        <v>1.3</v>
      </c>
      <c r="E18879">
        <v>4014.98</v>
      </c>
      <c r="F18879">
        <v>96.268000000000001</v>
      </c>
    </row>
    <row r="18880" spans="1:6" x14ac:dyDescent="0.25">
      <c r="A18880">
        <v>174.93</v>
      </c>
      <c r="B18880">
        <v>214.93</v>
      </c>
      <c r="C18880">
        <v>1800</v>
      </c>
      <c r="D18880">
        <v>1.6</v>
      </c>
      <c r="E18880">
        <v>3674.36</v>
      </c>
      <c r="F18880">
        <v>98.756900000000002</v>
      </c>
    </row>
    <row r="18881" spans="1:6" x14ac:dyDescent="0.25">
      <c r="A18881">
        <v>174.93</v>
      </c>
      <c r="B18881">
        <v>214.93</v>
      </c>
      <c r="C18881">
        <v>1800</v>
      </c>
      <c r="D18881">
        <v>1.9</v>
      </c>
      <c r="E18881">
        <v>3534.24</v>
      </c>
      <c r="F18881">
        <v>96.868600000000001</v>
      </c>
    </row>
    <row r="18882" spans="1:6" x14ac:dyDescent="0.25">
      <c r="A18882">
        <v>174.93</v>
      </c>
      <c r="B18882">
        <v>214.93</v>
      </c>
      <c r="C18882">
        <v>1800</v>
      </c>
      <c r="D18882">
        <v>2.2000000000000002</v>
      </c>
      <c r="E18882">
        <v>3330.59</v>
      </c>
      <c r="F18882">
        <v>97.177899999999994</v>
      </c>
    </row>
    <row r="18883" spans="1:6" x14ac:dyDescent="0.25">
      <c r="A18883">
        <v>174.93</v>
      </c>
      <c r="B18883">
        <v>214.93</v>
      </c>
      <c r="C18883">
        <v>1800</v>
      </c>
      <c r="D18883">
        <v>2.5</v>
      </c>
      <c r="E18883">
        <v>3298.13</v>
      </c>
      <c r="F18883">
        <v>94.965900000000005</v>
      </c>
    </row>
    <row r="18884" spans="1:6" x14ac:dyDescent="0.25">
      <c r="A18884">
        <v>174.93</v>
      </c>
      <c r="B18884">
        <v>214.93</v>
      </c>
      <c r="C18884">
        <v>1800</v>
      </c>
      <c r="D18884">
        <v>2.8</v>
      </c>
      <c r="E18884">
        <v>3094.25</v>
      </c>
      <c r="F18884">
        <v>102.986</v>
      </c>
    </row>
    <row r="18885" spans="1:6" x14ac:dyDescent="0.25">
      <c r="A18885">
        <v>174.93</v>
      </c>
      <c r="B18885">
        <v>214.93</v>
      </c>
      <c r="C18885">
        <v>1800</v>
      </c>
      <c r="D18885">
        <v>3.1</v>
      </c>
      <c r="E18885">
        <v>3068.3</v>
      </c>
      <c r="F18885">
        <v>98.307100000000005</v>
      </c>
    </row>
    <row r="18886" spans="1:6" x14ac:dyDescent="0.25">
      <c r="A18886">
        <v>174.93</v>
      </c>
      <c r="B18886">
        <v>214.93</v>
      </c>
      <c r="C18886">
        <v>1800</v>
      </c>
      <c r="D18886">
        <v>3.4</v>
      </c>
      <c r="E18886">
        <v>2970.39</v>
      </c>
      <c r="F18886">
        <v>99.702100000000002</v>
      </c>
    </row>
    <row r="18887" spans="1:6" x14ac:dyDescent="0.25">
      <c r="A18887">
        <v>174.93</v>
      </c>
      <c r="B18887">
        <v>214.93</v>
      </c>
      <c r="C18887">
        <v>1800</v>
      </c>
      <c r="D18887">
        <v>3.7</v>
      </c>
      <c r="E18887">
        <v>2896.05</v>
      </c>
      <c r="F18887">
        <v>97.355400000000003</v>
      </c>
    </row>
    <row r="18888" spans="1:6" x14ac:dyDescent="0.25">
      <c r="A18888">
        <v>174.93</v>
      </c>
      <c r="B18888">
        <v>214.93</v>
      </c>
      <c r="C18888">
        <v>1800</v>
      </c>
      <c r="D18888">
        <v>4</v>
      </c>
      <c r="E18888">
        <v>2821.66</v>
      </c>
      <c r="F18888">
        <v>99.116399999999999</v>
      </c>
    </row>
    <row r="18889" spans="1:6" x14ac:dyDescent="0.25">
      <c r="A18889">
        <v>174.93</v>
      </c>
      <c r="B18889">
        <v>214.93</v>
      </c>
      <c r="C18889">
        <v>3345.45</v>
      </c>
      <c r="D18889">
        <v>1</v>
      </c>
      <c r="E18889">
        <v>4406.0200000000004</v>
      </c>
      <c r="F18889">
        <v>88.838800000000006</v>
      </c>
    </row>
    <row r="18890" spans="1:6" x14ac:dyDescent="0.25">
      <c r="A18890">
        <v>174.93</v>
      </c>
      <c r="B18890">
        <v>214.93</v>
      </c>
      <c r="C18890">
        <v>3345.45</v>
      </c>
      <c r="D18890">
        <v>1.3</v>
      </c>
      <c r="E18890">
        <v>4014.98</v>
      </c>
      <c r="F18890">
        <v>96.268000000000001</v>
      </c>
    </row>
    <row r="18891" spans="1:6" x14ac:dyDescent="0.25">
      <c r="A18891">
        <v>174.93</v>
      </c>
      <c r="B18891">
        <v>214.93</v>
      </c>
      <c r="C18891">
        <v>3345.45</v>
      </c>
      <c r="D18891">
        <v>1.6</v>
      </c>
      <c r="E18891">
        <v>3674.36</v>
      </c>
      <c r="F18891">
        <v>98.756900000000002</v>
      </c>
    </row>
    <row r="18892" spans="1:6" x14ac:dyDescent="0.25">
      <c r="A18892">
        <v>174.93</v>
      </c>
      <c r="B18892">
        <v>214.93</v>
      </c>
      <c r="C18892">
        <v>3345.45</v>
      </c>
      <c r="D18892">
        <v>1.9</v>
      </c>
      <c r="E18892">
        <v>3534.24</v>
      </c>
      <c r="F18892">
        <v>96.868600000000001</v>
      </c>
    </row>
    <row r="18893" spans="1:6" x14ac:dyDescent="0.25">
      <c r="A18893">
        <v>174.93</v>
      </c>
      <c r="B18893">
        <v>214.93</v>
      </c>
      <c r="C18893">
        <v>3345.45</v>
      </c>
      <c r="D18893">
        <v>2.2000000000000002</v>
      </c>
      <c r="E18893">
        <v>3330.59</v>
      </c>
      <c r="F18893">
        <v>97.177899999999994</v>
      </c>
    </row>
    <row r="18894" spans="1:6" x14ac:dyDescent="0.25">
      <c r="A18894">
        <v>174.93</v>
      </c>
      <c r="B18894">
        <v>214.93</v>
      </c>
      <c r="C18894">
        <v>3345.45</v>
      </c>
      <c r="D18894">
        <v>2.5</v>
      </c>
      <c r="E18894">
        <v>3298.13</v>
      </c>
      <c r="F18894">
        <v>94.965900000000005</v>
      </c>
    </row>
    <row r="18895" spans="1:6" x14ac:dyDescent="0.25">
      <c r="A18895">
        <v>174.93</v>
      </c>
      <c r="B18895">
        <v>214.93</v>
      </c>
      <c r="C18895">
        <v>3345.45</v>
      </c>
      <c r="D18895">
        <v>2.8</v>
      </c>
      <c r="E18895">
        <v>3094.25</v>
      </c>
      <c r="F18895">
        <v>102.986</v>
      </c>
    </row>
    <row r="18896" spans="1:6" x14ac:dyDescent="0.25">
      <c r="A18896">
        <v>174.93</v>
      </c>
      <c r="B18896">
        <v>214.93</v>
      </c>
      <c r="C18896">
        <v>3345.45</v>
      </c>
      <c r="D18896">
        <v>3.1</v>
      </c>
      <c r="E18896">
        <v>3068.3</v>
      </c>
      <c r="F18896">
        <v>98.307100000000005</v>
      </c>
    </row>
    <row r="18897" spans="1:6" x14ac:dyDescent="0.25">
      <c r="A18897">
        <v>174.93</v>
      </c>
      <c r="B18897">
        <v>214.93</v>
      </c>
      <c r="C18897">
        <v>3345.45</v>
      </c>
      <c r="D18897">
        <v>3.4</v>
      </c>
      <c r="E18897">
        <v>2970.39</v>
      </c>
      <c r="F18897">
        <v>99.702100000000002</v>
      </c>
    </row>
    <row r="18898" spans="1:6" x14ac:dyDescent="0.25">
      <c r="A18898">
        <v>174.93</v>
      </c>
      <c r="B18898">
        <v>214.93</v>
      </c>
      <c r="C18898">
        <v>3345.45</v>
      </c>
      <c r="D18898">
        <v>3.7</v>
      </c>
      <c r="E18898">
        <v>2999.05</v>
      </c>
      <c r="F18898">
        <v>97.355400000000003</v>
      </c>
    </row>
    <row r="18899" spans="1:6" x14ac:dyDescent="0.25">
      <c r="A18899">
        <v>174.93</v>
      </c>
      <c r="B18899">
        <v>214.93</v>
      </c>
      <c r="C18899">
        <v>3345.45</v>
      </c>
      <c r="D18899">
        <v>4</v>
      </c>
      <c r="E18899">
        <v>2931.47</v>
      </c>
      <c r="F18899">
        <v>99.116399999999999</v>
      </c>
    </row>
    <row r="18900" spans="1:6" x14ac:dyDescent="0.25">
      <c r="A18900">
        <v>174.93</v>
      </c>
      <c r="B18900">
        <v>214.93</v>
      </c>
      <c r="C18900">
        <v>4890.8999999999996</v>
      </c>
      <c r="D18900">
        <v>1</v>
      </c>
      <c r="E18900">
        <v>4406.0200000000004</v>
      </c>
      <c r="F18900">
        <v>88.838800000000006</v>
      </c>
    </row>
    <row r="18901" spans="1:6" x14ac:dyDescent="0.25">
      <c r="A18901">
        <v>174.93</v>
      </c>
      <c r="B18901">
        <v>214.93</v>
      </c>
      <c r="C18901">
        <v>4890.8999999999996</v>
      </c>
      <c r="D18901">
        <v>1.3</v>
      </c>
      <c r="E18901">
        <v>4014.98</v>
      </c>
      <c r="F18901">
        <v>96.268000000000001</v>
      </c>
    </row>
    <row r="18902" spans="1:6" x14ac:dyDescent="0.25">
      <c r="A18902">
        <v>174.93</v>
      </c>
      <c r="B18902">
        <v>214.93</v>
      </c>
      <c r="C18902">
        <v>4890.8999999999996</v>
      </c>
      <c r="D18902">
        <v>1.6</v>
      </c>
      <c r="E18902">
        <v>3674.36</v>
      </c>
      <c r="F18902">
        <v>98.756900000000002</v>
      </c>
    </row>
    <row r="18903" spans="1:6" x14ac:dyDescent="0.25">
      <c r="A18903">
        <v>174.93</v>
      </c>
      <c r="B18903">
        <v>214.93</v>
      </c>
      <c r="C18903">
        <v>4890.8999999999996</v>
      </c>
      <c r="D18903">
        <v>1.9</v>
      </c>
      <c r="E18903">
        <v>3534.24</v>
      </c>
      <c r="F18903">
        <v>96.868600000000001</v>
      </c>
    </row>
    <row r="18904" spans="1:6" x14ac:dyDescent="0.25">
      <c r="A18904">
        <v>174.93</v>
      </c>
      <c r="B18904">
        <v>214.93</v>
      </c>
      <c r="C18904">
        <v>4890.8999999999996</v>
      </c>
      <c r="D18904">
        <v>2.2000000000000002</v>
      </c>
      <c r="E18904">
        <v>3330.59</v>
      </c>
      <c r="F18904">
        <v>97.177899999999994</v>
      </c>
    </row>
    <row r="18905" spans="1:6" x14ac:dyDescent="0.25">
      <c r="A18905">
        <v>174.93</v>
      </c>
      <c r="B18905">
        <v>214.93</v>
      </c>
      <c r="C18905">
        <v>4890.8999999999996</v>
      </c>
      <c r="D18905">
        <v>2.5</v>
      </c>
      <c r="E18905">
        <v>3298.13</v>
      </c>
      <c r="F18905">
        <v>94.965900000000005</v>
      </c>
    </row>
    <row r="18906" spans="1:6" x14ac:dyDescent="0.25">
      <c r="A18906">
        <v>174.93</v>
      </c>
      <c r="B18906">
        <v>214.93</v>
      </c>
      <c r="C18906">
        <v>4890.8999999999996</v>
      </c>
      <c r="D18906">
        <v>2.8</v>
      </c>
      <c r="E18906">
        <v>3094.25</v>
      </c>
      <c r="F18906">
        <v>102.986</v>
      </c>
    </row>
    <row r="18907" spans="1:6" x14ac:dyDescent="0.25">
      <c r="A18907">
        <v>174.93</v>
      </c>
      <c r="B18907">
        <v>214.93</v>
      </c>
      <c r="C18907">
        <v>4890.8999999999996</v>
      </c>
      <c r="D18907">
        <v>3.1</v>
      </c>
      <c r="E18907">
        <v>3068.3</v>
      </c>
      <c r="F18907">
        <v>98.307100000000005</v>
      </c>
    </row>
    <row r="18908" spans="1:6" x14ac:dyDescent="0.25">
      <c r="A18908">
        <v>174.93</v>
      </c>
      <c r="B18908">
        <v>214.93</v>
      </c>
      <c r="C18908">
        <v>4890.8999999999996</v>
      </c>
      <c r="D18908">
        <v>3.4</v>
      </c>
      <c r="E18908">
        <v>2970.39</v>
      </c>
      <c r="F18908">
        <v>99.702100000000002</v>
      </c>
    </row>
    <row r="18909" spans="1:6" x14ac:dyDescent="0.25">
      <c r="A18909">
        <v>174.93</v>
      </c>
      <c r="B18909">
        <v>214.93</v>
      </c>
      <c r="C18909">
        <v>4890.8999999999996</v>
      </c>
      <c r="D18909">
        <v>3.7</v>
      </c>
      <c r="E18909">
        <v>2999.05</v>
      </c>
      <c r="F18909">
        <v>97.355400000000003</v>
      </c>
    </row>
    <row r="18910" spans="1:6" x14ac:dyDescent="0.25">
      <c r="A18910">
        <v>174.93</v>
      </c>
      <c r="B18910">
        <v>214.93</v>
      </c>
      <c r="C18910">
        <v>4890.8999999999996</v>
      </c>
      <c r="D18910">
        <v>4</v>
      </c>
      <c r="E18910">
        <v>2931.47</v>
      </c>
      <c r="F18910">
        <v>99.116399999999999</v>
      </c>
    </row>
    <row r="18911" spans="1:6" x14ac:dyDescent="0.25">
      <c r="A18911">
        <v>174.93</v>
      </c>
      <c r="B18911">
        <v>214.93</v>
      </c>
      <c r="C18911">
        <v>6436.35</v>
      </c>
      <c r="D18911">
        <v>1</v>
      </c>
      <c r="E18911">
        <v>4406.0200000000004</v>
      </c>
      <c r="F18911">
        <v>88.838800000000006</v>
      </c>
    </row>
    <row r="18912" spans="1:6" x14ac:dyDescent="0.25">
      <c r="A18912">
        <v>174.93</v>
      </c>
      <c r="B18912">
        <v>214.93</v>
      </c>
      <c r="C18912">
        <v>6436.35</v>
      </c>
      <c r="D18912">
        <v>1.3</v>
      </c>
      <c r="E18912">
        <v>4014.98</v>
      </c>
      <c r="F18912">
        <v>96.268000000000001</v>
      </c>
    </row>
    <row r="18913" spans="1:6" x14ac:dyDescent="0.25">
      <c r="A18913">
        <v>174.93</v>
      </c>
      <c r="B18913">
        <v>214.93</v>
      </c>
      <c r="C18913">
        <v>6436.35</v>
      </c>
      <c r="D18913">
        <v>1.6</v>
      </c>
      <c r="E18913">
        <v>3674.36</v>
      </c>
      <c r="F18913">
        <v>98.756900000000002</v>
      </c>
    </row>
    <row r="18914" spans="1:6" x14ac:dyDescent="0.25">
      <c r="A18914">
        <v>174.93</v>
      </c>
      <c r="B18914">
        <v>214.93</v>
      </c>
      <c r="C18914">
        <v>6436.35</v>
      </c>
      <c r="D18914">
        <v>1.9</v>
      </c>
      <c r="E18914">
        <v>3534.24</v>
      </c>
      <c r="F18914">
        <v>96.868600000000001</v>
      </c>
    </row>
    <row r="18915" spans="1:6" x14ac:dyDescent="0.25">
      <c r="A18915">
        <v>174.93</v>
      </c>
      <c r="B18915">
        <v>214.93</v>
      </c>
      <c r="C18915">
        <v>6436.35</v>
      </c>
      <c r="D18915">
        <v>2.2000000000000002</v>
      </c>
      <c r="E18915">
        <v>3330.59</v>
      </c>
      <c r="F18915">
        <v>97.177899999999994</v>
      </c>
    </row>
    <row r="18916" spans="1:6" x14ac:dyDescent="0.25">
      <c r="A18916">
        <v>174.93</v>
      </c>
      <c r="B18916">
        <v>214.93</v>
      </c>
      <c r="C18916">
        <v>6436.35</v>
      </c>
      <c r="D18916">
        <v>2.5</v>
      </c>
      <c r="E18916">
        <v>3298.13</v>
      </c>
      <c r="F18916">
        <v>94.965900000000005</v>
      </c>
    </row>
    <row r="18917" spans="1:6" x14ac:dyDescent="0.25">
      <c r="A18917">
        <v>174.93</v>
      </c>
      <c r="B18917">
        <v>214.93</v>
      </c>
      <c r="C18917">
        <v>6436.35</v>
      </c>
      <c r="D18917">
        <v>2.8</v>
      </c>
      <c r="E18917">
        <v>3094.25</v>
      </c>
      <c r="F18917">
        <v>102.986</v>
      </c>
    </row>
    <row r="18918" spans="1:6" x14ac:dyDescent="0.25">
      <c r="A18918">
        <v>174.93</v>
      </c>
      <c r="B18918">
        <v>214.93</v>
      </c>
      <c r="C18918">
        <v>6436.35</v>
      </c>
      <c r="D18918">
        <v>3.1</v>
      </c>
      <c r="E18918">
        <v>3068.3</v>
      </c>
      <c r="F18918">
        <v>98.307100000000005</v>
      </c>
    </row>
    <row r="18919" spans="1:6" x14ac:dyDescent="0.25">
      <c r="A18919">
        <v>174.93</v>
      </c>
      <c r="B18919">
        <v>214.93</v>
      </c>
      <c r="C18919">
        <v>6436.35</v>
      </c>
      <c r="D18919">
        <v>3.4</v>
      </c>
      <c r="E18919">
        <v>2970.39</v>
      </c>
      <c r="F18919">
        <v>99.702100000000002</v>
      </c>
    </row>
    <row r="18920" spans="1:6" x14ac:dyDescent="0.25">
      <c r="A18920">
        <v>174.93</v>
      </c>
      <c r="B18920">
        <v>214.93</v>
      </c>
      <c r="C18920">
        <v>6436.35</v>
      </c>
      <c r="D18920">
        <v>3.7</v>
      </c>
      <c r="E18920">
        <v>2999.05</v>
      </c>
      <c r="F18920">
        <v>97.355400000000003</v>
      </c>
    </row>
    <row r="18921" spans="1:6" x14ac:dyDescent="0.25">
      <c r="A18921">
        <v>174.93</v>
      </c>
      <c r="B18921">
        <v>214.93</v>
      </c>
      <c r="C18921">
        <v>6436.35</v>
      </c>
      <c r="D18921">
        <v>4</v>
      </c>
      <c r="E18921">
        <v>2931.47</v>
      </c>
      <c r="F18921">
        <v>99.116399999999999</v>
      </c>
    </row>
    <row r="18922" spans="1:6" x14ac:dyDescent="0.25">
      <c r="A18922">
        <v>174.93</v>
      </c>
      <c r="B18922">
        <v>214.93</v>
      </c>
      <c r="C18922">
        <v>7981.8</v>
      </c>
      <c r="D18922">
        <v>1</v>
      </c>
      <c r="E18922">
        <v>4406.0200000000004</v>
      </c>
      <c r="F18922">
        <v>88.838800000000006</v>
      </c>
    </row>
    <row r="18923" spans="1:6" x14ac:dyDescent="0.25">
      <c r="A18923">
        <v>174.93</v>
      </c>
      <c r="B18923">
        <v>214.93</v>
      </c>
      <c r="C18923">
        <v>7981.8</v>
      </c>
      <c r="D18923">
        <v>1.3</v>
      </c>
      <c r="E18923">
        <v>4014.98</v>
      </c>
      <c r="F18923">
        <v>96.268000000000001</v>
      </c>
    </row>
    <row r="18924" spans="1:6" x14ac:dyDescent="0.25">
      <c r="A18924">
        <v>174.93</v>
      </c>
      <c r="B18924">
        <v>214.93</v>
      </c>
      <c r="C18924">
        <v>7981.8</v>
      </c>
      <c r="D18924">
        <v>1.6</v>
      </c>
      <c r="E18924">
        <v>3674.36</v>
      </c>
      <c r="F18924">
        <v>98.756900000000002</v>
      </c>
    </row>
    <row r="18925" spans="1:6" x14ac:dyDescent="0.25">
      <c r="A18925">
        <v>174.93</v>
      </c>
      <c r="B18925">
        <v>214.93</v>
      </c>
      <c r="C18925">
        <v>7981.8</v>
      </c>
      <c r="D18925">
        <v>1.9</v>
      </c>
      <c r="E18925">
        <v>3534.24</v>
      </c>
      <c r="F18925">
        <v>96.868600000000001</v>
      </c>
    </row>
    <row r="18926" spans="1:6" x14ac:dyDescent="0.25">
      <c r="A18926">
        <v>174.93</v>
      </c>
      <c r="B18926">
        <v>214.93</v>
      </c>
      <c r="C18926">
        <v>7981.8</v>
      </c>
      <c r="D18926">
        <v>2.2000000000000002</v>
      </c>
      <c r="E18926">
        <v>3330.59</v>
      </c>
      <c r="F18926">
        <v>97.177899999999994</v>
      </c>
    </row>
    <row r="18927" spans="1:6" x14ac:dyDescent="0.25">
      <c r="A18927">
        <v>174.93</v>
      </c>
      <c r="B18927">
        <v>214.93</v>
      </c>
      <c r="C18927">
        <v>7981.8</v>
      </c>
      <c r="D18927">
        <v>2.5</v>
      </c>
      <c r="E18927">
        <v>3298.13</v>
      </c>
      <c r="F18927">
        <v>94.965900000000005</v>
      </c>
    </row>
    <row r="18928" spans="1:6" x14ac:dyDescent="0.25">
      <c r="A18928">
        <v>174.93</v>
      </c>
      <c r="B18928">
        <v>214.93</v>
      </c>
      <c r="C18928">
        <v>7981.8</v>
      </c>
      <c r="D18928">
        <v>2.8</v>
      </c>
      <c r="E18928">
        <v>3094.25</v>
      </c>
      <c r="F18928">
        <v>102.986</v>
      </c>
    </row>
    <row r="18929" spans="1:6" x14ac:dyDescent="0.25">
      <c r="A18929">
        <v>174.93</v>
      </c>
      <c r="B18929">
        <v>214.93</v>
      </c>
      <c r="C18929">
        <v>7981.8</v>
      </c>
      <c r="D18929">
        <v>3.1</v>
      </c>
      <c r="E18929">
        <v>3068.3</v>
      </c>
      <c r="F18929">
        <v>98.307100000000005</v>
      </c>
    </row>
    <row r="18930" spans="1:6" x14ac:dyDescent="0.25">
      <c r="A18930">
        <v>174.93</v>
      </c>
      <c r="B18930">
        <v>214.93</v>
      </c>
      <c r="C18930">
        <v>7981.8</v>
      </c>
      <c r="D18930">
        <v>3.4</v>
      </c>
      <c r="E18930">
        <v>2970.39</v>
      </c>
      <c r="F18930">
        <v>99.702100000000002</v>
      </c>
    </row>
    <row r="18931" spans="1:6" x14ac:dyDescent="0.25">
      <c r="A18931">
        <v>174.93</v>
      </c>
      <c r="B18931">
        <v>214.93</v>
      </c>
      <c r="C18931">
        <v>7981.8</v>
      </c>
      <c r="D18931">
        <v>3.7</v>
      </c>
      <c r="E18931">
        <v>2999.05</v>
      </c>
      <c r="F18931">
        <v>97.355400000000003</v>
      </c>
    </row>
    <row r="18932" spans="1:6" x14ac:dyDescent="0.25">
      <c r="A18932">
        <v>174.93</v>
      </c>
      <c r="B18932">
        <v>214.93</v>
      </c>
      <c r="C18932">
        <v>7981.8</v>
      </c>
      <c r="D18932">
        <v>4</v>
      </c>
      <c r="E18932">
        <v>2931.47</v>
      </c>
      <c r="F18932">
        <v>99.116399999999999</v>
      </c>
    </row>
    <row r="18933" spans="1:6" x14ac:dyDescent="0.25">
      <c r="A18933">
        <v>174.93</v>
      </c>
      <c r="B18933">
        <v>214.93</v>
      </c>
      <c r="C18933">
        <v>9527.25</v>
      </c>
      <c r="D18933">
        <v>1</v>
      </c>
      <c r="E18933">
        <v>4406.0200000000004</v>
      </c>
      <c r="F18933">
        <v>88.838800000000006</v>
      </c>
    </row>
    <row r="18934" spans="1:6" x14ac:dyDescent="0.25">
      <c r="A18934">
        <v>174.93</v>
      </c>
      <c r="B18934">
        <v>214.93</v>
      </c>
      <c r="C18934">
        <v>9527.25</v>
      </c>
      <c r="D18934">
        <v>1.3</v>
      </c>
      <c r="E18934">
        <v>4014.98</v>
      </c>
      <c r="F18934">
        <v>96.268000000000001</v>
      </c>
    </row>
    <row r="18935" spans="1:6" x14ac:dyDescent="0.25">
      <c r="A18935">
        <v>174.93</v>
      </c>
      <c r="B18935">
        <v>214.93</v>
      </c>
      <c r="C18935">
        <v>9527.25</v>
      </c>
      <c r="D18935">
        <v>1.6</v>
      </c>
      <c r="E18935">
        <v>3674.36</v>
      </c>
      <c r="F18935">
        <v>98.756900000000002</v>
      </c>
    </row>
    <row r="18936" spans="1:6" x14ac:dyDescent="0.25">
      <c r="A18936">
        <v>174.93</v>
      </c>
      <c r="B18936">
        <v>214.93</v>
      </c>
      <c r="C18936">
        <v>9527.25</v>
      </c>
      <c r="D18936">
        <v>1.9</v>
      </c>
      <c r="E18936">
        <v>3534.24</v>
      </c>
      <c r="F18936">
        <v>96.868600000000001</v>
      </c>
    </row>
    <row r="18937" spans="1:6" x14ac:dyDescent="0.25">
      <c r="A18937">
        <v>174.93</v>
      </c>
      <c r="B18937">
        <v>214.93</v>
      </c>
      <c r="C18937">
        <v>9527.25</v>
      </c>
      <c r="D18937">
        <v>2.2000000000000002</v>
      </c>
      <c r="E18937">
        <v>3330.59</v>
      </c>
      <c r="F18937">
        <v>97.177899999999994</v>
      </c>
    </row>
    <row r="18938" spans="1:6" x14ac:dyDescent="0.25">
      <c r="A18938">
        <v>174.93</v>
      </c>
      <c r="B18938">
        <v>214.93</v>
      </c>
      <c r="C18938">
        <v>9527.25</v>
      </c>
      <c r="D18938">
        <v>2.5</v>
      </c>
      <c r="E18938">
        <v>3298.13</v>
      </c>
      <c r="F18938">
        <v>94.965900000000005</v>
      </c>
    </row>
    <row r="18939" spans="1:6" x14ac:dyDescent="0.25">
      <c r="A18939">
        <v>174.93</v>
      </c>
      <c r="B18939">
        <v>214.93</v>
      </c>
      <c r="C18939">
        <v>9527.25</v>
      </c>
      <c r="D18939">
        <v>2.8</v>
      </c>
      <c r="E18939">
        <v>3094.25</v>
      </c>
      <c r="F18939">
        <v>102.986</v>
      </c>
    </row>
    <row r="18940" spans="1:6" x14ac:dyDescent="0.25">
      <c r="A18940">
        <v>174.93</v>
      </c>
      <c r="B18940">
        <v>214.93</v>
      </c>
      <c r="C18940">
        <v>9527.25</v>
      </c>
      <c r="D18940">
        <v>3.1</v>
      </c>
      <c r="E18940">
        <v>3068.3</v>
      </c>
      <c r="F18940">
        <v>98.307100000000005</v>
      </c>
    </row>
    <row r="18941" spans="1:6" x14ac:dyDescent="0.25">
      <c r="A18941">
        <v>174.93</v>
      </c>
      <c r="B18941">
        <v>214.93</v>
      </c>
      <c r="C18941">
        <v>9527.25</v>
      </c>
      <c r="D18941">
        <v>3.4</v>
      </c>
      <c r="E18941">
        <v>2970.39</v>
      </c>
      <c r="F18941">
        <v>99.702100000000002</v>
      </c>
    </row>
    <row r="18942" spans="1:6" x14ac:dyDescent="0.25">
      <c r="A18942">
        <v>174.93</v>
      </c>
      <c r="B18942">
        <v>214.93</v>
      </c>
      <c r="C18942">
        <v>9527.25</v>
      </c>
      <c r="D18942">
        <v>3.7</v>
      </c>
      <c r="E18942">
        <v>2999.05</v>
      </c>
      <c r="F18942">
        <v>97.355400000000003</v>
      </c>
    </row>
    <row r="18943" spans="1:6" x14ac:dyDescent="0.25">
      <c r="A18943">
        <v>174.93</v>
      </c>
      <c r="B18943">
        <v>214.93</v>
      </c>
      <c r="C18943">
        <v>9527.25</v>
      </c>
      <c r="D18943">
        <v>4</v>
      </c>
      <c r="E18943">
        <v>2931.47</v>
      </c>
      <c r="F18943">
        <v>99.116399999999999</v>
      </c>
    </row>
    <row r="18944" spans="1:6" x14ac:dyDescent="0.25">
      <c r="A18944">
        <v>174.93</v>
      </c>
      <c r="B18944">
        <v>214.93</v>
      </c>
      <c r="C18944">
        <v>11072.7</v>
      </c>
      <c r="D18944">
        <v>1</v>
      </c>
      <c r="E18944">
        <v>4406.0200000000004</v>
      </c>
      <c r="F18944">
        <v>88.838800000000006</v>
      </c>
    </row>
    <row r="18945" spans="1:6" x14ac:dyDescent="0.25">
      <c r="A18945">
        <v>174.93</v>
      </c>
      <c r="B18945">
        <v>214.93</v>
      </c>
      <c r="C18945">
        <v>11072.7</v>
      </c>
      <c r="D18945">
        <v>1.3</v>
      </c>
      <c r="E18945">
        <v>4014.98</v>
      </c>
      <c r="F18945">
        <v>96.268000000000001</v>
      </c>
    </row>
    <row r="18946" spans="1:6" x14ac:dyDescent="0.25">
      <c r="A18946">
        <v>174.93</v>
      </c>
      <c r="B18946">
        <v>214.93</v>
      </c>
      <c r="C18946">
        <v>11072.7</v>
      </c>
      <c r="D18946">
        <v>1.6</v>
      </c>
      <c r="E18946">
        <v>3674.36</v>
      </c>
      <c r="F18946">
        <v>98.756900000000002</v>
      </c>
    </row>
    <row r="18947" spans="1:6" x14ac:dyDescent="0.25">
      <c r="A18947">
        <v>174.93</v>
      </c>
      <c r="B18947">
        <v>214.93</v>
      </c>
      <c r="C18947">
        <v>11072.7</v>
      </c>
      <c r="D18947">
        <v>1.9</v>
      </c>
      <c r="E18947">
        <v>3534.24</v>
      </c>
      <c r="F18947">
        <v>96.868600000000001</v>
      </c>
    </row>
    <row r="18948" spans="1:6" x14ac:dyDescent="0.25">
      <c r="A18948">
        <v>174.93</v>
      </c>
      <c r="B18948">
        <v>214.93</v>
      </c>
      <c r="C18948">
        <v>11072.7</v>
      </c>
      <c r="D18948">
        <v>2.2000000000000002</v>
      </c>
      <c r="E18948">
        <v>3330.59</v>
      </c>
      <c r="F18948">
        <v>97.177899999999994</v>
      </c>
    </row>
    <row r="18949" spans="1:6" x14ac:dyDescent="0.25">
      <c r="A18949">
        <v>174.93</v>
      </c>
      <c r="B18949">
        <v>214.93</v>
      </c>
      <c r="C18949">
        <v>11072.7</v>
      </c>
      <c r="D18949">
        <v>2.5</v>
      </c>
      <c r="E18949">
        <v>3298.13</v>
      </c>
      <c r="F18949">
        <v>94.965900000000005</v>
      </c>
    </row>
    <row r="18950" spans="1:6" x14ac:dyDescent="0.25">
      <c r="A18950">
        <v>174.93</v>
      </c>
      <c r="B18950">
        <v>214.93</v>
      </c>
      <c r="C18950">
        <v>11072.7</v>
      </c>
      <c r="D18950">
        <v>2.8</v>
      </c>
      <c r="E18950">
        <v>3094.25</v>
      </c>
      <c r="F18950">
        <v>102.986</v>
      </c>
    </row>
    <row r="18951" spans="1:6" x14ac:dyDescent="0.25">
      <c r="A18951">
        <v>174.93</v>
      </c>
      <c r="B18951">
        <v>214.93</v>
      </c>
      <c r="C18951">
        <v>11072.7</v>
      </c>
      <c r="D18951">
        <v>3.1</v>
      </c>
      <c r="E18951">
        <v>3068.3</v>
      </c>
      <c r="F18951">
        <v>98.307100000000005</v>
      </c>
    </row>
    <row r="18952" spans="1:6" x14ac:dyDescent="0.25">
      <c r="A18952">
        <v>174.93</v>
      </c>
      <c r="B18952">
        <v>214.93</v>
      </c>
      <c r="C18952">
        <v>11072.7</v>
      </c>
      <c r="D18952">
        <v>3.4</v>
      </c>
      <c r="E18952">
        <v>2970.39</v>
      </c>
      <c r="F18952">
        <v>99.702100000000002</v>
      </c>
    </row>
    <row r="18953" spans="1:6" x14ac:dyDescent="0.25">
      <c r="A18953">
        <v>174.93</v>
      </c>
      <c r="B18953">
        <v>214.93</v>
      </c>
      <c r="C18953">
        <v>11072.7</v>
      </c>
      <c r="D18953">
        <v>3.7</v>
      </c>
      <c r="E18953">
        <v>2999.05</v>
      </c>
      <c r="F18953">
        <v>97.355400000000003</v>
      </c>
    </row>
    <row r="18954" spans="1:6" x14ac:dyDescent="0.25">
      <c r="A18954">
        <v>174.93</v>
      </c>
      <c r="B18954">
        <v>214.93</v>
      </c>
      <c r="C18954">
        <v>11072.7</v>
      </c>
      <c r="D18954">
        <v>4</v>
      </c>
      <c r="E18954">
        <v>2931.47</v>
      </c>
      <c r="F18954">
        <v>99.116399999999999</v>
      </c>
    </row>
    <row r="18955" spans="1:6" x14ac:dyDescent="0.25">
      <c r="A18955">
        <v>174.93</v>
      </c>
      <c r="B18955">
        <v>214.93</v>
      </c>
      <c r="C18955">
        <v>12618.2</v>
      </c>
      <c r="D18955">
        <v>1</v>
      </c>
      <c r="E18955">
        <v>4406.0200000000004</v>
      </c>
      <c r="F18955">
        <v>88.838800000000006</v>
      </c>
    </row>
    <row r="18956" spans="1:6" x14ac:dyDescent="0.25">
      <c r="A18956">
        <v>174.93</v>
      </c>
      <c r="B18956">
        <v>214.93</v>
      </c>
      <c r="C18956">
        <v>12618.2</v>
      </c>
      <c r="D18956">
        <v>1.3</v>
      </c>
      <c r="E18956">
        <v>4014.98</v>
      </c>
      <c r="F18956">
        <v>96.268000000000001</v>
      </c>
    </row>
    <row r="18957" spans="1:6" x14ac:dyDescent="0.25">
      <c r="A18957">
        <v>174.93</v>
      </c>
      <c r="B18957">
        <v>214.93</v>
      </c>
      <c r="C18957">
        <v>12618.2</v>
      </c>
      <c r="D18957">
        <v>1.6</v>
      </c>
      <c r="E18957">
        <v>3674.36</v>
      </c>
      <c r="F18957">
        <v>98.756900000000002</v>
      </c>
    </row>
    <row r="18958" spans="1:6" x14ac:dyDescent="0.25">
      <c r="A18958">
        <v>174.93</v>
      </c>
      <c r="B18958">
        <v>214.93</v>
      </c>
      <c r="C18958">
        <v>12618.2</v>
      </c>
      <c r="D18958">
        <v>1.9</v>
      </c>
      <c r="E18958">
        <v>3534.24</v>
      </c>
      <c r="F18958">
        <v>96.868600000000001</v>
      </c>
    </row>
    <row r="18959" spans="1:6" x14ac:dyDescent="0.25">
      <c r="A18959">
        <v>174.93</v>
      </c>
      <c r="B18959">
        <v>214.93</v>
      </c>
      <c r="C18959">
        <v>12618.2</v>
      </c>
      <c r="D18959">
        <v>2.2000000000000002</v>
      </c>
      <c r="E18959">
        <v>3330.59</v>
      </c>
      <c r="F18959">
        <v>97.177899999999994</v>
      </c>
    </row>
    <row r="18960" spans="1:6" x14ac:dyDescent="0.25">
      <c r="A18960">
        <v>174.93</v>
      </c>
      <c r="B18960">
        <v>214.93</v>
      </c>
      <c r="C18960">
        <v>12618.2</v>
      </c>
      <c r="D18960">
        <v>2.5</v>
      </c>
      <c r="E18960">
        <v>3298.13</v>
      </c>
      <c r="F18960">
        <v>94.965900000000005</v>
      </c>
    </row>
    <row r="18961" spans="1:6" x14ac:dyDescent="0.25">
      <c r="A18961">
        <v>174.93</v>
      </c>
      <c r="B18961">
        <v>214.93</v>
      </c>
      <c r="C18961">
        <v>12618.2</v>
      </c>
      <c r="D18961">
        <v>2.8</v>
      </c>
      <c r="E18961">
        <v>3094.25</v>
      </c>
      <c r="F18961">
        <v>102.986</v>
      </c>
    </row>
    <row r="18962" spans="1:6" x14ac:dyDescent="0.25">
      <c r="A18962">
        <v>174.93</v>
      </c>
      <c r="B18962">
        <v>214.93</v>
      </c>
      <c r="C18962">
        <v>12618.2</v>
      </c>
      <c r="D18962">
        <v>3.1</v>
      </c>
      <c r="E18962">
        <v>3068.3</v>
      </c>
      <c r="F18962">
        <v>98.307100000000005</v>
      </c>
    </row>
    <row r="18963" spans="1:6" x14ac:dyDescent="0.25">
      <c r="A18963">
        <v>174.93</v>
      </c>
      <c r="B18963">
        <v>214.93</v>
      </c>
      <c r="C18963">
        <v>12618.2</v>
      </c>
      <c r="D18963">
        <v>3.4</v>
      </c>
      <c r="E18963">
        <v>2970.39</v>
      </c>
      <c r="F18963">
        <v>99.702100000000002</v>
      </c>
    </row>
    <row r="18964" spans="1:6" x14ac:dyDescent="0.25">
      <c r="A18964">
        <v>174.93</v>
      </c>
      <c r="B18964">
        <v>214.93</v>
      </c>
      <c r="C18964">
        <v>12618.2</v>
      </c>
      <c r="D18964">
        <v>3.7</v>
      </c>
      <c r="E18964">
        <v>2999.05</v>
      </c>
      <c r="F18964">
        <v>97.355400000000003</v>
      </c>
    </row>
    <row r="18965" spans="1:6" x14ac:dyDescent="0.25">
      <c r="A18965">
        <v>174.93</v>
      </c>
      <c r="B18965">
        <v>214.93</v>
      </c>
      <c r="C18965">
        <v>12618.2</v>
      </c>
      <c r="D18965">
        <v>4</v>
      </c>
      <c r="E18965">
        <v>2931.47</v>
      </c>
      <c r="F18965">
        <v>99.116399999999999</v>
      </c>
    </row>
    <row r="18966" spans="1:6" x14ac:dyDescent="0.25">
      <c r="A18966">
        <v>174.93</v>
      </c>
      <c r="B18966">
        <v>214.93</v>
      </c>
      <c r="C18966">
        <v>14163.6</v>
      </c>
      <c r="D18966">
        <v>1</v>
      </c>
      <c r="E18966">
        <v>4406.0200000000004</v>
      </c>
      <c r="F18966">
        <v>88.838800000000006</v>
      </c>
    </row>
    <row r="18967" spans="1:6" x14ac:dyDescent="0.25">
      <c r="A18967">
        <v>174.93</v>
      </c>
      <c r="B18967">
        <v>214.93</v>
      </c>
      <c r="C18967">
        <v>14163.6</v>
      </c>
      <c r="D18967">
        <v>1.3</v>
      </c>
      <c r="E18967">
        <v>4014.98</v>
      </c>
      <c r="F18967">
        <v>96.268000000000001</v>
      </c>
    </row>
    <row r="18968" spans="1:6" x14ac:dyDescent="0.25">
      <c r="A18968">
        <v>174.93</v>
      </c>
      <c r="B18968">
        <v>214.93</v>
      </c>
      <c r="C18968">
        <v>14163.6</v>
      </c>
      <c r="D18968">
        <v>1.6</v>
      </c>
      <c r="E18968">
        <v>3674.36</v>
      </c>
      <c r="F18968">
        <v>98.756900000000002</v>
      </c>
    </row>
    <row r="18969" spans="1:6" x14ac:dyDescent="0.25">
      <c r="A18969">
        <v>174.93</v>
      </c>
      <c r="B18969">
        <v>214.93</v>
      </c>
      <c r="C18969">
        <v>14163.6</v>
      </c>
      <c r="D18969">
        <v>1.9</v>
      </c>
      <c r="E18969">
        <v>3534.24</v>
      </c>
      <c r="F18969">
        <v>96.868600000000001</v>
      </c>
    </row>
    <row r="18970" spans="1:6" x14ac:dyDescent="0.25">
      <c r="A18970">
        <v>174.93</v>
      </c>
      <c r="B18970">
        <v>214.93</v>
      </c>
      <c r="C18970">
        <v>14163.6</v>
      </c>
      <c r="D18970">
        <v>2.2000000000000002</v>
      </c>
      <c r="E18970">
        <v>3330.59</v>
      </c>
      <c r="F18970">
        <v>97.177899999999994</v>
      </c>
    </row>
    <row r="18971" spans="1:6" x14ac:dyDescent="0.25">
      <c r="A18971">
        <v>174.93</v>
      </c>
      <c r="B18971">
        <v>214.93</v>
      </c>
      <c r="C18971">
        <v>14163.6</v>
      </c>
      <c r="D18971">
        <v>2.5</v>
      </c>
      <c r="E18971">
        <v>3298.13</v>
      </c>
      <c r="F18971">
        <v>94.965900000000005</v>
      </c>
    </row>
    <row r="18972" spans="1:6" x14ac:dyDescent="0.25">
      <c r="A18972">
        <v>174.93</v>
      </c>
      <c r="B18972">
        <v>214.93</v>
      </c>
      <c r="C18972">
        <v>14163.6</v>
      </c>
      <c r="D18972">
        <v>2.8</v>
      </c>
      <c r="E18972">
        <v>3094.25</v>
      </c>
      <c r="F18972">
        <v>102.986</v>
      </c>
    </row>
    <row r="18973" spans="1:6" x14ac:dyDescent="0.25">
      <c r="A18973">
        <v>174.93</v>
      </c>
      <c r="B18973">
        <v>214.93</v>
      </c>
      <c r="C18973">
        <v>14163.6</v>
      </c>
      <c r="D18973">
        <v>3.1</v>
      </c>
      <c r="E18973">
        <v>3068.3</v>
      </c>
      <c r="F18973">
        <v>98.307100000000005</v>
      </c>
    </row>
    <row r="18974" spans="1:6" x14ac:dyDescent="0.25">
      <c r="A18974">
        <v>174.93</v>
      </c>
      <c r="B18974">
        <v>214.93</v>
      </c>
      <c r="C18974">
        <v>14163.6</v>
      </c>
      <c r="D18974">
        <v>3.4</v>
      </c>
      <c r="E18974">
        <v>2970.39</v>
      </c>
      <c r="F18974">
        <v>99.702100000000002</v>
      </c>
    </row>
    <row r="18975" spans="1:6" x14ac:dyDescent="0.25">
      <c r="A18975">
        <v>174.93</v>
      </c>
      <c r="B18975">
        <v>214.93</v>
      </c>
      <c r="C18975">
        <v>14163.6</v>
      </c>
      <c r="D18975">
        <v>3.7</v>
      </c>
      <c r="E18975">
        <v>2999.05</v>
      </c>
      <c r="F18975">
        <v>97.355400000000003</v>
      </c>
    </row>
    <row r="18976" spans="1:6" x14ac:dyDescent="0.25">
      <c r="A18976">
        <v>174.93</v>
      </c>
      <c r="B18976">
        <v>214.93</v>
      </c>
      <c r="C18976">
        <v>14163.6</v>
      </c>
      <c r="D18976">
        <v>4</v>
      </c>
      <c r="E18976">
        <v>2931.47</v>
      </c>
      <c r="F18976">
        <v>99.116399999999999</v>
      </c>
    </row>
    <row r="18977" spans="1:6" x14ac:dyDescent="0.25">
      <c r="A18977">
        <v>174.93</v>
      </c>
      <c r="B18977">
        <v>214.93</v>
      </c>
      <c r="C18977">
        <v>15709.1</v>
      </c>
      <c r="D18977">
        <v>1</v>
      </c>
      <c r="E18977">
        <v>4406.0200000000004</v>
      </c>
      <c r="F18977">
        <v>88.838800000000006</v>
      </c>
    </row>
    <row r="18978" spans="1:6" x14ac:dyDescent="0.25">
      <c r="A18978">
        <v>174.93</v>
      </c>
      <c r="B18978">
        <v>214.93</v>
      </c>
      <c r="C18978">
        <v>15709.1</v>
      </c>
      <c r="D18978">
        <v>1.3</v>
      </c>
      <c r="E18978">
        <v>4014.98</v>
      </c>
      <c r="F18978">
        <v>96.268000000000001</v>
      </c>
    </row>
    <row r="18979" spans="1:6" x14ac:dyDescent="0.25">
      <c r="A18979">
        <v>174.93</v>
      </c>
      <c r="B18979">
        <v>214.93</v>
      </c>
      <c r="C18979">
        <v>15709.1</v>
      </c>
      <c r="D18979">
        <v>1.6</v>
      </c>
      <c r="E18979">
        <v>3674.36</v>
      </c>
      <c r="F18979">
        <v>98.756900000000002</v>
      </c>
    </row>
    <row r="18980" spans="1:6" x14ac:dyDescent="0.25">
      <c r="A18980">
        <v>174.93</v>
      </c>
      <c r="B18980">
        <v>214.93</v>
      </c>
      <c r="C18980">
        <v>15709.1</v>
      </c>
      <c r="D18980">
        <v>1.9</v>
      </c>
      <c r="E18980">
        <v>3534.24</v>
      </c>
      <c r="F18980">
        <v>96.868600000000001</v>
      </c>
    </row>
    <row r="18981" spans="1:6" x14ac:dyDescent="0.25">
      <c r="A18981">
        <v>174.93</v>
      </c>
      <c r="B18981">
        <v>214.93</v>
      </c>
      <c r="C18981">
        <v>15709.1</v>
      </c>
      <c r="D18981">
        <v>2.2000000000000002</v>
      </c>
      <c r="E18981">
        <v>3330.59</v>
      </c>
      <c r="F18981">
        <v>97.177899999999994</v>
      </c>
    </row>
    <row r="18982" spans="1:6" x14ac:dyDescent="0.25">
      <c r="A18982">
        <v>174.93</v>
      </c>
      <c r="B18982">
        <v>214.93</v>
      </c>
      <c r="C18982">
        <v>15709.1</v>
      </c>
      <c r="D18982">
        <v>2.5</v>
      </c>
      <c r="E18982">
        <v>3298.13</v>
      </c>
      <c r="F18982">
        <v>94.965900000000005</v>
      </c>
    </row>
    <row r="18983" spans="1:6" x14ac:dyDescent="0.25">
      <c r="A18983">
        <v>174.93</v>
      </c>
      <c r="B18983">
        <v>214.93</v>
      </c>
      <c r="C18983">
        <v>15709.1</v>
      </c>
      <c r="D18983">
        <v>2.8</v>
      </c>
      <c r="E18983">
        <v>3094.25</v>
      </c>
      <c r="F18983">
        <v>102.986</v>
      </c>
    </row>
    <row r="18984" spans="1:6" x14ac:dyDescent="0.25">
      <c r="A18984">
        <v>174.93</v>
      </c>
      <c r="B18984">
        <v>214.93</v>
      </c>
      <c r="C18984">
        <v>15709.1</v>
      </c>
      <c r="D18984">
        <v>3.1</v>
      </c>
      <c r="E18984">
        <v>3068.3</v>
      </c>
      <c r="F18984">
        <v>98.307100000000005</v>
      </c>
    </row>
    <row r="18985" spans="1:6" x14ac:dyDescent="0.25">
      <c r="A18985">
        <v>174.93</v>
      </c>
      <c r="B18985">
        <v>214.93</v>
      </c>
      <c r="C18985">
        <v>15709.1</v>
      </c>
      <c r="D18985">
        <v>3.4</v>
      </c>
      <c r="E18985">
        <v>2970.39</v>
      </c>
      <c r="F18985">
        <v>99.702100000000002</v>
      </c>
    </row>
    <row r="18986" spans="1:6" x14ac:dyDescent="0.25">
      <c r="A18986">
        <v>174.93</v>
      </c>
      <c r="B18986">
        <v>214.93</v>
      </c>
      <c r="C18986">
        <v>15709.1</v>
      </c>
      <c r="D18986">
        <v>3.7</v>
      </c>
      <c r="E18986">
        <v>2999.05</v>
      </c>
      <c r="F18986">
        <v>97.355400000000003</v>
      </c>
    </row>
    <row r="18987" spans="1:6" x14ac:dyDescent="0.25">
      <c r="A18987">
        <v>174.93</v>
      </c>
      <c r="B18987">
        <v>214.93</v>
      </c>
      <c r="C18987">
        <v>15709.1</v>
      </c>
      <c r="D18987">
        <v>4</v>
      </c>
      <c r="E18987">
        <v>2931.47</v>
      </c>
      <c r="F18987">
        <v>99.116399999999999</v>
      </c>
    </row>
    <row r="18988" spans="1:6" x14ac:dyDescent="0.25">
      <c r="A18988">
        <v>174.93</v>
      </c>
      <c r="B18988">
        <v>214.93</v>
      </c>
      <c r="C18988">
        <v>17254.5</v>
      </c>
      <c r="D18988">
        <v>1</v>
      </c>
      <c r="E18988">
        <v>4406.0200000000004</v>
      </c>
      <c r="F18988">
        <v>88.838800000000006</v>
      </c>
    </row>
    <row r="18989" spans="1:6" x14ac:dyDescent="0.25">
      <c r="A18989">
        <v>174.93</v>
      </c>
      <c r="B18989">
        <v>214.93</v>
      </c>
      <c r="C18989">
        <v>17254.5</v>
      </c>
      <c r="D18989">
        <v>1.3</v>
      </c>
      <c r="E18989">
        <v>4014.98</v>
      </c>
      <c r="F18989">
        <v>96.268000000000001</v>
      </c>
    </row>
    <row r="18990" spans="1:6" x14ac:dyDescent="0.25">
      <c r="A18990">
        <v>174.93</v>
      </c>
      <c r="B18990">
        <v>214.93</v>
      </c>
      <c r="C18990">
        <v>17254.5</v>
      </c>
      <c r="D18990">
        <v>1.6</v>
      </c>
      <c r="E18990">
        <v>3674.36</v>
      </c>
      <c r="F18990">
        <v>98.756900000000002</v>
      </c>
    </row>
    <row r="18991" spans="1:6" x14ac:dyDescent="0.25">
      <c r="A18991">
        <v>174.93</v>
      </c>
      <c r="B18991">
        <v>214.93</v>
      </c>
      <c r="C18991">
        <v>17254.5</v>
      </c>
      <c r="D18991">
        <v>1.9</v>
      </c>
      <c r="E18991">
        <v>3534.24</v>
      </c>
      <c r="F18991">
        <v>96.868600000000001</v>
      </c>
    </row>
    <row r="18992" spans="1:6" x14ac:dyDescent="0.25">
      <c r="A18992">
        <v>174.93</v>
      </c>
      <c r="B18992">
        <v>214.93</v>
      </c>
      <c r="C18992">
        <v>17254.5</v>
      </c>
      <c r="D18992">
        <v>2.2000000000000002</v>
      </c>
      <c r="E18992">
        <v>3330.59</v>
      </c>
      <c r="F18992">
        <v>97.177899999999994</v>
      </c>
    </row>
    <row r="18993" spans="1:6" x14ac:dyDescent="0.25">
      <c r="A18993">
        <v>174.93</v>
      </c>
      <c r="B18993">
        <v>214.93</v>
      </c>
      <c r="C18993">
        <v>17254.5</v>
      </c>
      <c r="D18993">
        <v>2.5</v>
      </c>
      <c r="E18993">
        <v>3298.13</v>
      </c>
      <c r="F18993">
        <v>94.965900000000005</v>
      </c>
    </row>
    <row r="18994" spans="1:6" x14ac:dyDescent="0.25">
      <c r="A18994">
        <v>174.93</v>
      </c>
      <c r="B18994">
        <v>214.93</v>
      </c>
      <c r="C18994">
        <v>17254.5</v>
      </c>
      <c r="D18994">
        <v>2.8</v>
      </c>
      <c r="E18994">
        <v>3094.25</v>
      </c>
      <c r="F18994">
        <v>102.986</v>
      </c>
    </row>
    <row r="18995" spans="1:6" x14ac:dyDescent="0.25">
      <c r="A18995">
        <v>174.93</v>
      </c>
      <c r="B18995">
        <v>214.93</v>
      </c>
      <c r="C18995">
        <v>17254.5</v>
      </c>
      <c r="D18995">
        <v>3.1</v>
      </c>
      <c r="E18995">
        <v>3068.3</v>
      </c>
      <c r="F18995">
        <v>98.307100000000005</v>
      </c>
    </row>
    <row r="18996" spans="1:6" x14ac:dyDescent="0.25">
      <c r="A18996">
        <v>174.93</v>
      </c>
      <c r="B18996">
        <v>214.93</v>
      </c>
      <c r="C18996">
        <v>17254.5</v>
      </c>
      <c r="D18996">
        <v>3.4</v>
      </c>
      <c r="E18996">
        <v>2970.39</v>
      </c>
      <c r="F18996">
        <v>99.702100000000002</v>
      </c>
    </row>
    <row r="18997" spans="1:6" x14ac:dyDescent="0.25">
      <c r="A18997">
        <v>174.93</v>
      </c>
      <c r="B18997">
        <v>214.93</v>
      </c>
      <c r="C18997">
        <v>17254.5</v>
      </c>
      <c r="D18997">
        <v>3.7</v>
      </c>
      <c r="E18997">
        <v>2999.05</v>
      </c>
      <c r="F18997">
        <v>97.355400000000003</v>
      </c>
    </row>
    <row r="18998" spans="1:6" x14ac:dyDescent="0.25">
      <c r="A18998">
        <v>174.93</v>
      </c>
      <c r="B18998">
        <v>214.93</v>
      </c>
      <c r="C18998">
        <v>17254.5</v>
      </c>
      <c r="D18998">
        <v>4</v>
      </c>
      <c r="E18998">
        <v>2931.47</v>
      </c>
      <c r="F18998">
        <v>99.116399999999999</v>
      </c>
    </row>
    <row r="18999" spans="1:6" x14ac:dyDescent="0.25">
      <c r="A18999">
        <v>174.93</v>
      </c>
      <c r="B18999">
        <v>214.93</v>
      </c>
      <c r="C18999">
        <v>18800</v>
      </c>
      <c r="D18999">
        <v>1</v>
      </c>
      <c r="E18999">
        <v>4406.0200000000004</v>
      </c>
      <c r="F18999">
        <v>88.838800000000006</v>
      </c>
    </row>
    <row r="19000" spans="1:6" x14ac:dyDescent="0.25">
      <c r="A19000">
        <v>174.93</v>
      </c>
      <c r="B19000">
        <v>214.93</v>
      </c>
      <c r="C19000">
        <v>18800</v>
      </c>
      <c r="D19000">
        <v>1.3</v>
      </c>
      <c r="E19000">
        <v>4014.98</v>
      </c>
      <c r="F19000">
        <v>96.268000000000001</v>
      </c>
    </row>
    <row r="19001" spans="1:6" x14ac:dyDescent="0.25">
      <c r="A19001">
        <v>174.93</v>
      </c>
      <c r="B19001">
        <v>214.93</v>
      </c>
      <c r="C19001">
        <v>18800</v>
      </c>
      <c r="D19001">
        <v>1.6</v>
      </c>
      <c r="E19001">
        <v>3674.36</v>
      </c>
      <c r="F19001">
        <v>98.756900000000002</v>
      </c>
    </row>
    <row r="19002" spans="1:6" x14ac:dyDescent="0.25">
      <c r="A19002">
        <v>174.93</v>
      </c>
      <c r="B19002">
        <v>214.93</v>
      </c>
      <c r="C19002">
        <v>18800</v>
      </c>
      <c r="D19002">
        <v>1.9</v>
      </c>
      <c r="E19002">
        <v>3534.24</v>
      </c>
      <c r="F19002">
        <v>96.868600000000001</v>
      </c>
    </row>
    <row r="19003" spans="1:6" x14ac:dyDescent="0.25">
      <c r="A19003">
        <v>174.93</v>
      </c>
      <c r="B19003">
        <v>214.93</v>
      </c>
      <c r="C19003">
        <v>18800</v>
      </c>
      <c r="D19003">
        <v>2.2000000000000002</v>
      </c>
      <c r="E19003">
        <v>3330.59</v>
      </c>
      <c r="F19003">
        <v>97.177899999999994</v>
      </c>
    </row>
    <row r="19004" spans="1:6" x14ac:dyDescent="0.25">
      <c r="A19004">
        <v>174.93</v>
      </c>
      <c r="B19004">
        <v>214.93</v>
      </c>
      <c r="C19004">
        <v>18800</v>
      </c>
      <c r="D19004">
        <v>2.5</v>
      </c>
      <c r="E19004">
        <v>3298.13</v>
      </c>
      <c r="F19004">
        <v>94.965900000000005</v>
      </c>
    </row>
    <row r="19005" spans="1:6" x14ac:dyDescent="0.25">
      <c r="A19005">
        <v>174.93</v>
      </c>
      <c r="B19005">
        <v>214.93</v>
      </c>
      <c r="C19005">
        <v>18800</v>
      </c>
      <c r="D19005">
        <v>2.8</v>
      </c>
      <c r="E19005">
        <v>3094.25</v>
      </c>
      <c r="F19005">
        <v>102.986</v>
      </c>
    </row>
    <row r="19006" spans="1:6" x14ac:dyDescent="0.25">
      <c r="A19006">
        <v>174.93</v>
      </c>
      <c r="B19006">
        <v>214.93</v>
      </c>
      <c r="C19006">
        <v>18800</v>
      </c>
      <c r="D19006">
        <v>3.1</v>
      </c>
      <c r="E19006">
        <v>3068.3</v>
      </c>
      <c r="F19006">
        <v>98.307100000000005</v>
      </c>
    </row>
    <row r="19007" spans="1:6" x14ac:dyDescent="0.25">
      <c r="A19007">
        <v>174.93</v>
      </c>
      <c r="B19007">
        <v>214.93</v>
      </c>
      <c r="C19007">
        <v>18800</v>
      </c>
      <c r="D19007">
        <v>3.4</v>
      </c>
      <c r="E19007">
        <v>2970.39</v>
      </c>
      <c r="F19007">
        <v>99.702100000000002</v>
      </c>
    </row>
    <row r="19008" spans="1:6" x14ac:dyDescent="0.25">
      <c r="A19008">
        <v>174.93</v>
      </c>
      <c r="B19008">
        <v>214.93</v>
      </c>
      <c r="C19008">
        <v>18800</v>
      </c>
      <c r="D19008">
        <v>3.7</v>
      </c>
      <c r="E19008">
        <v>2999.05</v>
      </c>
      <c r="F19008">
        <v>97.355400000000003</v>
      </c>
    </row>
    <row r="19009" spans="1:6" x14ac:dyDescent="0.25">
      <c r="A19009">
        <v>174.93</v>
      </c>
      <c r="B19009">
        <v>214.93</v>
      </c>
      <c r="C19009">
        <v>18800</v>
      </c>
      <c r="D19009">
        <v>4</v>
      </c>
      <c r="E19009">
        <v>2931.47</v>
      </c>
      <c r="F19009">
        <v>99.116399999999999</v>
      </c>
    </row>
  </sheetData>
  <sortState ref="K2:L31">
    <sortCondition descending="1" ref="K2"/>
  </sortState>
  <mergeCells count="2">
    <mergeCell ref="A1:F1"/>
    <mergeCell ref="H3:I3"/>
  </mergeCells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3</vt:i4>
      </vt:variant>
    </vt:vector>
  </HeadingPairs>
  <TitlesOfParts>
    <vt:vector size="4" baseType="lpstr">
      <vt:lpstr>Data</vt:lpstr>
      <vt:lpstr>Data!January_exhaustive_search</vt:lpstr>
      <vt:lpstr>Data!January_exhaustive_search_1</vt:lpstr>
      <vt:lpstr>Data!recovered_latest_4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truzziero, Giacomo [SAS]</dc:creator>
  <cp:lastModifiedBy>s150573</cp:lastModifiedBy>
  <dcterms:created xsi:type="dcterms:W3CDTF">2013-01-03T14:16:43Z</dcterms:created>
  <dcterms:modified xsi:type="dcterms:W3CDTF">2016-11-04T12:17:53Z</dcterms:modified>
</cp:coreProperties>
</file>